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5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2"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
      <sz val="11"/>
      <color theme="0"/>
      <name val="ＭＳ Ｐゴシック"/>
      <family val="3"/>
      <charset val="128"/>
    </font>
  </fonts>
  <fills count="2">
    <fill>
      <patternFill patternType="none"/>
    </fill>
    <fill>
      <patternFill patternType="gray125"/>
    </fill>
  </fills>
  <borders count="123">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28">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3"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0" xfId="2" applyNumberFormat="1" applyFont="1" applyBorder="1">
      <alignment vertical="center"/>
    </xf>
    <xf numFmtId="180" fontId="2" fillId="0" borderId="66" xfId="2" applyNumberFormat="1" applyFont="1" applyBorder="1">
      <alignment vertical="center"/>
    </xf>
    <xf numFmtId="180" fontId="2" fillId="0" borderId="48" xfId="2" applyNumberFormat="1" applyFont="1" applyBorder="1">
      <alignment vertical="center"/>
    </xf>
    <xf numFmtId="180" fontId="2" fillId="0" borderId="67"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0"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30" xfId="2" applyNumberFormat="1" applyFont="1" applyBorder="1">
      <alignment vertical="center"/>
    </xf>
    <xf numFmtId="180" fontId="2" fillId="0" borderId="76"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0" xfId="0" applyNumberFormat="1" applyFont="1" applyBorder="1"/>
    <xf numFmtId="180" fontId="2" fillId="0" borderId="30" xfId="0" applyNumberFormat="1" applyFont="1" applyBorder="1"/>
    <xf numFmtId="179" fontId="2" fillId="0" borderId="42" xfId="0" applyNumberFormat="1" applyFont="1" applyBorder="1"/>
    <xf numFmtId="179" fontId="2" fillId="0" borderId="79" xfId="0" applyNumberFormat="1" applyFont="1" applyBorder="1"/>
    <xf numFmtId="179" fontId="2" fillId="0" borderId="57" xfId="0" applyNumberFormat="1" applyFont="1" applyBorder="1"/>
    <xf numFmtId="179" fontId="2" fillId="0" borderId="47" xfId="0" applyNumberFormat="1" applyFont="1" applyBorder="1"/>
    <xf numFmtId="179" fontId="2" fillId="0" borderId="66" xfId="0" applyNumberFormat="1" applyFont="1" applyBorder="1"/>
    <xf numFmtId="179" fontId="2" fillId="0" borderId="0" xfId="0" applyNumberFormat="1" applyFont="1"/>
    <xf numFmtId="179" fontId="2" fillId="0" borderId="64"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0"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0"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7" xfId="0" applyNumberFormat="1" applyBorder="1" applyAlignment="1">
      <alignment vertical="center"/>
    </xf>
    <xf numFmtId="178" fontId="0" fillId="0" borderId="76" xfId="0" applyNumberFormat="1" applyBorder="1" applyAlignment="1">
      <alignment vertical="center"/>
    </xf>
    <xf numFmtId="178" fontId="2" fillId="0" borderId="62" xfId="1" applyNumberFormat="1" applyFont="1" applyBorder="1" applyAlignment="1">
      <alignment vertical="center"/>
    </xf>
    <xf numFmtId="178" fontId="2" fillId="0" borderId="67" xfId="1" applyNumberFormat="1" applyFont="1" applyBorder="1" applyAlignment="1">
      <alignment vertical="center"/>
    </xf>
    <xf numFmtId="178" fontId="2" fillId="0" borderId="76"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12" xfId="3" applyFont="1" applyBorder="1" applyAlignment="1">
      <alignment horizontal="center"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7"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42" xfId="1" applyFont="1" applyBorder="1" applyAlignment="1">
      <alignment vertical="center"/>
    </xf>
    <xf numFmtId="38" fontId="9" fillId="0" borderId="79" xfId="1" applyFont="1" applyBorder="1" applyAlignment="1">
      <alignment vertical="center"/>
    </xf>
    <xf numFmtId="38" fontId="9" fillId="0" borderId="95"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8"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7"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0"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7" xfId="0" applyNumberFormat="1" applyFont="1" applyBorder="1"/>
    <xf numFmtId="179" fontId="2" fillId="0" borderId="76"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0" xfId="0" applyFont="1" applyBorder="1" applyAlignment="1">
      <alignment horizontal="center" vertical="center"/>
    </xf>
    <xf numFmtId="0" fontId="2" fillId="0" borderId="117" xfId="0" applyFont="1" applyBorder="1" applyAlignment="1">
      <alignment horizontal="center" vertical="center"/>
    </xf>
    <xf numFmtId="0" fontId="2" fillId="0" borderId="72" xfId="0" applyFont="1" applyBorder="1" applyAlignment="1">
      <alignment horizontal="center" vertical="center"/>
    </xf>
    <xf numFmtId="0" fontId="2" fillId="0" borderId="75" xfId="0" applyFont="1" applyBorder="1" applyAlignment="1">
      <alignment horizontal="center" vertical="center"/>
    </xf>
    <xf numFmtId="0" fontId="2" fillId="0" borderId="73" xfId="0" applyFont="1" applyBorder="1" applyAlignment="1">
      <alignment horizontal="center" vertical="center" wrapText="1"/>
    </xf>
    <xf numFmtId="0" fontId="2" fillId="0" borderId="92" xfId="0" applyFont="1" applyBorder="1" applyAlignment="1">
      <alignment horizontal="center" vertical="center"/>
    </xf>
    <xf numFmtId="0" fontId="3" fillId="0" borderId="19"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0"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0" xfId="1" applyFont="1" applyBorder="1" applyAlignment="1">
      <alignment vertical="center"/>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79" xfId="0" applyNumberFormat="1" applyFont="1" applyBorder="1" applyAlignment="1">
      <alignment shrinkToFit="1"/>
    </xf>
    <xf numFmtId="179" fontId="2" fillId="0" borderId="80"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1"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0" fontId="3" fillId="0" borderId="0" xfId="0" applyFont="1" applyAlignment="1">
      <alignment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7"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3"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7"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0" fontId="2" fillId="0" borderId="0" xfId="0" applyFont="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6" xfId="1" applyNumberFormat="1" applyFont="1" applyBorder="1" applyAlignment="1">
      <alignment vertical="center" shrinkToFit="1"/>
    </xf>
    <xf numFmtId="180" fontId="0" fillId="0" borderId="79"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3" xfId="0" applyBorder="1" applyAlignment="1">
      <alignment horizontal="left" vertical="center" shrinkToFit="1"/>
    </xf>
    <xf numFmtId="0" fontId="0" fillId="0" borderId="7" xfId="0" applyBorder="1" applyAlignment="1">
      <alignment horizontal="left" vertical="center" shrinkToFit="1"/>
    </xf>
    <xf numFmtId="0" fontId="0" fillId="0" borderId="7" xfId="0" applyBorder="1" applyAlignment="1">
      <alignment horizontal="left" vertical="center"/>
    </xf>
    <xf numFmtId="0" fontId="0" fillId="0" borderId="14" xfId="0" applyBorder="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78" fontId="11" fillId="0" borderId="62" xfId="0" applyNumberFormat="1" applyFont="1" applyBorder="1" applyAlignment="1">
      <alignment vertical="center"/>
    </xf>
    <xf numFmtId="178" fontId="11" fillId="0" borderId="67" xfId="0" applyNumberFormat="1" applyFont="1" applyBorder="1" applyAlignment="1">
      <alignment vertical="center"/>
    </xf>
    <xf numFmtId="178" fontId="11" fillId="0" borderId="76" xfId="0" applyNumberFormat="1" applyFont="1" applyBorder="1" applyAlignment="1">
      <alignment vertical="center"/>
    </xf>
    <xf numFmtId="179" fontId="11" fillId="0" borderId="99" xfId="0" applyNumberFormat="1" applyFont="1" applyBorder="1" applyAlignment="1">
      <alignment shrinkToFit="1"/>
    </xf>
    <xf numFmtId="179" fontId="11" fillId="0" borderId="100" xfId="0" applyNumberFormat="1" applyFont="1" applyBorder="1" applyAlignment="1">
      <alignment shrinkToFit="1"/>
    </xf>
    <xf numFmtId="179" fontId="11" fillId="0" borderId="101" xfId="0" applyNumberFormat="1" applyFont="1" applyBorder="1" applyAlignment="1">
      <alignment shrinkToFit="1"/>
    </xf>
    <xf numFmtId="179" fontId="11" fillId="0" borderId="102" xfId="0" applyNumberFormat="1" applyFont="1" applyBorder="1" applyAlignment="1">
      <alignment shrinkToFit="1"/>
    </xf>
    <xf numFmtId="179" fontId="11" fillId="0" borderId="103" xfId="0" applyNumberFormat="1" applyFont="1" applyBorder="1" applyAlignment="1">
      <alignment shrinkToFit="1"/>
    </xf>
    <xf numFmtId="179" fontId="11" fillId="0" borderId="104" xfId="0" applyNumberFormat="1" applyFont="1" applyBorder="1" applyAlignment="1">
      <alignment shrinkToFit="1"/>
    </xf>
    <xf numFmtId="179" fontId="11" fillId="0" borderId="105" xfId="0" applyNumberFormat="1" applyFont="1" applyBorder="1" applyAlignment="1">
      <alignment shrinkToFit="1"/>
    </xf>
    <xf numFmtId="179" fontId="11" fillId="0" borderId="106" xfId="0" applyNumberFormat="1" applyFont="1" applyBorder="1" applyAlignment="1">
      <alignment shrinkToFit="1"/>
    </xf>
    <xf numFmtId="179" fontId="11" fillId="0" borderId="69" xfId="0" applyNumberFormat="1" applyFont="1" applyBorder="1" applyAlignment="1">
      <alignment shrinkToFit="1"/>
    </xf>
    <xf numFmtId="179" fontId="11" fillId="0" borderId="107" xfId="0" applyNumberFormat="1" applyFont="1" applyBorder="1" applyAlignment="1">
      <alignment shrinkToFit="1"/>
    </xf>
    <xf numFmtId="179" fontId="11" fillId="0" borderId="108" xfId="0" applyNumberFormat="1" applyFont="1" applyBorder="1" applyAlignment="1">
      <alignment shrinkToFit="1"/>
    </xf>
    <xf numFmtId="179" fontId="11" fillId="0" borderId="104" xfId="0" applyNumberFormat="1" applyFont="1" applyBorder="1"/>
    <xf numFmtId="179" fontId="11" fillId="0" borderId="105" xfId="0" applyNumberFormat="1" applyFont="1" applyBorder="1"/>
    <xf numFmtId="179" fontId="11" fillId="0" borderId="106" xfId="0" applyNumberFormat="1" applyFont="1" applyBorder="1"/>
    <xf numFmtId="179" fontId="11" fillId="0" borderId="69" xfId="0" applyNumberFormat="1" applyFont="1" applyBorder="1"/>
    <xf numFmtId="179" fontId="11" fillId="0" borderId="107" xfId="0" applyNumberFormat="1" applyFont="1" applyBorder="1"/>
    <xf numFmtId="179" fontId="11" fillId="0" borderId="108" xfId="0" applyNumberFormat="1" applyFont="1" applyBorder="1"/>
    <xf numFmtId="179" fontId="11" fillId="0" borderId="109" xfId="0" applyNumberFormat="1" applyFont="1" applyBorder="1"/>
    <xf numFmtId="179" fontId="11" fillId="0" borderId="110" xfId="0" applyNumberFormat="1" applyFont="1" applyBorder="1"/>
    <xf numFmtId="179" fontId="11" fillId="0" borderId="111" xfId="0" applyNumberFormat="1" applyFont="1" applyBorder="1"/>
    <xf numFmtId="179" fontId="11" fillId="0" borderId="78" xfId="0" applyNumberFormat="1" applyFont="1" applyBorder="1"/>
    <xf numFmtId="179" fontId="11" fillId="0" borderId="112" xfId="0" applyNumberFormat="1" applyFont="1" applyBorder="1"/>
    <xf numFmtId="179" fontId="11" fillId="0" borderId="113" xfId="0" applyNumberFormat="1" applyFont="1" applyBorder="1"/>
    <xf numFmtId="180" fontId="11" fillId="0" borderId="60" xfId="1" applyNumberFormat="1" applyFont="1" applyFill="1" applyBorder="1" applyAlignment="1">
      <alignment vertical="center" shrinkToFit="1"/>
    </xf>
    <xf numFmtId="180" fontId="11" fillId="0" borderId="67" xfId="1" applyNumberFormat="1" applyFont="1" applyFill="1" applyBorder="1" applyAlignment="1">
      <alignment vertical="center" shrinkToFit="1"/>
    </xf>
    <xf numFmtId="180" fontId="11" fillId="0" borderId="67" xfId="1" applyNumberFormat="1" applyFont="1" applyFill="1" applyBorder="1" applyAlignment="1">
      <alignment vertical="center"/>
    </xf>
    <xf numFmtId="180" fontId="11" fillId="0" borderId="76" xfId="1" applyNumberFormat="1" applyFont="1" applyFill="1" applyBorder="1" applyAlignment="1">
      <alignment vertical="center"/>
    </xf>
    <xf numFmtId="0" fontId="5" fillId="0" borderId="0" xfId="0" applyFont="1" applyAlignment="1">
      <alignment horizontal="center" vertical="center"/>
    </xf>
    <xf numFmtId="0" fontId="3" fillId="0" borderId="116" xfId="0" applyFont="1" applyBorder="1" applyAlignment="1">
      <alignment horizontal="center" vertical="center"/>
    </xf>
    <xf numFmtId="0" fontId="3" fillId="0" borderId="83" xfId="0" applyFont="1" applyBorder="1" applyAlignment="1">
      <alignment horizontal="center" vertical="center"/>
    </xf>
    <xf numFmtId="0" fontId="3" fillId="0" borderId="10" xfId="0" applyFont="1" applyBorder="1" applyAlignment="1">
      <alignment horizontal="center" vertical="center"/>
    </xf>
    <xf numFmtId="0" fontId="0" fillId="0" borderId="93" xfId="0" applyBorder="1" applyAlignment="1">
      <alignment horizontal="left" vertical="center"/>
    </xf>
    <xf numFmtId="0" fontId="0" fillId="0" borderId="94" xfId="0" applyBorder="1" applyAlignment="1">
      <alignment horizontal="left" vertical="center"/>
    </xf>
    <xf numFmtId="0" fontId="2" fillId="0" borderId="1" xfId="0" applyFont="1" applyBorder="1" applyAlignment="1">
      <alignment horizontal="left" vertical="center"/>
    </xf>
    <xf numFmtId="0" fontId="2" fillId="0" borderId="83"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3" xfId="0" applyFont="1" applyBorder="1" applyAlignment="1">
      <alignment horizontal="center" vertical="center"/>
    </xf>
    <xf numFmtId="0" fontId="2" fillId="0" borderId="10" xfId="0" applyFont="1" applyBorder="1" applyAlignment="1">
      <alignment horizontal="center" vertical="center"/>
    </xf>
    <xf numFmtId="0" fontId="2" fillId="0" borderId="91" xfId="0" applyFont="1" applyBorder="1" applyAlignment="1">
      <alignment horizontal="center" vertical="center"/>
    </xf>
    <xf numFmtId="0" fontId="2" fillId="0" borderId="74" xfId="0" applyFont="1" applyBorder="1" applyAlignment="1">
      <alignment horizontal="center" vertical="center"/>
    </xf>
    <xf numFmtId="0" fontId="2" fillId="0" borderId="92"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8" xfId="0" applyBorder="1" applyAlignment="1">
      <alignment horizontal="center" vertical="center"/>
    </xf>
    <xf numFmtId="0" fontId="2" fillId="0" borderId="93" xfId="0" applyFont="1" applyBorder="1" applyAlignment="1">
      <alignment horizontal="center" vertical="center"/>
    </xf>
    <xf numFmtId="0" fontId="2" fillId="0" borderId="94"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6" xfId="0" applyFont="1" applyBorder="1" applyAlignment="1">
      <alignment horizontal="center"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6" xfId="3" applyFont="1" applyBorder="1" applyAlignment="1">
      <alignment horizontal="center" vertical="center"/>
    </xf>
    <xf numFmtId="0" fontId="9" fillId="0" borderId="118"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1" xfId="3" applyFont="1" applyBorder="1" applyAlignment="1">
      <alignment horizontal="center" vertical="center"/>
    </xf>
    <xf numFmtId="0" fontId="9" fillId="0" borderId="43" xfId="3" applyFont="1" applyBorder="1" applyAlignment="1">
      <alignment horizontal="center" vertical="center"/>
    </xf>
    <xf numFmtId="0" fontId="9" fillId="0" borderId="98" xfId="3" applyFont="1" applyBorder="1" applyAlignment="1">
      <alignment horizontal="center" vertical="center"/>
    </xf>
    <xf numFmtId="0" fontId="9" fillId="0" borderId="93" xfId="3" applyFont="1" applyBorder="1" applyAlignment="1">
      <alignment horizontal="center" vertical="center"/>
    </xf>
    <xf numFmtId="0" fontId="9" fillId="0" borderId="94" xfId="3" applyFont="1" applyBorder="1" applyAlignment="1">
      <alignment horizontal="center" vertical="center"/>
    </xf>
    <xf numFmtId="0" fontId="9" fillId="0" borderId="87" xfId="3" applyFont="1" applyBorder="1" applyAlignment="1">
      <alignment horizontal="center" vertical="center"/>
    </xf>
    <xf numFmtId="0" fontId="9" fillId="0" borderId="88" xfId="3" applyFont="1" applyBorder="1" applyAlignment="1">
      <alignment horizontal="center" vertical="center"/>
    </xf>
    <xf numFmtId="0" fontId="9" fillId="0" borderId="97" xfId="3" applyFont="1" applyBorder="1" applyAlignment="1">
      <alignment horizontal="center" vertical="center"/>
    </xf>
    <xf numFmtId="0" fontId="9" fillId="0" borderId="83"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6" xfId="0" applyFont="1" applyBorder="1" applyAlignment="1">
      <alignment horizontal="center" vertical="center"/>
    </xf>
    <xf numFmtId="0" fontId="9" fillId="0" borderId="114" xfId="3" applyFont="1" applyBorder="1" applyAlignment="1">
      <alignment horizontal="center" vertical="center"/>
    </xf>
    <xf numFmtId="0" fontId="9" fillId="0" borderId="90"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5"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8"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0" xfId="0" applyFont="1" applyBorder="1" applyAlignment="1">
      <alignment horizontal="center" vertical="center"/>
    </xf>
    <xf numFmtId="0" fontId="3" fillId="0" borderId="57" xfId="0" applyFont="1" applyBorder="1" applyAlignment="1">
      <alignment horizontal="center" vertical="center"/>
    </xf>
    <xf numFmtId="0" fontId="3" fillId="0" borderId="81" xfId="0" applyFont="1" applyBorder="1" applyAlignment="1">
      <alignment horizontal="center" vertical="center"/>
    </xf>
    <xf numFmtId="0" fontId="3" fillId="0" borderId="56" xfId="0" applyFont="1" applyBorder="1" applyAlignment="1">
      <alignment horizontal="center" vertical="center" wrapText="1"/>
    </xf>
    <xf numFmtId="0" fontId="3" fillId="0" borderId="82"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3"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8" xfId="0" applyFont="1" applyBorder="1" applyAlignment="1">
      <alignment horizontal="center" vertical="center"/>
    </xf>
    <xf numFmtId="0" fontId="3" fillId="0" borderId="93" xfId="0" applyFont="1" applyBorder="1" applyAlignment="1">
      <alignment horizontal="center" vertical="center"/>
    </xf>
    <xf numFmtId="0" fontId="3" fillId="0" borderId="94" xfId="0" applyFont="1" applyBorder="1" applyAlignment="1">
      <alignment horizontal="center" vertical="center"/>
    </xf>
    <xf numFmtId="0" fontId="0" fillId="0" borderId="1" xfId="0" applyFont="1" applyBorder="1" applyAlignment="1">
      <alignment vertical="center"/>
    </xf>
    <xf numFmtId="0" fontId="3" fillId="0" borderId="87" xfId="0" applyFont="1" applyBorder="1" applyAlignment="1">
      <alignment horizontal="center" vertical="center"/>
    </xf>
    <xf numFmtId="0" fontId="3" fillId="0" borderId="88" xfId="0" applyFont="1" applyBorder="1" applyAlignment="1">
      <alignment horizontal="center" vertical="center"/>
    </xf>
    <xf numFmtId="0" fontId="3" fillId="0" borderId="84" xfId="0" applyFont="1" applyBorder="1" applyAlignment="1">
      <alignment horizontal="center" vertical="center"/>
    </xf>
    <xf numFmtId="0" fontId="0" fillId="0" borderId="83" xfId="0" applyBorder="1" applyAlignment="1"/>
    <xf numFmtId="0" fontId="0" fillId="0" borderId="10" xfId="0" applyBorder="1" applyAlignment="1"/>
    <xf numFmtId="0" fontId="3" fillId="0" borderId="57" xfId="0" applyFont="1" applyBorder="1" applyAlignment="1">
      <alignment horizontal="center" vertical="center" wrapText="1"/>
    </xf>
    <xf numFmtId="182" fontId="3" fillId="0" borderId="0" xfId="0" applyNumberFormat="1" applyFont="1" applyAlignment="1">
      <alignment horizontal="left" vertical="center"/>
    </xf>
    <xf numFmtId="0" fontId="3" fillId="0" borderId="95" xfId="0" applyFont="1" applyBorder="1" applyAlignment="1">
      <alignment horizontal="center" vertical="center"/>
    </xf>
    <xf numFmtId="0" fontId="3" fillId="0" borderId="89"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6" xfId="0" applyFont="1" applyBorder="1" applyAlignment="1">
      <alignment horizontal="center" vertical="center"/>
    </xf>
    <xf numFmtId="0" fontId="3" fillId="0" borderId="7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2"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2"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3"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3"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3"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3" fillId="0" borderId="1" xfId="0" applyFont="1" applyBorder="1" applyAlignment="1">
      <alignment horizontal="left" vertical="center"/>
    </xf>
    <xf numFmtId="0" fontId="3" fillId="0" borderId="83"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83"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70" xfId="0" applyFont="1" applyBorder="1" applyAlignment="1">
      <alignment horizontal="center" vertical="center"/>
    </xf>
    <xf numFmtId="0" fontId="3" fillId="0" borderId="40" xfId="0" applyFont="1" applyBorder="1" applyAlignment="1">
      <alignment horizontal="center" vertical="center"/>
    </xf>
    <xf numFmtId="0" fontId="3" fillId="0" borderId="30" xfId="0" applyFont="1" applyBorder="1" applyAlignment="1">
      <alignment horizontal="center" vertical="center"/>
    </xf>
    <xf numFmtId="0" fontId="3" fillId="0" borderId="115" xfId="0" applyFont="1" applyBorder="1" applyAlignment="1">
      <alignment horizontal="center" vertical="center"/>
    </xf>
    <xf numFmtId="0" fontId="3" fillId="0" borderId="90"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3"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6" xfId="0" applyFont="1" applyBorder="1" applyAlignment="1">
      <alignment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5" xfId="0" applyFont="1" applyBorder="1" applyAlignment="1">
      <alignment horizontal="center"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7" xfId="0" applyFont="1" applyBorder="1" applyAlignment="1">
      <alignment horizontal="center" vertical="center"/>
    </xf>
    <xf numFmtId="0" fontId="3" fillId="0" borderId="7" xfId="0" applyFont="1" applyBorder="1" applyAlignment="1">
      <alignment horizontal="center" vertical="center"/>
    </xf>
    <xf numFmtId="0" fontId="3" fillId="0" borderId="48" xfId="0" applyFont="1" applyBorder="1" applyAlignment="1">
      <alignment horizontal="center" vertical="center"/>
    </xf>
    <xf numFmtId="182" fontId="3" fillId="0" borderId="0" xfId="0" applyNumberFormat="1" applyFont="1" applyBorder="1" applyAlignment="1">
      <alignment horizontal="left" vertical="center"/>
    </xf>
    <xf numFmtId="0" fontId="3" fillId="0" borderId="118" xfId="0" applyFont="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0" fillId="0" borderId="118"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3"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3"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6"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5"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118"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98"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59" xfId="0" applyFont="1" applyFill="1" applyBorder="1" applyAlignment="1">
      <alignment horizontal="center" vertical="center"/>
    </xf>
    <xf numFmtId="0" fontId="2" fillId="0" borderId="56" xfId="0" applyFont="1" applyBorder="1" applyAlignment="1">
      <alignment horizontal="center" vertical="center"/>
    </xf>
    <xf numFmtId="0" fontId="2" fillId="0" borderId="68" xfId="0" applyFont="1" applyBorder="1" applyAlignment="1">
      <alignment horizontal="center" vertical="center"/>
    </xf>
    <xf numFmtId="0" fontId="2" fillId="0" borderId="77"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96" xfId="0" applyFont="1" applyBorder="1" applyAlignment="1">
      <alignment horizontal="center" vertical="center"/>
    </xf>
    <xf numFmtId="0" fontId="2" fillId="0" borderId="42" xfId="0" applyFont="1" applyBorder="1" applyAlignment="1">
      <alignment horizontal="center" vertical="center"/>
    </xf>
    <xf numFmtId="0" fontId="2" fillId="0" borderId="7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81" xfId="0" applyFont="1" applyBorder="1" applyAlignment="1">
      <alignment horizontal="center" vertical="center"/>
    </xf>
    <xf numFmtId="0" fontId="2" fillId="0" borderId="80" xfId="0" applyFont="1" applyBorder="1" applyAlignment="1">
      <alignment horizontal="center" vertical="center"/>
    </xf>
    <xf numFmtId="0" fontId="2" fillId="0" borderId="30" xfId="0" applyFont="1" applyBorder="1" applyAlignment="1">
      <alignment horizontal="center" vertical="center"/>
    </xf>
    <xf numFmtId="0" fontId="2" fillId="0" borderId="49" xfId="0" applyFont="1" applyBorder="1" applyAlignment="1">
      <alignment horizontal="center" vertical="center"/>
    </xf>
    <xf numFmtId="0" fontId="2" fillId="0" borderId="4"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95" xfId="0" applyFont="1" applyBorder="1" applyAlignment="1">
      <alignment horizontal="center" vertical="center"/>
    </xf>
    <xf numFmtId="0" fontId="2" fillId="0" borderId="115" xfId="0" applyFont="1" applyBorder="1" applyAlignment="1">
      <alignment horizontal="center" vertical="center"/>
    </xf>
    <xf numFmtId="0" fontId="2" fillId="0" borderId="90" xfId="0" applyFont="1" applyBorder="1" applyAlignment="1">
      <alignment horizontal="center" vertical="center"/>
    </xf>
    <xf numFmtId="182" fontId="2" fillId="0" borderId="0" xfId="0" applyNumberFormat="1" applyFont="1" applyBorder="1" applyAlignment="1">
      <alignment horizontal="left" vertical="center"/>
    </xf>
    <xf numFmtId="0" fontId="2" fillId="0" borderId="70" xfId="0" applyFont="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6" xfId="0" applyBorder="1" applyAlignment="1">
      <alignment horizontal="center" vertical="center"/>
    </xf>
    <xf numFmtId="0" fontId="0" fillId="0" borderId="79"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0"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8"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48"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5"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1" xfId="0" applyBorder="1" applyAlignment="1">
      <alignment horizontal="left" vertical="center"/>
    </xf>
    <xf numFmtId="0" fontId="0" fillId="0" borderId="83" xfId="0" applyBorder="1" applyAlignment="1">
      <alignment horizontal="left" vertical="center"/>
    </xf>
    <xf numFmtId="0" fontId="0" fillId="0" borderId="10" xfId="0" applyBorder="1" applyAlignment="1">
      <alignment horizontal="left" vertical="center"/>
    </xf>
    <xf numFmtId="0" fontId="0" fillId="0" borderId="12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72" t="s">
        <v>0</v>
      </c>
      <c r="F1" s="472"/>
      <c r="G1" s="472"/>
      <c r="H1" s="472"/>
      <c r="I1" s="2"/>
      <c r="J1" s="2"/>
      <c r="K1" s="2"/>
      <c r="L1" s="2"/>
    </row>
    <row r="2" spans="1:13" ht="24" customHeight="1" x14ac:dyDescent="0.2">
      <c r="A2" s="2"/>
      <c r="B2" s="2"/>
      <c r="C2" s="2"/>
      <c r="D2" s="2"/>
      <c r="E2" s="2"/>
      <c r="F2" s="322">
        <v>6</v>
      </c>
      <c r="G2" s="229">
        <v>2</v>
      </c>
      <c r="H2" s="2"/>
      <c r="I2" s="2"/>
      <c r="J2" s="2"/>
      <c r="K2" s="2"/>
      <c r="L2" s="2"/>
      <c r="M2" s="2"/>
    </row>
    <row r="3" spans="1:13" ht="24" customHeight="1" x14ac:dyDescent="0.2"/>
    <row r="4" spans="1:13" ht="20.25" customHeight="1" x14ac:dyDescent="0.2">
      <c r="D4" s="3"/>
      <c r="E4" s="4" t="s">
        <v>1</v>
      </c>
      <c r="F4" s="3"/>
      <c r="H4" s="236">
        <f>G2</f>
        <v>2</v>
      </c>
    </row>
    <row r="5" spans="1:13" ht="10.5" customHeight="1" thickBot="1" x14ac:dyDescent="0.25">
      <c r="E5" s="5"/>
    </row>
    <row r="6" spans="1:13" ht="21" customHeight="1" x14ac:dyDescent="0.2">
      <c r="E6" s="302"/>
      <c r="F6" s="473" t="s">
        <v>2</v>
      </c>
      <c r="G6" s="474"/>
      <c r="H6" s="474"/>
      <c r="I6" s="475"/>
    </row>
    <row r="7" spans="1:13" ht="21" customHeight="1" x14ac:dyDescent="0.2">
      <c r="E7" s="7"/>
      <c r="F7" s="8"/>
      <c r="G7" s="9" t="s">
        <v>3</v>
      </c>
      <c r="H7" s="304" t="s">
        <v>148</v>
      </c>
      <c r="I7" s="305" t="s">
        <v>147</v>
      </c>
    </row>
    <row r="8" spans="1:13" ht="21" customHeight="1" x14ac:dyDescent="0.2">
      <c r="E8" s="439" t="s">
        <v>4</v>
      </c>
      <c r="F8" s="329">
        <v>2351244</v>
      </c>
      <c r="G8" s="329">
        <v>1008777</v>
      </c>
      <c r="H8" s="329">
        <v>930848</v>
      </c>
      <c r="I8" s="330">
        <v>411619</v>
      </c>
    </row>
    <row r="9" spans="1:13" ht="21" customHeight="1" x14ac:dyDescent="0.2">
      <c r="E9" s="440" t="s">
        <v>5</v>
      </c>
      <c r="F9" s="331">
        <v>939111</v>
      </c>
      <c r="G9" s="331">
        <v>402233</v>
      </c>
      <c r="H9" s="331">
        <v>366483</v>
      </c>
      <c r="I9" s="332">
        <v>170395</v>
      </c>
    </row>
    <row r="10" spans="1:13" ht="21" customHeight="1" x14ac:dyDescent="0.2">
      <c r="E10" s="440" t="s">
        <v>6</v>
      </c>
      <c r="F10" s="331">
        <v>309667</v>
      </c>
      <c r="G10" s="331">
        <v>139314</v>
      </c>
      <c r="H10" s="331">
        <v>116749</v>
      </c>
      <c r="I10" s="332">
        <v>53604</v>
      </c>
    </row>
    <row r="11" spans="1:13" ht="21" customHeight="1" x14ac:dyDescent="0.2">
      <c r="E11" s="440" t="s">
        <v>14</v>
      </c>
      <c r="F11" s="331">
        <v>188908</v>
      </c>
      <c r="G11" s="331">
        <v>81812</v>
      </c>
      <c r="H11" s="331">
        <v>77249</v>
      </c>
      <c r="I11" s="332">
        <v>29847</v>
      </c>
    </row>
    <row r="12" spans="1:13" ht="21" customHeight="1" x14ac:dyDescent="0.2">
      <c r="E12" s="440" t="s">
        <v>7</v>
      </c>
      <c r="F12" s="331">
        <v>124958</v>
      </c>
      <c r="G12" s="331">
        <v>50611</v>
      </c>
      <c r="H12" s="331">
        <v>51427</v>
      </c>
      <c r="I12" s="332">
        <v>22920</v>
      </c>
    </row>
    <row r="13" spans="1:13" ht="21" customHeight="1" x14ac:dyDescent="0.2">
      <c r="E13" s="440" t="s">
        <v>8</v>
      </c>
      <c r="F13" s="331">
        <v>73805</v>
      </c>
      <c r="G13" s="331">
        <v>32166</v>
      </c>
      <c r="H13" s="331">
        <v>29531</v>
      </c>
      <c r="I13" s="332">
        <v>12108</v>
      </c>
    </row>
    <row r="14" spans="1:13" ht="21" customHeight="1" x14ac:dyDescent="0.2">
      <c r="E14" s="440" t="s">
        <v>9</v>
      </c>
      <c r="F14" s="331">
        <v>53430</v>
      </c>
      <c r="G14" s="331">
        <v>19943</v>
      </c>
      <c r="H14" s="331">
        <v>21528</v>
      </c>
      <c r="I14" s="332">
        <v>11959</v>
      </c>
    </row>
    <row r="15" spans="1:13" ht="21" customHeight="1" x14ac:dyDescent="0.2">
      <c r="E15" s="440" t="s">
        <v>10</v>
      </c>
      <c r="F15" s="331">
        <v>108860</v>
      </c>
      <c r="G15" s="331">
        <v>45651</v>
      </c>
      <c r="H15" s="331">
        <v>43421</v>
      </c>
      <c r="I15" s="332">
        <v>19788</v>
      </c>
    </row>
    <row r="16" spans="1:13" ht="21" customHeight="1" x14ac:dyDescent="0.2">
      <c r="E16" s="440" t="s">
        <v>11</v>
      </c>
      <c r="F16" s="331">
        <v>57518</v>
      </c>
      <c r="G16" s="331">
        <v>24858</v>
      </c>
      <c r="H16" s="331">
        <v>22371</v>
      </c>
      <c r="I16" s="332">
        <v>10289</v>
      </c>
    </row>
    <row r="17" spans="5:13" ht="21" customHeight="1" x14ac:dyDescent="0.2">
      <c r="E17" s="440" t="s">
        <v>12</v>
      </c>
      <c r="F17" s="331">
        <v>66072</v>
      </c>
      <c r="G17" s="331">
        <v>27694</v>
      </c>
      <c r="H17" s="331">
        <v>26371</v>
      </c>
      <c r="I17" s="332">
        <v>12007</v>
      </c>
    </row>
    <row r="18" spans="5:13" ht="21" customHeight="1" x14ac:dyDescent="0.2">
      <c r="E18" s="440" t="s">
        <v>13</v>
      </c>
      <c r="F18" s="331">
        <v>18492</v>
      </c>
      <c r="G18" s="331">
        <v>6872</v>
      </c>
      <c r="H18" s="331">
        <v>7522</v>
      </c>
      <c r="I18" s="332">
        <v>4098</v>
      </c>
      <c r="M18" s="1" t="s">
        <v>87</v>
      </c>
    </row>
    <row r="19" spans="5:13" ht="21" customHeight="1" x14ac:dyDescent="0.2">
      <c r="E19" s="440" t="s">
        <v>15</v>
      </c>
      <c r="F19" s="331">
        <v>16006</v>
      </c>
      <c r="G19" s="331">
        <v>6843</v>
      </c>
      <c r="H19" s="331">
        <v>6291</v>
      </c>
      <c r="I19" s="332">
        <v>2872</v>
      </c>
    </row>
    <row r="20" spans="5:13" ht="21" customHeight="1" x14ac:dyDescent="0.2">
      <c r="E20" s="440" t="s">
        <v>16</v>
      </c>
      <c r="F20" s="331">
        <v>49595</v>
      </c>
      <c r="G20" s="331">
        <v>22300</v>
      </c>
      <c r="H20" s="331">
        <v>20102</v>
      </c>
      <c r="I20" s="332">
        <v>7193</v>
      </c>
    </row>
    <row r="21" spans="5:13" ht="21" customHeight="1" x14ac:dyDescent="0.2">
      <c r="E21" s="440" t="s">
        <v>17</v>
      </c>
      <c r="F21" s="331">
        <v>58921</v>
      </c>
      <c r="G21" s="331">
        <v>26265</v>
      </c>
      <c r="H21" s="331">
        <v>24176</v>
      </c>
      <c r="I21" s="332">
        <v>8480</v>
      </c>
    </row>
    <row r="22" spans="5:13" ht="21" customHeight="1" x14ac:dyDescent="0.2">
      <c r="E22" s="440" t="s">
        <v>18</v>
      </c>
      <c r="F22" s="331">
        <v>58431</v>
      </c>
      <c r="G22" s="331">
        <v>25133</v>
      </c>
      <c r="H22" s="331">
        <v>23991</v>
      </c>
      <c r="I22" s="332">
        <v>9307</v>
      </c>
    </row>
    <row r="23" spans="5:13" ht="21" customHeight="1" x14ac:dyDescent="0.2">
      <c r="E23" s="440" t="s">
        <v>19</v>
      </c>
      <c r="F23" s="331">
        <v>26754</v>
      </c>
      <c r="G23" s="331">
        <v>11551</v>
      </c>
      <c r="H23" s="331">
        <v>10945</v>
      </c>
      <c r="I23" s="332">
        <v>4258</v>
      </c>
    </row>
    <row r="24" spans="5:13" ht="21" customHeight="1" x14ac:dyDescent="0.2">
      <c r="E24" s="440" t="s">
        <v>20</v>
      </c>
      <c r="F24" s="331">
        <v>34255</v>
      </c>
      <c r="G24" s="331">
        <v>15073</v>
      </c>
      <c r="H24" s="331">
        <v>14092</v>
      </c>
      <c r="I24" s="332">
        <v>5090</v>
      </c>
    </row>
    <row r="25" spans="5:13" ht="21" customHeight="1" x14ac:dyDescent="0.2">
      <c r="E25" s="440" t="s">
        <v>21</v>
      </c>
      <c r="F25" s="331">
        <v>34526</v>
      </c>
      <c r="G25" s="331">
        <v>15134</v>
      </c>
      <c r="H25" s="331">
        <v>14073</v>
      </c>
      <c r="I25" s="332">
        <v>5319</v>
      </c>
    </row>
    <row r="26" spans="5:13" ht="21" customHeight="1" x14ac:dyDescent="0.2">
      <c r="E26" s="440" t="s">
        <v>22</v>
      </c>
      <c r="F26" s="331">
        <v>13621</v>
      </c>
      <c r="G26" s="331">
        <v>5598</v>
      </c>
      <c r="H26" s="331">
        <v>5596</v>
      </c>
      <c r="I26" s="332">
        <v>2427</v>
      </c>
    </row>
    <row r="27" spans="5:13" ht="21" customHeight="1" x14ac:dyDescent="0.2">
      <c r="E27" s="440" t="s">
        <v>23</v>
      </c>
      <c r="F27" s="331">
        <v>22692</v>
      </c>
      <c r="G27" s="331">
        <v>9199</v>
      </c>
      <c r="H27" s="331">
        <v>10096</v>
      </c>
      <c r="I27" s="332">
        <v>3397</v>
      </c>
    </row>
    <row r="28" spans="5:13" ht="21" customHeight="1" x14ac:dyDescent="0.2">
      <c r="E28" s="440" t="s">
        <v>24</v>
      </c>
      <c r="F28" s="331">
        <v>10122</v>
      </c>
      <c r="G28" s="331">
        <v>3729</v>
      </c>
      <c r="H28" s="331">
        <v>4279</v>
      </c>
      <c r="I28" s="332">
        <v>2114</v>
      </c>
    </row>
    <row r="29" spans="5:13" ht="21" customHeight="1" x14ac:dyDescent="0.2">
      <c r="E29" s="440" t="s">
        <v>25</v>
      </c>
      <c r="F29" s="331">
        <v>13500</v>
      </c>
      <c r="G29" s="331">
        <v>6080</v>
      </c>
      <c r="H29" s="331">
        <v>5500</v>
      </c>
      <c r="I29" s="332">
        <v>1920</v>
      </c>
    </row>
    <row r="30" spans="5:13" ht="21" customHeight="1" x14ac:dyDescent="0.2">
      <c r="E30" s="440" t="s">
        <v>26</v>
      </c>
      <c r="F30" s="331">
        <v>11092</v>
      </c>
      <c r="G30" s="331">
        <v>4488</v>
      </c>
      <c r="H30" s="331">
        <v>4631</v>
      </c>
      <c r="I30" s="332">
        <v>1973</v>
      </c>
    </row>
    <row r="31" spans="5:13" ht="21" customHeight="1" x14ac:dyDescent="0.2">
      <c r="E31" s="440" t="s">
        <v>27</v>
      </c>
      <c r="F31" s="331">
        <v>9853</v>
      </c>
      <c r="G31" s="331">
        <v>3842</v>
      </c>
      <c r="H31" s="331">
        <v>4061</v>
      </c>
      <c r="I31" s="332">
        <v>1950</v>
      </c>
    </row>
    <row r="32" spans="5:13" ht="21" customHeight="1" x14ac:dyDescent="0.2">
      <c r="E32" s="440" t="s">
        <v>28</v>
      </c>
      <c r="F32" s="331">
        <v>3214</v>
      </c>
      <c r="G32" s="331">
        <v>1437</v>
      </c>
      <c r="H32" s="331">
        <v>1326</v>
      </c>
      <c r="I32" s="332">
        <v>451</v>
      </c>
    </row>
    <row r="33" spans="5:9" ht="21" customHeight="1" x14ac:dyDescent="0.2">
      <c r="E33" s="440" t="s">
        <v>29</v>
      </c>
      <c r="F33" s="331">
        <v>5000</v>
      </c>
      <c r="G33" s="331">
        <v>2163</v>
      </c>
      <c r="H33" s="331">
        <v>2067</v>
      </c>
      <c r="I33" s="332">
        <v>770</v>
      </c>
    </row>
    <row r="34" spans="5:9" ht="21" customHeight="1" x14ac:dyDescent="0.2">
      <c r="E34" s="440" t="s">
        <v>30</v>
      </c>
      <c r="F34" s="331">
        <v>3705</v>
      </c>
      <c r="G34" s="331">
        <v>1537</v>
      </c>
      <c r="H34" s="331">
        <v>1457</v>
      </c>
      <c r="I34" s="332">
        <v>711</v>
      </c>
    </row>
    <row r="35" spans="5:9" ht="21" customHeight="1" x14ac:dyDescent="0.2">
      <c r="E35" s="440" t="s">
        <v>31</v>
      </c>
      <c r="F35" s="331">
        <v>4014</v>
      </c>
      <c r="G35" s="331">
        <v>1822</v>
      </c>
      <c r="H35" s="331">
        <v>1434</v>
      </c>
      <c r="I35" s="332">
        <v>758</v>
      </c>
    </row>
    <row r="36" spans="5:9" ht="21" customHeight="1" x14ac:dyDescent="0.2">
      <c r="E36" s="440" t="s">
        <v>32</v>
      </c>
      <c r="F36" s="331">
        <v>4690</v>
      </c>
      <c r="G36" s="331">
        <v>2041</v>
      </c>
      <c r="H36" s="331">
        <v>1855</v>
      </c>
      <c r="I36" s="332">
        <v>794</v>
      </c>
    </row>
    <row r="37" spans="5:9" ht="21" customHeight="1" x14ac:dyDescent="0.2">
      <c r="E37" s="440" t="s">
        <v>33</v>
      </c>
      <c r="F37" s="331">
        <v>4133</v>
      </c>
      <c r="G37" s="331">
        <v>1767</v>
      </c>
      <c r="H37" s="331">
        <v>1651</v>
      </c>
      <c r="I37" s="332">
        <v>715</v>
      </c>
    </row>
    <row r="38" spans="5:9" ht="21" customHeight="1" x14ac:dyDescent="0.2">
      <c r="E38" s="440" t="s">
        <v>34</v>
      </c>
      <c r="F38" s="331">
        <v>3014</v>
      </c>
      <c r="G38" s="331">
        <v>1249</v>
      </c>
      <c r="H38" s="331">
        <v>1217</v>
      </c>
      <c r="I38" s="332">
        <v>548</v>
      </c>
    </row>
    <row r="39" spans="5:9" ht="21" customHeight="1" x14ac:dyDescent="0.2">
      <c r="E39" s="440" t="s">
        <v>35</v>
      </c>
      <c r="F39" s="331">
        <v>9793</v>
      </c>
      <c r="G39" s="331">
        <v>3987</v>
      </c>
      <c r="H39" s="331">
        <v>4007</v>
      </c>
      <c r="I39" s="332">
        <v>1799</v>
      </c>
    </row>
    <row r="40" spans="5:9" ht="21" customHeight="1" x14ac:dyDescent="0.2">
      <c r="E40" s="440" t="s">
        <v>36</v>
      </c>
      <c r="F40" s="331">
        <v>12421</v>
      </c>
      <c r="G40" s="331">
        <v>5871</v>
      </c>
      <c r="H40" s="331">
        <v>4949</v>
      </c>
      <c r="I40" s="332">
        <v>1601</v>
      </c>
    </row>
    <row r="41" spans="5:9" ht="21" customHeight="1" thickBot="1" x14ac:dyDescent="0.25">
      <c r="E41" s="441" t="s">
        <v>37</v>
      </c>
      <c r="F41" s="333">
        <v>1071</v>
      </c>
      <c r="G41" s="333">
        <v>514</v>
      </c>
      <c r="H41" s="333">
        <v>400</v>
      </c>
      <c r="I41" s="334">
        <v>157</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5" width="9" style="238"/>
    <col min="6" max="6" width="7.77734375" style="238" customWidth="1"/>
    <col min="7" max="7" width="9" style="238"/>
    <col min="8" max="8" width="10.6640625" style="238" customWidth="1"/>
    <col min="9" max="16" width="9" style="238"/>
    <col min="17" max="17" width="7.88671875" style="238" customWidth="1"/>
    <col min="18" max="27" width="9" style="238"/>
    <col min="28" max="28" width="7.77734375" style="238" customWidth="1"/>
    <col min="29" max="38" width="9" style="238"/>
    <col min="39" max="39" width="6.77734375" style="238" customWidth="1"/>
    <col min="40" max="49" width="9" style="238"/>
    <col min="50" max="50" width="7.77734375" style="238" customWidth="1"/>
    <col min="51" max="60" width="9" style="238"/>
    <col min="61" max="61" width="7.44140625" style="238" customWidth="1"/>
    <col min="62" max="71" width="9" style="238"/>
    <col min="72" max="72" width="7.33203125" style="238" customWidth="1"/>
    <col min="73" max="82" width="9" style="238"/>
    <col min="83" max="83" width="7.44140625" style="238" customWidth="1"/>
    <col min="84" max="93" width="9" style="238"/>
    <col min="94" max="94" width="7.6640625" style="238" customWidth="1"/>
    <col min="95" max="16384" width="9" style="238"/>
  </cols>
  <sheetData>
    <row r="1" spans="2:112" ht="24" customHeight="1" x14ac:dyDescent="0.2">
      <c r="B1" s="267" t="s">
        <v>122</v>
      </c>
      <c r="J1" s="495">
        <f>第１表!F2</f>
        <v>6</v>
      </c>
      <c r="K1" s="495"/>
      <c r="L1" s="231">
        <f>第１表!G2</f>
        <v>2</v>
      </c>
      <c r="M1" s="499">
        <f>IF(L1&lt;3,L1+12-2,L1-2)</f>
        <v>12</v>
      </c>
      <c r="N1" s="499"/>
    </row>
    <row r="2" spans="2:112" ht="24" customHeight="1" thickBot="1" x14ac:dyDescent="0.25">
      <c r="B2" s="267" t="s">
        <v>129</v>
      </c>
    </row>
    <row r="3" spans="2:112" ht="21" customHeight="1" thickBot="1" x14ac:dyDescent="0.25">
      <c r="B3" s="519"/>
      <c r="C3" s="522" t="s">
        <v>112</v>
      </c>
      <c r="D3" s="522"/>
      <c r="E3" s="522"/>
      <c r="F3" s="522"/>
      <c r="G3" s="522"/>
      <c r="H3" s="522"/>
      <c r="I3" s="522"/>
      <c r="J3" s="522"/>
      <c r="K3" s="522"/>
      <c r="L3" s="522"/>
      <c r="M3" s="523"/>
      <c r="N3" s="517" t="s">
        <v>111</v>
      </c>
      <c r="O3" s="517"/>
      <c r="P3" s="517"/>
      <c r="Q3" s="517"/>
      <c r="R3" s="517"/>
      <c r="S3" s="517"/>
      <c r="T3" s="517"/>
      <c r="U3" s="517"/>
      <c r="V3" s="517"/>
      <c r="W3" s="517"/>
      <c r="X3" s="518"/>
      <c r="Y3" s="516" t="s">
        <v>110</v>
      </c>
      <c r="Z3" s="517"/>
      <c r="AA3" s="517"/>
      <c r="AB3" s="517"/>
      <c r="AC3" s="517"/>
      <c r="AD3" s="517"/>
      <c r="AE3" s="517"/>
      <c r="AF3" s="517"/>
      <c r="AG3" s="517"/>
      <c r="AH3" s="517"/>
      <c r="AI3" s="518"/>
      <c r="AJ3" s="516" t="s">
        <v>109</v>
      </c>
      <c r="AK3" s="517"/>
      <c r="AL3" s="517"/>
      <c r="AM3" s="517"/>
      <c r="AN3" s="517"/>
      <c r="AO3" s="517"/>
      <c r="AP3" s="517"/>
      <c r="AQ3" s="517"/>
      <c r="AR3" s="517"/>
      <c r="AS3" s="517"/>
      <c r="AT3" s="518"/>
      <c r="AU3" s="516" t="s">
        <v>108</v>
      </c>
      <c r="AV3" s="517"/>
      <c r="AW3" s="517"/>
      <c r="AX3" s="517"/>
      <c r="AY3" s="517"/>
      <c r="AZ3" s="517"/>
      <c r="BA3" s="517"/>
      <c r="BB3" s="517"/>
      <c r="BC3" s="517"/>
      <c r="BD3" s="517"/>
      <c r="BE3" s="518"/>
      <c r="BF3" s="516" t="s">
        <v>107</v>
      </c>
      <c r="BG3" s="517"/>
      <c r="BH3" s="517"/>
      <c r="BI3" s="517"/>
      <c r="BJ3" s="517"/>
      <c r="BK3" s="517"/>
      <c r="BL3" s="517"/>
      <c r="BM3" s="517"/>
      <c r="BN3" s="517"/>
      <c r="BO3" s="517"/>
      <c r="BP3" s="518"/>
      <c r="BQ3" s="516" t="s">
        <v>106</v>
      </c>
      <c r="BR3" s="517"/>
      <c r="BS3" s="517"/>
      <c r="BT3" s="517"/>
      <c r="BU3" s="517"/>
      <c r="BV3" s="517"/>
      <c r="BW3" s="517"/>
      <c r="BX3" s="517"/>
      <c r="BY3" s="517"/>
      <c r="BZ3" s="517"/>
      <c r="CA3" s="518"/>
      <c r="CB3" s="516" t="s">
        <v>126</v>
      </c>
      <c r="CC3" s="517"/>
      <c r="CD3" s="517"/>
      <c r="CE3" s="517"/>
      <c r="CF3" s="517"/>
      <c r="CG3" s="517"/>
      <c r="CH3" s="517"/>
      <c r="CI3" s="517"/>
      <c r="CJ3" s="517"/>
      <c r="CK3" s="517"/>
      <c r="CL3" s="518"/>
      <c r="CM3" s="516" t="s">
        <v>159</v>
      </c>
      <c r="CN3" s="517"/>
      <c r="CO3" s="517"/>
      <c r="CP3" s="517"/>
      <c r="CQ3" s="517"/>
      <c r="CR3" s="517"/>
      <c r="CS3" s="517"/>
      <c r="CT3" s="517"/>
      <c r="CU3" s="517"/>
      <c r="CV3" s="517"/>
      <c r="CW3" s="518"/>
      <c r="CX3" s="516" t="s">
        <v>155</v>
      </c>
      <c r="CY3" s="517"/>
      <c r="CZ3" s="517"/>
      <c r="DA3" s="517"/>
      <c r="DB3" s="517"/>
      <c r="DC3" s="517"/>
      <c r="DD3" s="517"/>
      <c r="DE3" s="517"/>
      <c r="DF3" s="517"/>
      <c r="DG3" s="517"/>
      <c r="DH3" s="518"/>
    </row>
    <row r="4" spans="2:112" ht="21" customHeight="1" x14ac:dyDescent="0.2">
      <c r="B4" s="520"/>
      <c r="C4" s="524" t="s">
        <v>61</v>
      </c>
      <c r="D4" s="507"/>
      <c r="E4" s="508"/>
      <c r="F4" s="506" t="s">
        <v>62</v>
      </c>
      <c r="G4" s="507"/>
      <c r="H4" s="507"/>
      <c r="I4" s="507"/>
      <c r="J4" s="507"/>
      <c r="K4" s="507"/>
      <c r="L4" s="515"/>
      <c r="M4" s="509" t="s">
        <v>52</v>
      </c>
      <c r="N4" s="524" t="s">
        <v>61</v>
      </c>
      <c r="O4" s="507"/>
      <c r="P4" s="508"/>
      <c r="Q4" s="506" t="s">
        <v>62</v>
      </c>
      <c r="R4" s="507"/>
      <c r="S4" s="507"/>
      <c r="T4" s="507"/>
      <c r="U4" s="507"/>
      <c r="V4" s="507"/>
      <c r="W4" s="508"/>
      <c r="X4" s="509" t="s">
        <v>52</v>
      </c>
      <c r="Y4" s="511" t="s">
        <v>61</v>
      </c>
      <c r="Z4" s="507"/>
      <c r="AA4" s="515"/>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15"/>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row>
    <row r="5" spans="2:112" ht="30" customHeight="1" thickBot="1" x14ac:dyDescent="0.25">
      <c r="B5" s="521"/>
      <c r="C5" s="241" t="s">
        <v>43</v>
      </c>
      <c r="D5" s="239" t="s">
        <v>44</v>
      </c>
      <c r="E5" s="338" t="s">
        <v>45</v>
      </c>
      <c r="F5" s="244" t="s">
        <v>83</v>
      </c>
      <c r="G5" s="239" t="s">
        <v>47</v>
      </c>
      <c r="H5" s="239" t="s">
        <v>48</v>
      </c>
      <c r="I5" s="239" t="s">
        <v>49</v>
      </c>
      <c r="J5" s="239" t="s">
        <v>50</v>
      </c>
      <c r="K5" s="239" t="s">
        <v>51</v>
      </c>
      <c r="L5" s="245" t="s">
        <v>45</v>
      </c>
      <c r="M5" s="510"/>
      <c r="N5" s="241" t="s">
        <v>43</v>
      </c>
      <c r="O5" s="239" t="s">
        <v>44</v>
      </c>
      <c r="P5" s="242" t="s">
        <v>45</v>
      </c>
      <c r="Q5" s="244" t="s">
        <v>83</v>
      </c>
      <c r="R5" s="239" t="s">
        <v>47</v>
      </c>
      <c r="S5" s="239" t="s">
        <v>48</v>
      </c>
      <c r="T5" s="239" t="s">
        <v>49</v>
      </c>
      <c r="U5" s="239" t="s">
        <v>50</v>
      </c>
      <c r="V5" s="239" t="s">
        <v>51</v>
      </c>
      <c r="W5" s="242" t="s">
        <v>45</v>
      </c>
      <c r="X5" s="510"/>
      <c r="Y5" s="295" t="s">
        <v>43</v>
      </c>
      <c r="Z5" s="239" t="s">
        <v>44</v>
      </c>
      <c r="AA5" s="245" t="s">
        <v>45</v>
      </c>
      <c r="AB5" s="244" t="s">
        <v>83</v>
      </c>
      <c r="AC5" s="239" t="s">
        <v>47</v>
      </c>
      <c r="AD5" s="239" t="s">
        <v>48</v>
      </c>
      <c r="AE5" s="239" t="s">
        <v>49</v>
      </c>
      <c r="AF5" s="239" t="s">
        <v>50</v>
      </c>
      <c r="AG5" s="239" t="s">
        <v>51</v>
      </c>
      <c r="AH5" s="242" t="s">
        <v>45</v>
      </c>
      <c r="AI5" s="510"/>
      <c r="AJ5" s="295" t="s">
        <v>43</v>
      </c>
      <c r="AK5" s="239" t="s">
        <v>44</v>
      </c>
      <c r="AL5" s="242" t="s">
        <v>45</v>
      </c>
      <c r="AM5" s="244" t="s">
        <v>83</v>
      </c>
      <c r="AN5" s="239" t="s">
        <v>47</v>
      </c>
      <c r="AO5" s="239" t="s">
        <v>48</v>
      </c>
      <c r="AP5" s="239" t="s">
        <v>49</v>
      </c>
      <c r="AQ5" s="239" t="s">
        <v>50</v>
      </c>
      <c r="AR5" s="239" t="s">
        <v>51</v>
      </c>
      <c r="AS5" s="242" t="s">
        <v>45</v>
      </c>
      <c r="AT5" s="510"/>
      <c r="AU5" s="295" t="s">
        <v>43</v>
      </c>
      <c r="AV5" s="239" t="s">
        <v>44</v>
      </c>
      <c r="AW5" s="245" t="s">
        <v>45</v>
      </c>
      <c r="AX5" s="244" t="s">
        <v>83</v>
      </c>
      <c r="AY5" s="239" t="s">
        <v>47</v>
      </c>
      <c r="AZ5" s="239" t="s">
        <v>48</v>
      </c>
      <c r="BA5" s="239" t="s">
        <v>49</v>
      </c>
      <c r="BB5" s="239" t="s">
        <v>50</v>
      </c>
      <c r="BC5" s="239" t="s">
        <v>51</v>
      </c>
      <c r="BD5" s="245" t="s">
        <v>45</v>
      </c>
      <c r="BE5" s="510"/>
      <c r="BF5" s="295" t="s">
        <v>43</v>
      </c>
      <c r="BG5" s="239" t="s">
        <v>44</v>
      </c>
      <c r="BH5" s="242" t="s">
        <v>45</v>
      </c>
      <c r="BI5" s="244" t="s">
        <v>83</v>
      </c>
      <c r="BJ5" s="239" t="s">
        <v>47</v>
      </c>
      <c r="BK5" s="239" t="s">
        <v>48</v>
      </c>
      <c r="BL5" s="239" t="s">
        <v>49</v>
      </c>
      <c r="BM5" s="239" t="s">
        <v>50</v>
      </c>
      <c r="BN5" s="239" t="s">
        <v>51</v>
      </c>
      <c r="BO5" s="242" t="s">
        <v>45</v>
      </c>
      <c r="BP5" s="510"/>
      <c r="BQ5" s="295" t="s">
        <v>43</v>
      </c>
      <c r="BR5" s="239" t="s">
        <v>44</v>
      </c>
      <c r="BS5" s="242" t="s">
        <v>45</v>
      </c>
      <c r="BT5" s="244" t="s">
        <v>83</v>
      </c>
      <c r="BU5" s="239" t="s">
        <v>47</v>
      </c>
      <c r="BV5" s="239" t="s">
        <v>48</v>
      </c>
      <c r="BW5" s="239" t="s">
        <v>49</v>
      </c>
      <c r="BX5" s="239" t="s">
        <v>50</v>
      </c>
      <c r="BY5" s="239" t="s">
        <v>51</v>
      </c>
      <c r="BZ5" s="242" t="s">
        <v>45</v>
      </c>
      <c r="CA5" s="510"/>
      <c r="CB5" s="295" t="s">
        <v>43</v>
      </c>
      <c r="CC5" s="239" t="s">
        <v>44</v>
      </c>
      <c r="CD5" s="242" t="s">
        <v>45</v>
      </c>
      <c r="CE5" s="244" t="s">
        <v>83</v>
      </c>
      <c r="CF5" s="239" t="s">
        <v>47</v>
      </c>
      <c r="CG5" s="239" t="s">
        <v>48</v>
      </c>
      <c r="CH5" s="239" t="s">
        <v>49</v>
      </c>
      <c r="CI5" s="239" t="s">
        <v>50</v>
      </c>
      <c r="CJ5" s="239" t="s">
        <v>51</v>
      </c>
      <c r="CK5" s="242" t="s">
        <v>45</v>
      </c>
      <c r="CL5" s="510"/>
      <c r="CM5" s="295" t="s">
        <v>43</v>
      </c>
      <c r="CN5" s="239" t="s">
        <v>44</v>
      </c>
      <c r="CO5" s="242" t="s">
        <v>45</v>
      </c>
      <c r="CP5" s="244" t="s">
        <v>83</v>
      </c>
      <c r="CQ5" s="239" t="s">
        <v>47</v>
      </c>
      <c r="CR5" s="239" t="s">
        <v>48</v>
      </c>
      <c r="CS5" s="239" t="s">
        <v>49</v>
      </c>
      <c r="CT5" s="239" t="s">
        <v>50</v>
      </c>
      <c r="CU5" s="239" t="s">
        <v>51</v>
      </c>
      <c r="CV5" s="242" t="s">
        <v>45</v>
      </c>
      <c r="CW5" s="510"/>
      <c r="CX5" s="321" t="s">
        <v>43</v>
      </c>
      <c r="CY5" s="239" t="s">
        <v>44</v>
      </c>
      <c r="CZ5" s="242" t="s">
        <v>45</v>
      </c>
      <c r="DA5" s="244" t="s">
        <v>83</v>
      </c>
      <c r="DB5" s="239" t="s">
        <v>47</v>
      </c>
      <c r="DC5" s="239" t="s">
        <v>48</v>
      </c>
      <c r="DD5" s="239" t="s">
        <v>49</v>
      </c>
      <c r="DE5" s="239" t="s">
        <v>50</v>
      </c>
      <c r="DF5" s="239" t="s">
        <v>51</v>
      </c>
      <c r="DG5" s="242" t="s">
        <v>45</v>
      </c>
      <c r="DH5" s="510"/>
    </row>
    <row r="6" spans="2:112" ht="21" customHeight="1" x14ac:dyDescent="0.2">
      <c r="B6" s="435" t="s">
        <v>4</v>
      </c>
      <c r="C6" s="246">
        <v>0</v>
      </c>
      <c r="D6" s="250">
        <v>0</v>
      </c>
      <c r="E6" s="339">
        <v>0</v>
      </c>
      <c r="F6" s="249">
        <v>0</v>
      </c>
      <c r="G6" s="250">
        <v>13988</v>
      </c>
      <c r="H6" s="250">
        <v>18779</v>
      </c>
      <c r="I6" s="250">
        <v>19263</v>
      </c>
      <c r="J6" s="250">
        <v>23937</v>
      </c>
      <c r="K6" s="250">
        <v>21342</v>
      </c>
      <c r="L6" s="251">
        <v>97309</v>
      </c>
      <c r="M6" s="252">
        <v>97309</v>
      </c>
      <c r="N6" s="246">
        <v>0</v>
      </c>
      <c r="O6" s="250">
        <v>2</v>
      </c>
      <c r="P6" s="247">
        <v>2</v>
      </c>
      <c r="Q6" s="249">
        <v>0</v>
      </c>
      <c r="R6" s="250">
        <v>34</v>
      </c>
      <c r="S6" s="250">
        <v>116</v>
      </c>
      <c r="T6" s="250">
        <v>291</v>
      </c>
      <c r="U6" s="250">
        <v>586</v>
      </c>
      <c r="V6" s="250">
        <v>1037</v>
      </c>
      <c r="W6" s="247">
        <v>2064</v>
      </c>
      <c r="X6" s="252">
        <v>2066</v>
      </c>
      <c r="Y6" s="246">
        <v>1079</v>
      </c>
      <c r="Z6" s="250">
        <v>2870</v>
      </c>
      <c r="AA6" s="247">
        <v>3949</v>
      </c>
      <c r="AB6" s="249">
        <v>0</v>
      </c>
      <c r="AC6" s="250">
        <v>8409</v>
      </c>
      <c r="AD6" s="250">
        <v>12790</v>
      </c>
      <c r="AE6" s="250">
        <v>8357</v>
      </c>
      <c r="AF6" s="250">
        <v>6665</v>
      </c>
      <c r="AG6" s="250">
        <v>4274</v>
      </c>
      <c r="AH6" s="247">
        <v>40495</v>
      </c>
      <c r="AI6" s="252">
        <v>44444</v>
      </c>
      <c r="AJ6" s="246">
        <v>186</v>
      </c>
      <c r="AK6" s="250">
        <v>669</v>
      </c>
      <c r="AL6" s="247">
        <v>855</v>
      </c>
      <c r="AM6" s="249">
        <v>0</v>
      </c>
      <c r="AN6" s="250">
        <v>934</v>
      </c>
      <c r="AO6" s="250">
        <v>1333</v>
      </c>
      <c r="AP6" s="250">
        <v>1095</v>
      </c>
      <c r="AQ6" s="250">
        <v>905</v>
      </c>
      <c r="AR6" s="250">
        <v>424</v>
      </c>
      <c r="AS6" s="247">
        <v>4691</v>
      </c>
      <c r="AT6" s="252">
        <v>5546</v>
      </c>
      <c r="AU6" s="246">
        <v>0</v>
      </c>
      <c r="AV6" s="250">
        <v>0</v>
      </c>
      <c r="AW6" s="247">
        <v>0</v>
      </c>
      <c r="AX6" s="249">
        <v>0</v>
      </c>
      <c r="AY6" s="250">
        <v>12630</v>
      </c>
      <c r="AZ6" s="250">
        <v>11935</v>
      </c>
      <c r="BA6" s="250">
        <v>7191</v>
      </c>
      <c r="BB6" s="250">
        <v>3500</v>
      </c>
      <c r="BC6" s="250">
        <v>1404</v>
      </c>
      <c r="BD6" s="251">
        <v>36660</v>
      </c>
      <c r="BE6" s="252">
        <v>36660</v>
      </c>
      <c r="BF6" s="246">
        <v>0</v>
      </c>
      <c r="BG6" s="250">
        <v>0</v>
      </c>
      <c r="BH6" s="247">
        <v>0</v>
      </c>
      <c r="BI6" s="249">
        <v>0</v>
      </c>
      <c r="BJ6" s="250">
        <v>2583</v>
      </c>
      <c r="BK6" s="250">
        <v>3842</v>
      </c>
      <c r="BL6" s="250">
        <v>2540</v>
      </c>
      <c r="BM6" s="250">
        <v>1406</v>
      </c>
      <c r="BN6" s="250">
        <v>324</v>
      </c>
      <c r="BO6" s="247">
        <v>10695</v>
      </c>
      <c r="BP6" s="252">
        <v>10695</v>
      </c>
      <c r="BQ6" s="246">
        <v>5</v>
      </c>
      <c r="BR6" s="250">
        <v>136</v>
      </c>
      <c r="BS6" s="247">
        <v>141</v>
      </c>
      <c r="BT6" s="249">
        <v>0</v>
      </c>
      <c r="BU6" s="250">
        <v>1116</v>
      </c>
      <c r="BV6" s="250">
        <v>1990</v>
      </c>
      <c r="BW6" s="250">
        <v>2906</v>
      </c>
      <c r="BX6" s="250">
        <v>2796</v>
      </c>
      <c r="BY6" s="250">
        <v>1083</v>
      </c>
      <c r="BZ6" s="247">
        <v>9891</v>
      </c>
      <c r="CA6" s="252">
        <v>10032</v>
      </c>
      <c r="CB6" s="246">
        <v>3</v>
      </c>
      <c r="CC6" s="250">
        <v>4</v>
      </c>
      <c r="CD6" s="247">
        <v>7</v>
      </c>
      <c r="CE6" s="249">
        <v>0</v>
      </c>
      <c r="CF6" s="250">
        <v>148</v>
      </c>
      <c r="CG6" s="250">
        <v>240</v>
      </c>
      <c r="CH6" s="250">
        <v>454</v>
      </c>
      <c r="CI6" s="250">
        <v>273</v>
      </c>
      <c r="CJ6" s="250">
        <v>179</v>
      </c>
      <c r="CK6" s="247">
        <v>1294</v>
      </c>
      <c r="CL6" s="252">
        <v>1301</v>
      </c>
      <c r="CM6" s="246">
        <v>0</v>
      </c>
      <c r="CN6" s="250">
        <v>0</v>
      </c>
      <c r="CO6" s="247">
        <v>0</v>
      </c>
      <c r="CP6" s="249">
        <v>0</v>
      </c>
      <c r="CQ6" s="250">
        <v>0</v>
      </c>
      <c r="CR6" s="250">
        <v>0</v>
      </c>
      <c r="CS6" s="250">
        <v>0</v>
      </c>
      <c r="CT6" s="250">
        <v>0</v>
      </c>
      <c r="CU6" s="250">
        <v>0</v>
      </c>
      <c r="CV6" s="247">
        <v>0</v>
      </c>
      <c r="CW6" s="252">
        <v>0</v>
      </c>
      <c r="CX6" s="246">
        <v>0</v>
      </c>
      <c r="CY6" s="250">
        <v>0</v>
      </c>
      <c r="CZ6" s="247">
        <v>0</v>
      </c>
      <c r="DA6" s="249">
        <v>0</v>
      </c>
      <c r="DB6" s="250">
        <v>0</v>
      </c>
      <c r="DC6" s="250">
        <v>0</v>
      </c>
      <c r="DD6" s="250">
        <v>0</v>
      </c>
      <c r="DE6" s="250">
        <v>0</v>
      </c>
      <c r="DF6" s="250">
        <v>0</v>
      </c>
      <c r="DG6" s="247">
        <v>0</v>
      </c>
      <c r="DH6" s="252">
        <v>0</v>
      </c>
    </row>
    <row r="7" spans="2:112" ht="21" customHeight="1" x14ac:dyDescent="0.2">
      <c r="B7" s="436" t="s">
        <v>5</v>
      </c>
      <c r="C7" s="253">
        <v>0</v>
      </c>
      <c r="D7" s="257">
        <v>0</v>
      </c>
      <c r="E7" s="340">
        <v>0</v>
      </c>
      <c r="F7" s="256">
        <v>0</v>
      </c>
      <c r="G7" s="257">
        <v>5346</v>
      </c>
      <c r="H7" s="257">
        <v>8470</v>
      </c>
      <c r="I7" s="257">
        <v>8404</v>
      </c>
      <c r="J7" s="257">
        <v>9355</v>
      </c>
      <c r="K7" s="257">
        <v>7811</v>
      </c>
      <c r="L7" s="258">
        <v>39386</v>
      </c>
      <c r="M7" s="259">
        <v>39386</v>
      </c>
      <c r="N7" s="253">
        <v>0</v>
      </c>
      <c r="O7" s="257">
        <v>2</v>
      </c>
      <c r="P7" s="254">
        <v>2</v>
      </c>
      <c r="Q7" s="256">
        <v>0</v>
      </c>
      <c r="R7" s="257">
        <v>9</v>
      </c>
      <c r="S7" s="257">
        <v>40</v>
      </c>
      <c r="T7" s="257">
        <v>136</v>
      </c>
      <c r="U7" s="257">
        <v>261</v>
      </c>
      <c r="V7" s="257">
        <v>481</v>
      </c>
      <c r="W7" s="254">
        <v>927</v>
      </c>
      <c r="X7" s="259">
        <v>929</v>
      </c>
      <c r="Y7" s="253">
        <v>505</v>
      </c>
      <c r="Z7" s="257">
        <v>1637</v>
      </c>
      <c r="AA7" s="254">
        <v>2142</v>
      </c>
      <c r="AB7" s="256">
        <v>0</v>
      </c>
      <c r="AC7" s="257">
        <v>3612</v>
      </c>
      <c r="AD7" s="257">
        <v>7135</v>
      </c>
      <c r="AE7" s="257">
        <v>4242</v>
      </c>
      <c r="AF7" s="257">
        <v>3522</v>
      </c>
      <c r="AG7" s="257">
        <v>1830</v>
      </c>
      <c r="AH7" s="254">
        <v>20341</v>
      </c>
      <c r="AI7" s="259">
        <v>22483</v>
      </c>
      <c r="AJ7" s="253">
        <v>46</v>
      </c>
      <c r="AK7" s="257">
        <v>325</v>
      </c>
      <c r="AL7" s="254">
        <v>371</v>
      </c>
      <c r="AM7" s="256">
        <v>0</v>
      </c>
      <c r="AN7" s="257">
        <v>316</v>
      </c>
      <c r="AO7" s="257">
        <v>548</v>
      </c>
      <c r="AP7" s="257">
        <v>450</v>
      </c>
      <c r="AQ7" s="257">
        <v>352</v>
      </c>
      <c r="AR7" s="257">
        <v>147</v>
      </c>
      <c r="AS7" s="254">
        <v>1813</v>
      </c>
      <c r="AT7" s="259">
        <v>2184</v>
      </c>
      <c r="AU7" s="253">
        <v>0</v>
      </c>
      <c r="AV7" s="257">
        <v>0</v>
      </c>
      <c r="AW7" s="254">
        <v>0</v>
      </c>
      <c r="AX7" s="256">
        <v>0</v>
      </c>
      <c r="AY7" s="257">
        <v>4597</v>
      </c>
      <c r="AZ7" s="257">
        <v>4872</v>
      </c>
      <c r="BA7" s="257">
        <v>2790</v>
      </c>
      <c r="BB7" s="257">
        <v>1353</v>
      </c>
      <c r="BC7" s="257">
        <v>659</v>
      </c>
      <c r="BD7" s="258">
        <v>14271</v>
      </c>
      <c r="BE7" s="259">
        <v>14271</v>
      </c>
      <c r="BF7" s="253">
        <v>0</v>
      </c>
      <c r="BG7" s="257">
        <v>0</v>
      </c>
      <c r="BH7" s="254">
        <v>0</v>
      </c>
      <c r="BI7" s="256">
        <v>0</v>
      </c>
      <c r="BJ7" s="257">
        <v>843</v>
      </c>
      <c r="BK7" s="257">
        <v>1768</v>
      </c>
      <c r="BL7" s="257">
        <v>1190</v>
      </c>
      <c r="BM7" s="257">
        <v>729</v>
      </c>
      <c r="BN7" s="257">
        <v>121</v>
      </c>
      <c r="BO7" s="254">
        <v>4651</v>
      </c>
      <c r="BP7" s="259">
        <v>4651</v>
      </c>
      <c r="BQ7" s="253">
        <v>0</v>
      </c>
      <c r="BR7" s="257">
        <v>58</v>
      </c>
      <c r="BS7" s="254">
        <v>58</v>
      </c>
      <c r="BT7" s="256">
        <v>0</v>
      </c>
      <c r="BU7" s="257">
        <v>358</v>
      </c>
      <c r="BV7" s="257">
        <v>616</v>
      </c>
      <c r="BW7" s="257">
        <v>1150</v>
      </c>
      <c r="BX7" s="257">
        <v>931</v>
      </c>
      <c r="BY7" s="257">
        <v>509</v>
      </c>
      <c r="BZ7" s="254">
        <v>3564</v>
      </c>
      <c r="CA7" s="259">
        <v>3622</v>
      </c>
      <c r="CB7" s="253">
        <v>0</v>
      </c>
      <c r="CC7" s="257">
        <v>4</v>
      </c>
      <c r="CD7" s="254">
        <v>4</v>
      </c>
      <c r="CE7" s="256">
        <v>0</v>
      </c>
      <c r="CF7" s="257">
        <v>102</v>
      </c>
      <c r="CG7" s="257">
        <v>117</v>
      </c>
      <c r="CH7" s="257">
        <v>264</v>
      </c>
      <c r="CI7" s="257">
        <v>188</v>
      </c>
      <c r="CJ7" s="257">
        <v>132</v>
      </c>
      <c r="CK7" s="254">
        <v>803</v>
      </c>
      <c r="CL7" s="259">
        <v>807</v>
      </c>
      <c r="CM7" s="253">
        <v>0</v>
      </c>
      <c r="CN7" s="257">
        <v>0</v>
      </c>
      <c r="CO7" s="254">
        <v>0</v>
      </c>
      <c r="CP7" s="256">
        <v>0</v>
      </c>
      <c r="CQ7" s="257">
        <v>0</v>
      </c>
      <c r="CR7" s="257">
        <v>0</v>
      </c>
      <c r="CS7" s="257">
        <v>0</v>
      </c>
      <c r="CT7" s="257">
        <v>0</v>
      </c>
      <c r="CU7" s="257">
        <v>0</v>
      </c>
      <c r="CV7" s="254">
        <v>0</v>
      </c>
      <c r="CW7" s="259">
        <v>0</v>
      </c>
      <c r="CX7" s="253">
        <v>0</v>
      </c>
      <c r="CY7" s="257">
        <v>0</v>
      </c>
      <c r="CZ7" s="254">
        <v>0</v>
      </c>
      <c r="DA7" s="256">
        <v>0</v>
      </c>
      <c r="DB7" s="257">
        <v>0</v>
      </c>
      <c r="DC7" s="257">
        <v>0</v>
      </c>
      <c r="DD7" s="257">
        <v>0</v>
      </c>
      <c r="DE7" s="257">
        <v>0</v>
      </c>
      <c r="DF7" s="257">
        <v>0</v>
      </c>
      <c r="DG7" s="254">
        <v>0</v>
      </c>
      <c r="DH7" s="259">
        <v>0</v>
      </c>
    </row>
    <row r="8" spans="2:112" ht="21" customHeight="1" x14ac:dyDescent="0.2">
      <c r="B8" s="437" t="s">
        <v>6</v>
      </c>
      <c r="C8" s="253">
        <v>0</v>
      </c>
      <c r="D8" s="257">
        <v>0</v>
      </c>
      <c r="E8" s="340">
        <v>0</v>
      </c>
      <c r="F8" s="256">
        <v>0</v>
      </c>
      <c r="G8" s="257">
        <v>2014</v>
      </c>
      <c r="H8" s="257">
        <v>1678</v>
      </c>
      <c r="I8" s="257">
        <v>1629</v>
      </c>
      <c r="J8" s="257">
        <v>2529</v>
      </c>
      <c r="K8" s="257">
        <v>3091</v>
      </c>
      <c r="L8" s="258">
        <v>10941</v>
      </c>
      <c r="M8" s="259">
        <v>10941</v>
      </c>
      <c r="N8" s="253">
        <v>0</v>
      </c>
      <c r="O8" s="257">
        <v>0</v>
      </c>
      <c r="P8" s="254">
        <v>0</v>
      </c>
      <c r="Q8" s="256">
        <v>0</v>
      </c>
      <c r="R8" s="257">
        <v>9</v>
      </c>
      <c r="S8" s="257">
        <v>13</v>
      </c>
      <c r="T8" s="257">
        <v>22</v>
      </c>
      <c r="U8" s="257">
        <v>33</v>
      </c>
      <c r="V8" s="257">
        <v>151</v>
      </c>
      <c r="W8" s="254">
        <v>228</v>
      </c>
      <c r="X8" s="259">
        <v>228</v>
      </c>
      <c r="Y8" s="253">
        <v>81</v>
      </c>
      <c r="Z8" s="257">
        <v>432</v>
      </c>
      <c r="AA8" s="254">
        <v>513</v>
      </c>
      <c r="AB8" s="256">
        <v>0</v>
      </c>
      <c r="AC8" s="257">
        <v>1424</v>
      </c>
      <c r="AD8" s="257">
        <v>1743</v>
      </c>
      <c r="AE8" s="257">
        <v>872</v>
      </c>
      <c r="AF8" s="257">
        <v>871</v>
      </c>
      <c r="AG8" s="257">
        <v>641</v>
      </c>
      <c r="AH8" s="254">
        <v>5551</v>
      </c>
      <c r="AI8" s="259">
        <v>6064</v>
      </c>
      <c r="AJ8" s="253">
        <v>16</v>
      </c>
      <c r="AK8" s="257">
        <v>52</v>
      </c>
      <c r="AL8" s="254">
        <v>68</v>
      </c>
      <c r="AM8" s="256">
        <v>0</v>
      </c>
      <c r="AN8" s="257">
        <v>197</v>
      </c>
      <c r="AO8" s="257">
        <v>161</v>
      </c>
      <c r="AP8" s="257">
        <v>123</v>
      </c>
      <c r="AQ8" s="257">
        <v>111</v>
      </c>
      <c r="AR8" s="257">
        <v>65</v>
      </c>
      <c r="AS8" s="254">
        <v>657</v>
      </c>
      <c r="AT8" s="259">
        <v>725</v>
      </c>
      <c r="AU8" s="253">
        <v>0</v>
      </c>
      <c r="AV8" s="257">
        <v>0</v>
      </c>
      <c r="AW8" s="254">
        <v>0</v>
      </c>
      <c r="AX8" s="256">
        <v>0</v>
      </c>
      <c r="AY8" s="257">
        <v>1740</v>
      </c>
      <c r="AZ8" s="257">
        <v>1724</v>
      </c>
      <c r="BA8" s="257">
        <v>817</v>
      </c>
      <c r="BB8" s="257">
        <v>446</v>
      </c>
      <c r="BC8" s="257">
        <v>213</v>
      </c>
      <c r="BD8" s="258">
        <v>4940</v>
      </c>
      <c r="BE8" s="259">
        <v>4940</v>
      </c>
      <c r="BF8" s="253">
        <v>0</v>
      </c>
      <c r="BG8" s="257">
        <v>0</v>
      </c>
      <c r="BH8" s="254">
        <v>0</v>
      </c>
      <c r="BI8" s="256">
        <v>0</v>
      </c>
      <c r="BJ8" s="257">
        <v>293</v>
      </c>
      <c r="BK8" s="257">
        <v>455</v>
      </c>
      <c r="BL8" s="257">
        <v>277</v>
      </c>
      <c r="BM8" s="257">
        <v>131</v>
      </c>
      <c r="BN8" s="257">
        <v>58</v>
      </c>
      <c r="BO8" s="254">
        <v>1214</v>
      </c>
      <c r="BP8" s="259">
        <v>1214</v>
      </c>
      <c r="BQ8" s="253">
        <v>2</v>
      </c>
      <c r="BR8" s="257">
        <v>10</v>
      </c>
      <c r="BS8" s="254">
        <v>12</v>
      </c>
      <c r="BT8" s="256">
        <v>0</v>
      </c>
      <c r="BU8" s="257">
        <v>150</v>
      </c>
      <c r="BV8" s="257">
        <v>190</v>
      </c>
      <c r="BW8" s="257">
        <v>271</v>
      </c>
      <c r="BX8" s="257">
        <v>300</v>
      </c>
      <c r="BY8" s="257">
        <v>87</v>
      </c>
      <c r="BZ8" s="254">
        <v>998</v>
      </c>
      <c r="CA8" s="259">
        <v>1010</v>
      </c>
      <c r="CB8" s="253">
        <v>0</v>
      </c>
      <c r="CC8" s="257">
        <v>0</v>
      </c>
      <c r="CD8" s="254">
        <v>0</v>
      </c>
      <c r="CE8" s="256">
        <v>0</v>
      </c>
      <c r="CF8" s="257">
        <v>6</v>
      </c>
      <c r="CG8" s="257">
        <v>37</v>
      </c>
      <c r="CH8" s="257">
        <v>23</v>
      </c>
      <c r="CI8" s="257">
        <v>24</v>
      </c>
      <c r="CJ8" s="257">
        <v>28</v>
      </c>
      <c r="CK8" s="254">
        <v>118</v>
      </c>
      <c r="CL8" s="259">
        <v>118</v>
      </c>
      <c r="CM8" s="253">
        <v>0</v>
      </c>
      <c r="CN8" s="257">
        <v>0</v>
      </c>
      <c r="CO8" s="254">
        <v>0</v>
      </c>
      <c r="CP8" s="256">
        <v>0</v>
      </c>
      <c r="CQ8" s="257">
        <v>0</v>
      </c>
      <c r="CR8" s="257">
        <v>0</v>
      </c>
      <c r="CS8" s="257">
        <v>0</v>
      </c>
      <c r="CT8" s="257">
        <v>0</v>
      </c>
      <c r="CU8" s="257">
        <v>0</v>
      </c>
      <c r="CV8" s="254">
        <v>0</v>
      </c>
      <c r="CW8" s="259">
        <v>0</v>
      </c>
      <c r="CX8" s="253">
        <v>0</v>
      </c>
      <c r="CY8" s="257">
        <v>0</v>
      </c>
      <c r="CZ8" s="254">
        <v>0</v>
      </c>
      <c r="DA8" s="256">
        <v>0</v>
      </c>
      <c r="DB8" s="257">
        <v>0</v>
      </c>
      <c r="DC8" s="257">
        <v>0</v>
      </c>
      <c r="DD8" s="257">
        <v>0</v>
      </c>
      <c r="DE8" s="257">
        <v>0</v>
      </c>
      <c r="DF8" s="257">
        <v>0</v>
      </c>
      <c r="DG8" s="254">
        <v>0</v>
      </c>
      <c r="DH8" s="259">
        <v>0</v>
      </c>
    </row>
    <row r="9" spans="2:112" ht="21" customHeight="1" x14ac:dyDescent="0.2">
      <c r="B9" s="437" t="s">
        <v>14</v>
      </c>
      <c r="C9" s="253">
        <v>0</v>
      </c>
      <c r="D9" s="257">
        <v>0</v>
      </c>
      <c r="E9" s="340">
        <v>0</v>
      </c>
      <c r="F9" s="256">
        <v>0</v>
      </c>
      <c r="G9" s="257">
        <v>657</v>
      </c>
      <c r="H9" s="257">
        <v>1271</v>
      </c>
      <c r="I9" s="257">
        <v>1314</v>
      </c>
      <c r="J9" s="257">
        <v>2182</v>
      </c>
      <c r="K9" s="257">
        <v>1785</v>
      </c>
      <c r="L9" s="258">
        <v>7209</v>
      </c>
      <c r="M9" s="259">
        <v>7209</v>
      </c>
      <c r="N9" s="253">
        <v>0</v>
      </c>
      <c r="O9" s="257">
        <v>0</v>
      </c>
      <c r="P9" s="254">
        <v>0</v>
      </c>
      <c r="Q9" s="256">
        <v>0</v>
      </c>
      <c r="R9" s="257">
        <v>0</v>
      </c>
      <c r="S9" s="257">
        <v>2</v>
      </c>
      <c r="T9" s="257">
        <v>24</v>
      </c>
      <c r="U9" s="257">
        <v>26</v>
      </c>
      <c r="V9" s="257">
        <v>30</v>
      </c>
      <c r="W9" s="254">
        <v>82</v>
      </c>
      <c r="X9" s="259">
        <v>82</v>
      </c>
      <c r="Y9" s="253">
        <v>58</v>
      </c>
      <c r="Z9" s="257">
        <v>203</v>
      </c>
      <c r="AA9" s="254">
        <v>261</v>
      </c>
      <c r="AB9" s="256">
        <v>0</v>
      </c>
      <c r="AC9" s="257">
        <v>382</v>
      </c>
      <c r="AD9" s="257">
        <v>781</v>
      </c>
      <c r="AE9" s="257">
        <v>666</v>
      </c>
      <c r="AF9" s="257">
        <v>385</v>
      </c>
      <c r="AG9" s="257">
        <v>326</v>
      </c>
      <c r="AH9" s="254">
        <v>2540</v>
      </c>
      <c r="AI9" s="259">
        <v>2801</v>
      </c>
      <c r="AJ9" s="253">
        <v>0</v>
      </c>
      <c r="AK9" s="257">
        <v>33</v>
      </c>
      <c r="AL9" s="254">
        <v>33</v>
      </c>
      <c r="AM9" s="256">
        <v>0</v>
      </c>
      <c r="AN9" s="257">
        <v>0</v>
      </c>
      <c r="AO9" s="257">
        <v>26</v>
      </c>
      <c r="AP9" s="257">
        <v>53</v>
      </c>
      <c r="AQ9" s="257">
        <v>60</v>
      </c>
      <c r="AR9" s="257">
        <v>24</v>
      </c>
      <c r="AS9" s="254">
        <v>163</v>
      </c>
      <c r="AT9" s="259">
        <v>196</v>
      </c>
      <c r="AU9" s="253">
        <v>0</v>
      </c>
      <c r="AV9" s="257">
        <v>0</v>
      </c>
      <c r="AW9" s="254">
        <v>0</v>
      </c>
      <c r="AX9" s="256">
        <v>0</v>
      </c>
      <c r="AY9" s="257">
        <v>868</v>
      </c>
      <c r="AZ9" s="257">
        <v>983</v>
      </c>
      <c r="BA9" s="257">
        <v>811</v>
      </c>
      <c r="BB9" s="257">
        <v>310</v>
      </c>
      <c r="BC9" s="257">
        <v>113</v>
      </c>
      <c r="BD9" s="258">
        <v>3085</v>
      </c>
      <c r="BE9" s="259">
        <v>3085</v>
      </c>
      <c r="BF9" s="253">
        <v>0</v>
      </c>
      <c r="BG9" s="257">
        <v>0</v>
      </c>
      <c r="BH9" s="254">
        <v>0</v>
      </c>
      <c r="BI9" s="256">
        <v>0</v>
      </c>
      <c r="BJ9" s="257">
        <v>104</v>
      </c>
      <c r="BK9" s="257">
        <v>263</v>
      </c>
      <c r="BL9" s="257">
        <v>102</v>
      </c>
      <c r="BM9" s="257">
        <v>86</v>
      </c>
      <c r="BN9" s="257">
        <v>0</v>
      </c>
      <c r="BO9" s="254">
        <v>555</v>
      </c>
      <c r="BP9" s="259">
        <v>555</v>
      </c>
      <c r="BQ9" s="253">
        <v>0</v>
      </c>
      <c r="BR9" s="257">
        <v>22</v>
      </c>
      <c r="BS9" s="254">
        <v>22</v>
      </c>
      <c r="BT9" s="256">
        <v>0</v>
      </c>
      <c r="BU9" s="257">
        <v>69</v>
      </c>
      <c r="BV9" s="257">
        <v>200</v>
      </c>
      <c r="BW9" s="257">
        <v>334</v>
      </c>
      <c r="BX9" s="257">
        <v>260</v>
      </c>
      <c r="BY9" s="257">
        <v>41</v>
      </c>
      <c r="BZ9" s="254">
        <v>904</v>
      </c>
      <c r="CA9" s="259">
        <v>926</v>
      </c>
      <c r="CB9" s="253">
        <v>0</v>
      </c>
      <c r="CC9" s="257">
        <v>0</v>
      </c>
      <c r="CD9" s="254">
        <v>0</v>
      </c>
      <c r="CE9" s="256">
        <v>0</v>
      </c>
      <c r="CF9" s="257">
        <v>0</v>
      </c>
      <c r="CG9" s="257">
        <v>13</v>
      </c>
      <c r="CH9" s="257">
        <v>0</v>
      </c>
      <c r="CI9" s="257">
        <v>3</v>
      </c>
      <c r="CJ9" s="257">
        <v>4</v>
      </c>
      <c r="CK9" s="254">
        <v>20</v>
      </c>
      <c r="CL9" s="259">
        <v>20</v>
      </c>
      <c r="CM9" s="253">
        <v>0</v>
      </c>
      <c r="CN9" s="257">
        <v>0</v>
      </c>
      <c r="CO9" s="254">
        <v>0</v>
      </c>
      <c r="CP9" s="256">
        <v>0</v>
      </c>
      <c r="CQ9" s="257">
        <v>0</v>
      </c>
      <c r="CR9" s="257">
        <v>0</v>
      </c>
      <c r="CS9" s="257">
        <v>0</v>
      </c>
      <c r="CT9" s="257">
        <v>0</v>
      </c>
      <c r="CU9" s="257">
        <v>0</v>
      </c>
      <c r="CV9" s="254">
        <v>0</v>
      </c>
      <c r="CW9" s="259">
        <v>0</v>
      </c>
      <c r="CX9" s="253">
        <v>0</v>
      </c>
      <c r="CY9" s="257">
        <v>0</v>
      </c>
      <c r="CZ9" s="254">
        <v>0</v>
      </c>
      <c r="DA9" s="256">
        <v>0</v>
      </c>
      <c r="DB9" s="257">
        <v>0</v>
      </c>
      <c r="DC9" s="257">
        <v>0</v>
      </c>
      <c r="DD9" s="257">
        <v>0</v>
      </c>
      <c r="DE9" s="257">
        <v>0</v>
      </c>
      <c r="DF9" s="257">
        <v>0</v>
      </c>
      <c r="DG9" s="254">
        <v>0</v>
      </c>
      <c r="DH9" s="259">
        <v>0</v>
      </c>
    </row>
    <row r="10" spans="2:112" ht="21" customHeight="1" x14ac:dyDescent="0.2">
      <c r="B10" s="437" t="s">
        <v>7</v>
      </c>
      <c r="C10" s="253">
        <v>0</v>
      </c>
      <c r="D10" s="257">
        <v>0</v>
      </c>
      <c r="E10" s="340">
        <v>0</v>
      </c>
      <c r="F10" s="256">
        <v>0</v>
      </c>
      <c r="G10" s="257">
        <v>1391</v>
      </c>
      <c r="H10" s="257">
        <v>1471</v>
      </c>
      <c r="I10" s="257">
        <v>1319</v>
      </c>
      <c r="J10" s="257">
        <v>1401</v>
      </c>
      <c r="K10" s="257">
        <v>1446</v>
      </c>
      <c r="L10" s="258">
        <v>7028</v>
      </c>
      <c r="M10" s="259">
        <v>7028</v>
      </c>
      <c r="N10" s="253">
        <v>0</v>
      </c>
      <c r="O10" s="257">
        <v>0</v>
      </c>
      <c r="P10" s="254">
        <v>0</v>
      </c>
      <c r="Q10" s="256">
        <v>0</v>
      </c>
      <c r="R10" s="257">
        <v>0</v>
      </c>
      <c r="S10" s="257">
        <v>29</v>
      </c>
      <c r="T10" s="257">
        <v>25</v>
      </c>
      <c r="U10" s="257">
        <v>43</v>
      </c>
      <c r="V10" s="257">
        <v>83</v>
      </c>
      <c r="W10" s="254">
        <v>180</v>
      </c>
      <c r="X10" s="259">
        <v>180</v>
      </c>
      <c r="Y10" s="253">
        <v>20</v>
      </c>
      <c r="Z10" s="257">
        <v>18</v>
      </c>
      <c r="AA10" s="254">
        <v>38</v>
      </c>
      <c r="AB10" s="256">
        <v>0</v>
      </c>
      <c r="AC10" s="257">
        <v>415</v>
      </c>
      <c r="AD10" s="257">
        <v>427</v>
      </c>
      <c r="AE10" s="257">
        <v>288</v>
      </c>
      <c r="AF10" s="257">
        <v>182</v>
      </c>
      <c r="AG10" s="257">
        <v>216</v>
      </c>
      <c r="AH10" s="254">
        <v>1528</v>
      </c>
      <c r="AI10" s="259">
        <v>1566</v>
      </c>
      <c r="AJ10" s="253">
        <v>16</v>
      </c>
      <c r="AK10" s="257">
        <v>0</v>
      </c>
      <c r="AL10" s="254">
        <v>16</v>
      </c>
      <c r="AM10" s="256">
        <v>0</v>
      </c>
      <c r="AN10" s="257">
        <v>77</v>
      </c>
      <c r="AO10" s="257">
        <v>62</v>
      </c>
      <c r="AP10" s="257">
        <v>94</v>
      </c>
      <c r="AQ10" s="257">
        <v>52</v>
      </c>
      <c r="AR10" s="257">
        <v>16</v>
      </c>
      <c r="AS10" s="254">
        <v>301</v>
      </c>
      <c r="AT10" s="259">
        <v>317</v>
      </c>
      <c r="AU10" s="253">
        <v>0</v>
      </c>
      <c r="AV10" s="257">
        <v>0</v>
      </c>
      <c r="AW10" s="254">
        <v>0</v>
      </c>
      <c r="AX10" s="256">
        <v>0</v>
      </c>
      <c r="AY10" s="257">
        <v>1153</v>
      </c>
      <c r="AZ10" s="257">
        <v>774</v>
      </c>
      <c r="BA10" s="257">
        <v>341</v>
      </c>
      <c r="BB10" s="257">
        <v>154</v>
      </c>
      <c r="BC10" s="257">
        <v>126</v>
      </c>
      <c r="BD10" s="258">
        <v>2548</v>
      </c>
      <c r="BE10" s="259">
        <v>2548</v>
      </c>
      <c r="BF10" s="253">
        <v>0</v>
      </c>
      <c r="BG10" s="257">
        <v>0</v>
      </c>
      <c r="BH10" s="254">
        <v>0</v>
      </c>
      <c r="BI10" s="256">
        <v>0</v>
      </c>
      <c r="BJ10" s="257">
        <v>207</v>
      </c>
      <c r="BK10" s="257">
        <v>173</v>
      </c>
      <c r="BL10" s="257">
        <v>82</v>
      </c>
      <c r="BM10" s="257">
        <v>27</v>
      </c>
      <c r="BN10" s="257">
        <v>12</v>
      </c>
      <c r="BO10" s="254">
        <v>501</v>
      </c>
      <c r="BP10" s="259">
        <v>501</v>
      </c>
      <c r="BQ10" s="253">
        <v>0</v>
      </c>
      <c r="BR10" s="257">
        <v>4</v>
      </c>
      <c r="BS10" s="254">
        <v>4</v>
      </c>
      <c r="BT10" s="256">
        <v>0</v>
      </c>
      <c r="BU10" s="257">
        <v>131</v>
      </c>
      <c r="BV10" s="257">
        <v>338</v>
      </c>
      <c r="BW10" s="257">
        <v>222</v>
      </c>
      <c r="BX10" s="257">
        <v>138</v>
      </c>
      <c r="BY10" s="257">
        <v>103</v>
      </c>
      <c r="BZ10" s="254">
        <v>932</v>
      </c>
      <c r="CA10" s="259">
        <v>936</v>
      </c>
      <c r="CB10" s="253">
        <v>0</v>
      </c>
      <c r="CC10" s="257">
        <v>0</v>
      </c>
      <c r="CD10" s="254">
        <v>0</v>
      </c>
      <c r="CE10" s="256">
        <v>0</v>
      </c>
      <c r="CF10" s="257">
        <v>16</v>
      </c>
      <c r="CG10" s="257">
        <v>0</v>
      </c>
      <c r="CH10" s="257">
        <v>27</v>
      </c>
      <c r="CI10" s="257">
        <v>10</v>
      </c>
      <c r="CJ10" s="257">
        <v>0</v>
      </c>
      <c r="CK10" s="254">
        <v>53</v>
      </c>
      <c r="CL10" s="259">
        <v>53</v>
      </c>
      <c r="CM10" s="253">
        <v>0</v>
      </c>
      <c r="CN10" s="257">
        <v>0</v>
      </c>
      <c r="CO10" s="254">
        <v>0</v>
      </c>
      <c r="CP10" s="256">
        <v>0</v>
      </c>
      <c r="CQ10" s="257">
        <v>0</v>
      </c>
      <c r="CR10" s="257">
        <v>0</v>
      </c>
      <c r="CS10" s="257">
        <v>0</v>
      </c>
      <c r="CT10" s="257">
        <v>0</v>
      </c>
      <c r="CU10" s="257">
        <v>0</v>
      </c>
      <c r="CV10" s="254">
        <v>0</v>
      </c>
      <c r="CW10" s="259">
        <v>0</v>
      </c>
      <c r="CX10" s="253">
        <v>0</v>
      </c>
      <c r="CY10" s="257">
        <v>0</v>
      </c>
      <c r="CZ10" s="254">
        <v>0</v>
      </c>
      <c r="DA10" s="256">
        <v>0</v>
      </c>
      <c r="DB10" s="257">
        <v>0</v>
      </c>
      <c r="DC10" s="257">
        <v>0</v>
      </c>
      <c r="DD10" s="257">
        <v>0</v>
      </c>
      <c r="DE10" s="257">
        <v>0</v>
      </c>
      <c r="DF10" s="257">
        <v>0</v>
      </c>
      <c r="DG10" s="254">
        <v>0</v>
      </c>
      <c r="DH10" s="259">
        <v>0</v>
      </c>
    </row>
    <row r="11" spans="2:112" ht="21" customHeight="1" x14ac:dyDescent="0.2">
      <c r="B11" s="437" t="s">
        <v>8</v>
      </c>
      <c r="C11" s="253">
        <v>0</v>
      </c>
      <c r="D11" s="257">
        <v>0</v>
      </c>
      <c r="E11" s="340">
        <v>0</v>
      </c>
      <c r="F11" s="256">
        <v>0</v>
      </c>
      <c r="G11" s="257">
        <v>163</v>
      </c>
      <c r="H11" s="257">
        <v>733</v>
      </c>
      <c r="I11" s="257">
        <v>1042</v>
      </c>
      <c r="J11" s="257">
        <v>506</v>
      </c>
      <c r="K11" s="257">
        <v>743</v>
      </c>
      <c r="L11" s="258">
        <v>3187</v>
      </c>
      <c r="M11" s="259">
        <v>3187</v>
      </c>
      <c r="N11" s="253">
        <v>0</v>
      </c>
      <c r="O11" s="257">
        <v>0</v>
      </c>
      <c r="P11" s="254">
        <v>0</v>
      </c>
      <c r="Q11" s="256">
        <v>0</v>
      </c>
      <c r="R11" s="257">
        <v>0</v>
      </c>
      <c r="S11" s="257">
        <v>0</v>
      </c>
      <c r="T11" s="257">
        <v>10</v>
      </c>
      <c r="U11" s="257">
        <v>15</v>
      </c>
      <c r="V11" s="257">
        <v>31</v>
      </c>
      <c r="W11" s="254">
        <v>56</v>
      </c>
      <c r="X11" s="259">
        <v>56</v>
      </c>
      <c r="Y11" s="253">
        <v>11</v>
      </c>
      <c r="Z11" s="257">
        <v>7</v>
      </c>
      <c r="AA11" s="254">
        <v>18</v>
      </c>
      <c r="AB11" s="256">
        <v>0</v>
      </c>
      <c r="AC11" s="257">
        <v>78</v>
      </c>
      <c r="AD11" s="257">
        <v>181</v>
      </c>
      <c r="AE11" s="257">
        <v>241</v>
      </c>
      <c r="AF11" s="257">
        <v>74</v>
      </c>
      <c r="AG11" s="257">
        <v>76</v>
      </c>
      <c r="AH11" s="254">
        <v>650</v>
      </c>
      <c r="AI11" s="259">
        <v>668</v>
      </c>
      <c r="AJ11" s="253">
        <v>0</v>
      </c>
      <c r="AK11" s="257">
        <v>0</v>
      </c>
      <c r="AL11" s="254">
        <v>0</v>
      </c>
      <c r="AM11" s="256">
        <v>0</v>
      </c>
      <c r="AN11" s="257">
        <v>38</v>
      </c>
      <c r="AO11" s="257">
        <v>12</v>
      </c>
      <c r="AP11" s="257">
        <v>95</v>
      </c>
      <c r="AQ11" s="257">
        <v>35</v>
      </c>
      <c r="AR11" s="257">
        <v>8</v>
      </c>
      <c r="AS11" s="254">
        <v>188</v>
      </c>
      <c r="AT11" s="259">
        <v>188</v>
      </c>
      <c r="AU11" s="253">
        <v>0</v>
      </c>
      <c r="AV11" s="257">
        <v>0</v>
      </c>
      <c r="AW11" s="254">
        <v>0</v>
      </c>
      <c r="AX11" s="256">
        <v>0</v>
      </c>
      <c r="AY11" s="257">
        <v>266</v>
      </c>
      <c r="AZ11" s="257">
        <v>344</v>
      </c>
      <c r="BA11" s="257">
        <v>226</v>
      </c>
      <c r="BB11" s="257">
        <v>188</v>
      </c>
      <c r="BC11" s="257">
        <v>49</v>
      </c>
      <c r="BD11" s="258">
        <v>1073</v>
      </c>
      <c r="BE11" s="259">
        <v>1073</v>
      </c>
      <c r="BF11" s="253">
        <v>0</v>
      </c>
      <c r="BG11" s="257">
        <v>0</v>
      </c>
      <c r="BH11" s="254">
        <v>0</v>
      </c>
      <c r="BI11" s="256">
        <v>0</v>
      </c>
      <c r="BJ11" s="257">
        <v>89</v>
      </c>
      <c r="BK11" s="257">
        <v>57</v>
      </c>
      <c r="BL11" s="257">
        <v>59</v>
      </c>
      <c r="BM11" s="257">
        <v>28</v>
      </c>
      <c r="BN11" s="257">
        <v>0</v>
      </c>
      <c r="BO11" s="254">
        <v>233</v>
      </c>
      <c r="BP11" s="259">
        <v>233</v>
      </c>
      <c r="BQ11" s="253">
        <v>0</v>
      </c>
      <c r="BR11" s="257">
        <v>10</v>
      </c>
      <c r="BS11" s="254">
        <v>10</v>
      </c>
      <c r="BT11" s="256">
        <v>0</v>
      </c>
      <c r="BU11" s="257">
        <v>33</v>
      </c>
      <c r="BV11" s="257">
        <v>80</v>
      </c>
      <c r="BW11" s="257">
        <v>94</v>
      </c>
      <c r="BX11" s="257">
        <v>70</v>
      </c>
      <c r="BY11" s="257">
        <v>0</v>
      </c>
      <c r="BZ11" s="254">
        <v>277</v>
      </c>
      <c r="CA11" s="259">
        <v>287</v>
      </c>
      <c r="CB11" s="253">
        <v>0</v>
      </c>
      <c r="CC11" s="257">
        <v>0</v>
      </c>
      <c r="CD11" s="254">
        <v>0</v>
      </c>
      <c r="CE11" s="256">
        <v>0</v>
      </c>
      <c r="CF11" s="257">
        <v>0</v>
      </c>
      <c r="CG11" s="257">
        <v>0</v>
      </c>
      <c r="CH11" s="257">
        <v>6</v>
      </c>
      <c r="CI11" s="257">
        <v>0</v>
      </c>
      <c r="CJ11" s="257">
        <v>0</v>
      </c>
      <c r="CK11" s="254">
        <v>6</v>
      </c>
      <c r="CL11" s="259">
        <v>6</v>
      </c>
      <c r="CM11" s="253">
        <v>0</v>
      </c>
      <c r="CN11" s="257">
        <v>0</v>
      </c>
      <c r="CO11" s="254">
        <v>0</v>
      </c>
      <c r="CP11" s="256">
        <v>0</v>
      </c>
      <c r="CQ11" s="257">
        <v>0</v>
      </c>
      <c r="CR11" s="257">
        <v>0</v>
      </c>
      <c r="CS11" s="257">
        <v>0</v>
      </c>
      <c r="CT11" s="257">
        <v>0</v>
      </c>
      <c r="CU11" s="257">
        <v>0</v>
      </c>
      <c r="CV11" s="254">
        <v>0</v>
      </c>
      <c r="CW11" s="259">
        <v>0</v>
      </c>
      <c r="CX11" s="253">
        <v>0</v>
      </c>
      <c r="CY11" s="257">
        <v>0</v>
      </c>
      <c r="CZ11" s="254">
        <v>0</v>
      </c>
      <c r="DA11" s="256">
        <v>0</v>
      </c>
      <c r="DB11" s="257">
        <v>0</v>
      </c>
      <c r="DC11" s="257">
        <v>0</v>
      </c>
      <c r="DD11" s="257">
        <v>0</v>
      </c>
      <c r="DE11" s="257">
        <v>0</v>
      </c>
      <c r="DF11" s="257">
        <v>0</v>
      </c>
      <c r="DG11" s="254">
        <v>0</v>
      </c>
      <c r="DH11" s="259">
        <v>0</v>
      </c>
    </row>
    <row r="12" spans="2:112" ht="21" customHeight="1" x14ac:dyDescent="0.2">
      <c r="B12" s="437" t="s">
        <v>9</v>
      </c>
      <c r="C12" s="253">
        <v>0</v>
      </c>
      <c r="D12" s="257">
        <v>0</v>
      </c>
      <c r="E12" s="340">
        <v>0</v>
      </c>
      <c r="F12" s="256">
        <v>0</v>
      </c>
      <c r="G12" s="257">
        <v>560</v>
      </c>
      <c r="H12" s="257">
        <v>492</v>
      </c>
      <c r="I12" s="257">
        <v>962</v>
      </c>
      <c r="J12" s="257">
        <v>1136</v>
      </c>
      <c r="K12" s="257">
        <v>886</v>
      </c>
      <c r="L12" s="258">
        <v>4036</v>
      </c>
      <c r="M12" s="259">
        <v>4036</v>
      </c>
      <c r="N12" s="253">
        <v>0</v>
      </c>
      <c r="O12" s="257">
        <v>0</v>
      </c>
      <c r="P12" s="254">
        <v>0</v>
      </c>
      <c r="Q12" s="256">
        <v>0</v>
      </c>
      <c r="R12" s="257">
        <v>0</v>
      </c>
      <c r="S12" s="257">
        <v>5</v>
      </c>
      <c r="T12" s="257">
        <v>6</v>
      </c>
      <c r="U12" s="257">
        <v>0</v>
      </c>
      <c r="V12" s="257">
        <v>29</v>
      </c>
      <c r="W12" s="254">
        <v>40</v>
      </c>
      <c r="X12" s="259">
        <v>40</v>
      </c>
      <c r="Y12" s="253">
        <v>38</v>
      </c>
      <c r="Z12" s="257">
        <v>54</v>
      </c>
      <c r="AA12" s="254">
        <v>92</v>
      </c>
      <c r="AB12" s="256">
        <v>0</v>
      </c>
      <c r="AC12" s="257">
        <v>493</v>
      </c>
      <c r="AD12" s="257">
        <v>211</v>
      </c>
      <c r="AE12" s="257">
        <v>280</v>
      </c>
      <c r="AF12" s="257">
        <v>175</v>
      </c>
      <c r="AG12" s="257">
        <v>305</v>
      </c>
      <c r="AH12" s="254">
        <v>1464</v>
      </c>
      <c r="AI12" s="259">
        <v>1556</v>
      </c>
      <c r="AJ12" s="253">
        <v>2</v>
      </c>
      <c r="AK12" s="257">
        <v>22</v>
      </c>
      <c r="AL12" s="254">
        <v>24</v>
      </c>
      <c r="AM12" s="256">
        <v>0</v>
      </c>
      <c r="AN12" s="257">
        <v>18</v>
      </c>
      <c r="AO12" s="257">
        <v>68</v>
      </c>
      <c r="AP12" s="257">
        <v>33</v>
      </c>
      <c r="AQ12" s="257">
        <v>45</v>
      </c>
      <c r="AR12" s="257">
        <v>20</v>
      </c>
      <c r="AS12" s="254">
        <v>184</v>
      </c>
      <c r="AT12" s="259">
        <v>208</v>
      </c>
      <c r="AU12" s="253">
        <v>0</v>
      </c>
      <c r="AV12" s="257">
        <v>0</v>
      </c>
      <c r="AW12" s="254">
        <v>0</v>
      </c>
      <c r="AX12" s="256">
        <v>0</v>
      </c>
      <c r="AY12" s="257">
        <v>362</v>
      </c>
      <c r="AZ12" s="257">
        <v>257</v>
      </c>
      <c r="BA12" s="257">
        <v>211</v>
      </c>
      <c r="BB12" s="257">
        <v>154</v>
      </c>
      <c r="BC12" s="257">
        <v>13</v>
      </c>
      <c r="BD12" s="258">
        <v>997</v>
      </c>
      <c r="BE12" s="259">
        <v>997</v>
      </c>
      <c r="BF12" s="253">
        <v>0</v>
      </c>
      <c r="BG12" s="257">
        <v>0</v>
      </c>
      <c r="BH12" s="254">
        <v>0</v>
      </c>
      <c r="BI12" s="256">
        <v>0</v>
      </c>
      <c r="BJ12" s="257">
        <v>91</v>
      </c>
      <c r="BK12" s="257">
        <v>97</v>
      </c>
      <c r="BL12" s="257">
        <v>119</v>
      </c>
      <c r="BM12" s="257">
        <v>45</v>
      </c>
      <c r="BN12" s="257">
        <v>16</v>
      </c>
      <c r="BO12" s="254">
        <v>368</v>
      </c>
      <c r="BP12" s="259">
        <v>368</v>
      </c>
      <c r="BQ12" s="253">
        <v>0</v>
      </c>
      <c r="BR12" s="257">
        <v>0</v>
      </c>
      <c r="BS12" s="254">
        <v>0</v>
      </c>
      <c r="BT12" s="256">
        <v>0</v>
      </c>
      <c r="BU12" s="257">
        <v>28</v>
      </c>
      <c r="BV12" s="257">
        <v>79</v>
      </c>
      <c r="BW12" s="257">
        <v>111</v>
      </c>
      <c r="BX12" s="257">
        <v>117</v>
      </c>
      <c r="BY12" s="257">
        <v>40</v>
      </c>
      <c r="BZ12" s="254">
        <v>375</v>
      </c>
      <c r="CA12" s="259">
        <v>375</v>
      </c>
      <c r="CB12" s="253">
        <v>0</v>
      </c>
      <c r="CC12" s="257">
        <v>0</v>
      </c>
      <c r="CD12" s="254">
        <v>0</v>
      </c>
      <c r="CE12" s="256">
        <v>0</v>
      </c>
      <c r="CF12" s="257">
        <v>0</v>
      </c>
      <c r="CG12" s="257">
        <v>22</v>
      </c>
      <c r="CH12" s="257">
        <v>2</v>
      </c>
      <c r="CI12" s="257">
        <v>0</v>
      </c>
      <c r="CJ12" s="257">
        <v>0</v>
      </c>
      <c r="CK12" s="254">
        <v>24</v>
      </c>
      <c r="CL12" s="259">
        <v>24</v>
      </c>
      <c r="CM12" s="253">
        <v>0</v>
      </c>
      <c r="CN12" s="257">
        <v>0</v>
      </c>
      <c r="CO12" s="254">
        <v>0</v>
      </c>
      <c r="CP12" s="256">
        <v>0</v>
      </c>
      <c r="CQ12" s="257">
        <v>0</v>
      </c>
      <c r="CR12" s="257">
        <v>0</v>
      </c>
      <c r="CS12" s="257">
        <v>0</v>
      </c>
      <c r="CT12" s="257">
        <v>0</v>
      </c>
      <c r="CU12" s="257">
        <v>0</v>
      </c>
      <c r="CV12" s="254">
        <v>0</v>
      </c>
      <c r="CW12" s="259">
        <v>0</v>
      </c>
      <c r="CX12" s="253">
        <v>0</v>
      </c>
      <c r="CY12" s="257">
        <v>0</v>
      </c>
      <c r="CZ12" s="254">
        <v>0</v>
      </c>
      <c r="DA12" s="256">
        <v>0</v>
      </c>
      <c r="DB12" s="257">
        <v>0</v>
      </c>
      <c r="DC12" s="257">
        <v>0</v>
      </c>
      <c r="DD12" s="257">
        <v>0</v>
      </c>
      <c r="DE12" s="257">
        <v>0</v>
      </c>
      <c r="DF12" s="257">
        <v>0</v>
      </c>
      <c r="DG12" s="254">
        <v>0</v>
      </c>
      <c r="DH12" s="259">
        <v>0</v>
      </c>
    </row>
    <row r="13" spans="2:112" ht="21" customHeight="1" x14ac:dyDescent="0.2">
      <c r="B13" s="437" t="s">
        <v>10</v>
      </c>
      <c r="C13" s="253">
        <v>0</v>
      </c>
      <c r="D13" s="257">
        <v>0</v>
      </c>
      <c r="E13" s="340">
        <v>0</v>
      </c>
      <c r="F13" s="256">
        <v>0</v>
      </c>
      <c r="G13" s="257">
        <v>1112</v>
      </c>
      <c r="H13" s="257">
        <v>1091</v>
      </c>
      <c r="I13" s="257">
        <v>616</v>
      </c>
      <c r="J13" s="257">
        <v>2143</v>
      </c>
      <c r="K13" s="257">
        <v>1293</v>
      </c>
      <c r="L13" s="258">
        <v>6255</v>
      </c>
      <c r="M13" s="259">
        <v>6255</v>
      </c>
      <c r="N13" s="253">
        <v>0</v>
      </c>
      <c r="O13" s="257">
        <v>0</v>
      </c>
      <c r="P13" s="254">
        <v>0</v>
      </c>
      <c r="Q13" s="256">
        <v>0</v>
      </c>
      <c r="R13" s="257">
        <v>4</v>
      </c>
      <c r="S13" s="257">
        <v>4</v>
      </c>
      <c r="T13" s="257">
        <v>18</v>
      </c>
      <c r="U13" s="257">
        <v>37</v>
      </c>
      <c r="V13" s="257">
        <v>66</v>
      </c>
      <c r="W13" s="254">
        <v>129</v>
      </c>
      <c r="X13" s="259">
        <v>129</v>
      </c>
      <c r="Y13" s="253">
        <v>97</v>
      </c>
      <c r="Z13" s="257">
        <v>123</v>
      </c>
      <c r="AA13" s="254">
        <v>220</v>
      </c>
      <c r="AB13" s="256">
        <v>0</v>
      </c>
      <c r="AC13" s="257">
        <v>604</v>
      </c>
      <c r="AD13" s="257">
        <v>341</v>
      </c>
      <c r="AE13" s="257">
        <v>348</v>
      </c>
      <c r="AF13" s="257">
        <v>423</v>
      </c>
      <c r="AG13" s="257">
        <v>206</v>
      </c>
      <c r="AH13" s="254">
        <v>1922</v>
      </c>
      <c r="AI13" s="259">
        <v>2142</v>
      </c>
      <c r="AJ13" s="253">
        <v>24</v>
      </c>
      <c r="AK13" s="257">
        <v>55</v>
      </c>
      <c r="AL13" s="254">
        <v>79</v>
      </c>
      <c r="AM13" s="256">
        <v>0</v>
      </c>
      <c r="AN13" s="257">
        <v>40</v>
      </c>
      <c r="AO13" s="257">
        <v>100</v>
      </c>
      <c r="AP13" s="257">
        <v>48</v>
      </c>
      <c r="AQ13" s="257">
        <v>46</v>
      </c>
      <c r="AR13" s="257">
        <v>73</v>
      </c>
      <c r="AS13" s="254">
        <v>307</v>
      </c>
      <c r="AT13" s="259">
        <v>386</v>
      </c>
      <c r="AU13" s="253">
        <v>0</v>
      </c>
      <c r="AV13" s="257">
        <v>0</v>
      </c>
      <c r="AW13" s="254">
        <v>0</v>
      </c>
      <c r="AX13" s="256">
        <v>0</v>
      </c>
      <c r="AY13" s="257">
        <v>908</v>
      </c>
      <c r="AZ13" s="257">
        <v>541</v>
      </c>
      <c r="BA13" s="257">
        <v>353</v>
      </c>
      <c r="BB13" s="257">
        <v>188</v>
      </c>
      <c r="BC13" s="257">
        <v>41</v>
      </c>
      <c r="BD13" s="258">
        <v>2031</v>
      </c>
      <c r="BE13" s="259">
        <v>2031</v>
      </c>
      <c r="BF13" s="253">
        <v>0</v>
      </c>
      <c r="BG13" s="257">
        <v>0</v>
      </c>
      <c r="BH13" s="254">
        <v>0</v>
      </c>
      <c r="BI13" s="256">
        <v>0</v>
      </c>
      <c r="BJ13" s="257">
        <v>201</v>
      </c>
      <c r="BK13" s="257">
        <v>75</v>
      </c>
      <c r="BL13" s="257">
        <v>24</v>
      </c>
      <c r="BM13" s="257">
        <v>46</v>
      </c>
      <c r="BN13" s="257">
        <v>35</v>
      </c>
      <c r="BO13" s="254">
        <v>381</v>
      </c>
      <c r="BP13" s="259">
        <v>381</v>
      </c>
      <c r="BQ13" s="253">
        <v>0</v>
      </c>
      <c r="BR13" s="257">
        <v>6</v>
      </c>
      <c r="BS13" s="254">
        <v>6</v>
      </c>
      <c r="BT13" s="256">
        <v>0</v>
      </c>
      <c r="BU13" s="257">
        <v>33</v>
      </c>
      <c r="BV13" s="257">
        <v>85</v>
      </c>
      <c r="BW13" s="257">
        <v>129</v>
      </c>
      <c r="BX13" s="257">
        <v>194</v>
      </c>
      <c r="BY13" s="257">
        <v>44</v>
      </c>
      <c r="BZ13" s="254">
        <v>485</v>
      </c>
      <c r="CA13" s="259">
        <v>491</v>
      </c>
      <c r="CB13" s="253">
        <v>0</v>
      </c>
      <c r="CC13" s="257">
        <v>0</v>
      </c>
      <c r="CD13" s="254">
        <v>0</v>
      </c>
      <c r="CE13" s="256">
        <v>0</v>
      </c>
      <c r="CF13" s="257">
        <v>0</v>
      </c>
      <c r="CG13" s="257">
        <v>4</v>
      </c>
      <c r="CH13" s="257">
        <v>16</v>
      </c>
      <c r="CI13" s="257">
        <v>6</v>
      </c>
      <c r="CJ13" s="257">
        <v>15</v>
      </c>
      <c r="CK13" s="254">
        <v>41</v>
      </c>
      <c r="CL13" s="259">
        <v>41</v>
      </c>
      <c r="CM13" s="253">
        <v>0</v>
      </c>
      <c r="CN13" s="257">
        <v>0</v>
      </c>
      <c r="CO13" s="254">
        <v>0</v>
      </c>
      <c r="CP13" s="256">
        <v>0</v>
      </c>
      <c r="CQ13" s="257">
        <v>0</v>
      </c>
      <c r="CR13" s="257">
        <v>0</v>
      </c>
      <c r="CS13" s="257">
        <v>0</v>
      </c>
      <c r="CT13" s="257">
        <v>0</v>
      </c>
      <c r="CU13" s="257">
        <v>0</v>
      </c>
      <c r="CV13" s="254">
        <v>0</v>
      </c>
      <c r="CW13" s="259">
        <v>0</v>
      </c>
      <c r="CX13" s="253">
        <v>0</v>
      </c>
      <c r="CY13" s="257">
        <v>0</v>
      </c>
      <c r="CZ13" s="254">
        <v>0</v>
      </c>
      <c r="DA13" s="256">
        <v>0</v>
      </c>
      <c r="DB13" s="257">
        <v>0</v>
      </c>
      <c r="DC13" s="257">
        <v>0</v>
      </c>
      <c r="DD13" s="257">
        <v>0</v>
      </c>
      <c r="DE13" s="257">
        <v>0</v>
      </c>
      <c r="DF13" s="257">
        <v>0</v>
      </c>
      <c r="DG13" s="254">
        <v>0</v>
      </c>
      <c r="DH13" s="259">
        <v>0</v>
      </c>
    </row>
    <row r="14" spans="2:112" ht="21" customHeight="1" x14ac:dyDescent="0.2">
      <c r="B14" s="437" t="s">
        <v>11</v>
      </c>
      <c r="C14" s="253">
        <v>0</v>
      </c>
      <c r="D14" s="257">
        <v>0</v>
      </c>
      <c r="E14" s="340">
        <v>0</v>
      </c>
      <c r="F14" s="256">
        <v>0</v>
      </c>
      <c r="G14" s="257">
        <v>170</v>
      </c>
      <c r="H14" s="257">
        <v>317</v>
      </c>
      <c r="I14" s="257">
        <v>284</v>
      </c>
      <c r="J14" s="257">
        <v>510</v>
      </c>
      <c r="K14" s="257">
        <v>514</v>
      </c>
      <c r="L14" s="258">
        <v>1795</v>
      </c>
      <c r="M14" s="259">
        <v>1795</v>
      </c>
      <c r="N14" s="253">
        <v>0</v>
      </c>
      <c r="O14" s="257">
        <v>0</v>
      </c>
      <c r="P14" s="254">
        <v>0</v>
      </c>
      <c r="Q14" s="256">
        <v>0</v>
      </c>
      <c r="R14" s="257">
        <v>1</v>
      </c>
      <c r="S14" s="257">
        <v>8</v>
      </c>
      <c r="T14" s="257">
        <v>2</v>
      </c>
      <c r="U14" s="257">
        <v>15</v>
      </c>
      <c r="V14" s="257">
        <v>18</v>
      </c>
      <c r="W14" s="254">
        <v>44</v>
      </c>
      <c r="X14" s="259">
        <v>44</v>
      </c>
      <c r="Y14" s="253">
        <v>19</v>
      </c>
      <c r="Z14" s="257">
        <v>23</v>
      </c>
      <c r="AA14" s="254">
        <v>42</v>
      </c>
      <c r="AB14" s="256">
        <v>0</v>
      </c>
      <c r="AC14" s="257">
        <v>132</v>
      </c>
      <c r="AD14" s="257">
        <v>107</v>
      </c>
      <c r="AE14" s="257">
        <v>374</v>
      </c>
      <c r="AF14" s="257">
        <v>148</v>
      </c>
      <c r="AG14" s="257">
        <v>55</v>
      </c>
      <c r="AH14" s="254">
        <v>816</v>
      </c>
      <c r="AI14" s="259">
        <v>858</v>
      </c>
      <c r="AJ14" s="253">
        <v>0</v>
      </c>
      <c r="AK14" s="257">
        <v>20</v>
      </c>
      <c r="AL14" s="254">
        <v>20</v>
      </c>
      <c r="AM14" s="256">
        <v>0</v>
      </c>
      <c r="AN14" s="257">
        <v>40</v>
      </c>
      <c r="AO14" s="257">
        <v>0</v>
      </c>
      <c r="AP14" s="257">
        <v>12</v>
      </c>
      <c r="AQ14" s="257">
        <v>54</v>
      </c>
      <c r="AR14" s="257">
        <v>16</v>
      </c>
      <c r="AS14" s="254">
        <v>122</v>
      </c>
      <c r="AT14" s="259">
        <v>142</v>
      </c>
      <c r="AU14" s="253">
        <v>0</v>
      </c>
      <c r="AV14" s="257">
        <v>0</v>
      </c>
      <c r="AW14" s="254">
        <v>0</v>
      </c>
      <c r="AX14" s="256">
        <v>0</v>
      </c>
      <c r="AY14" s="257">
        <v>326</v>
      </c>
      <c r="AZ14" s="257">
        <v>231</v>
      </c>
      <c r="BA14" s="257">
        <v>164</v>
      </c>
      <c r="BB14" s="257">
        <v>123</v>
      </c>
      <c r="BC14" s="257">
        <v>12</v>
      </c>
      <c r="BD14" s="258">
        <v>856</v>
      </c>
      <c r="BE14" s="259">
        <v>856</v>
      </c>
      <c r="BF14" s="253">
        <v>0</v>
      </c>
      <c r="BG14" s="257">
        <v>0</v>
      </c>
      <c r="BH14" s="254">
        <v>0</v>
      </c>
      <c r="BI14" s="256">
        <v>0</v>
      </c>
      <c r="BJ14" s="257">
        <v>116</v>
      </c>
      <c r="BK14" s="257">
        <v>98</v>
      </c>
      <c r="BL14" s="257">
        <v>72</v>
      </c>
      <c r="BM14" s="257">
        <v>99</v>
      </c>
      <c r="BN14" s="257">
        <v>8</v>
      </c>
      <c r="BO14" s="254">
        <v>393</v>
      </c>
      <c r="BP14" s="259">
        <v>393</v>
      </c>
      <c r="BQ14" s="253">
        <v>3</v>
      </c>
      <c r="BR14" s="257">
        <v>0</v>
      </c>
      <c r="BS14" s="254">
        <v>3</v>
      </c>
      <c r="BT14" s="256">
        <v>0</v>
      </c>
      <c r="BU14" s="257">
        <v>44</v>
      </c>
      <c r="BV14" s="257">
        <v>69</v>
      </c>
      <c r="BW14" s="257">
        <v>8</v>
      </c>
      <c r="BX14" s="257">
        <v>55</v>
      </c>
      <c r="BY14" s="257">
        <v>30</v>
      </c>
      <c r="BZ14" s="254">
        <v>206</v>
      </c>
      <c r="CA14" s="259">
        <v>209</v>
      </c>
      <c r="CB14" s="253">
        <v>0</v>
      </c>
      <c r="CC14" s="257">
        <v>0</v>
      </c>
      <c r="CD14" s="254">
        <v>0</v>
      </c>
      <c r="CE14" s="256">
        <v>0</v>
      </c>
      <c r="CF14" s="257">
        <v>2</v>
      </c>
      <c r="CG14" s="257">
        <v>12</v>
      </c>
      <c r="CH14" s="257">
        <v>0</v>
      </c>
      <c r="CI14" s="257">
        <v>4</v>
      </c>
      <c r="CJ14" s="257">
        <v>0</v>
      </c>
      <c r="CK14" s="254">
        <v>18</v>
      </c>
      <c r="CL14" s="259">
        <v>18</v>
      </c>
      <c r="CM14" s="253">
        <v>0</v>
      </c>
      <c r="CN14" s="257">
        <v>0</v>
      </c>
      <c r="CO14" s="254">
        <v>0</v>
      </c>
      <c r="CP14" s="256">
        <v>0</v>
      </c>
      <c r="CQ14" s="257">
        <v>0</v>
      </c>
      <c r="CR14" s="257">
        <v>0</v>
      </c>
      <c r="CS14" s="257">
        <v>0</v>
      </c>
      <c r="CT14" s="257">
        <v>0</v>
      </c>
      <c r="CU14" s="257">
        <v>0</v>
      </c>
      <c r="CV14" s="254">
        <v>0</v>
      </c>
      <c r="CW14" s="259">
        <v>0</v>
      </c>
      <c r="CX14" s="253">
        <v>0</v>
      </c>
      <c r="CY14" s="257">
        <v>0</v>
      </c>
      <c r="CZ14" s="254">
        <v>0</v>
      </c>
      <c r="DA14" s="256">
        <v>0</v>
      </c>
      <c r="DB14" s="257">
        <v>0</v>
      </c>
      <c r="DC14" s="257">
        <v>0</v>
      </c>
      <c r="DD14" s="257">
        <v>0</v>
      </c>
      <c r="DE14" s="257">
        <v>0</v>
      </c>
      <c r="DF14" s="257">
        <v>0</v>
      </c>
      <c r="DG14" s="254">
        <v>0</v>
      </c>
      <c r="DH14" s="259">
        <v>0</v>
      </c>
    </row>
    <row r="15" spans="2:112" ht="21" customHeight="1" x14ac:dyDescent="0.2">
      <c r="B15" s="437" t="s">
        <v>12</v>
      </c>
      <c r="C15" s="253">
        <v>0</v>
      </c>
      <c r="D15" s="257">
        <v>0</v>
      </c>
      <c r="E15" s="340">
        <v>0</v>
      </c>
      <c r="F15" s="256">
        <v>0</v>
      </c>
      <c r="G15" s="257">
        <v>413</v>
      </c>
      <c r="H15" s="257">
        <v>687</v>
      </c>
      <c r="I15" s="257">
        <v>716</v>
      </c>
      <c r="J15" s="257">
        <v>1404</v>
      </c>
      <c r="K15" s="257">
        <v>596</v>
      </c>
      <c r="L15" s="258">
        <v>3816</v>
      </c>
      <c r="M15" s="259">
        <v>3816</v>
      </c>
      <c r="N15" s="253">
        <v>0</v>
      </c>
      <c r="O15" s="257">
        <v>0</v>
      </c>
      <c r="P15" s="254">
        <v>0</v>
      </c>
      <c r="Q15" s="256">
        <v>0</v>
      </c>
      <c r="R15" s="257">
        <v>0</v>
      </c>
      <c r="S15" s="257">
        <v>0</v>
      </c>
      <c r="T15" s="257">
        <v>4</v>
      </c>
      <c r="U15" s="257">
        <v>25</v>
      </c>
      <c r="V15" s="257">
        <v>18</v>
      </c>
      <c r="W15" s="254">
        <v>47</v>
      </c>
      <c r="X15" s="259">
        <v>47</v>
      </c>
      <c r="Y15" s="253">
        <v>89</v>
      </c>
      <c r="Z15" s="257">
        <v>97</v>
      </c>
      <c r="AA15" s="254">
        <v>186</v>
      </c>
      <c r="AB15" s="256">
        <v>0</v>
      </c>
      <c r="AC15" s="257">
        <v>123</v>
      </c>
      <c r="AD15" s="257">
        <v>251</v>
      </c>
      <c r="AE15" s="257">
        <v>144</v>
      </c>
      <c r="AF15" s="257">
        <v>144</v>
      </c>
      <c r="AG15" s="257">
        <v>72</v>
      </c>
      <c r="AH15" s="254">
        <v>734</v>
      </c>
      <c r="AI15" s="259">
        <v>920</v>
      </c>
      <c r="AJ15" s="253">
        <v>0</v>
      </c>
      <c r="AK15" s="257">
        <v>18</v>
      </c>
      <c r="AL15" s="254">
        <v>18</v>
      </c>
      <c r="AM15" s="256">
        <v>0</v>
      </c>
      <c r="AN15" s="257">
        <v>12</v>
      </c>
      <c r="AO15" s="257">
        <v>40</v>
      </c>
      <c r="AP15" s="257">
        <v>18</v>
      </c>
      <c r="AQ15" s="257">
        <v>27</v>
      </c>
      <c r="AR15" s="257">
        <v>0</v>
      </c>
      <c r="AS15" s="254">
        <v>97</v>
      </c>
      <c r="AT15" s="259">
        <v>115</v>
      </c>
      <c r="AU15" s="253">
        <v>0</v>
      </c>
      <c r="AV15" s="257">
        <v>0</v>
      </c>
      <c r="AW15" s="254">
        <v>0</v>
      </c>
      <c r="AX15" s="256">
        <v>0</v>
      </c>
      <c r="AY15" s="257">
        <v>390</v>
      </c>
      <c r="AZ15" s="257">
        <v>264</v>
      </c>
      <c r="BA15" s="257">
        <v>257</v>
      </c>
      <c r="BB15" s="257">
        <v>188</v>
      </c>
      <c r="BC15" s="257">
        <v>47</v>
      </c>
      <c r="BD15" s="258">
        <v>1146</v>
      </c>
      <c r="BE15" s="259">
        <v>1146</v>
      </c>
      <c r="BF15" s="253">
        <v>0</v>
      </c>
      <c r="BG15" s="257">
        <v>0</v>
      </c>
      <c r="BH15" s="254">
        <v>0</v>
      </c>
      <c r="BI15" s="256">
        <v>0</v>
      </c>
      <c r="BJ15" s="257">
        <v>58</v>
      </c>
      <c r="BK15" s="257">
        <v>110</v>
      </c>
      <c r="BL15" s="257">
        <v>80</v>
      </c>
      <c r="BM15" s="257">
        <v>48</v>
      </c>
      <c r="BN15" s="257">
        <v>0</v>
      </c>
      <c r="BO15" s="254">
        <v>296</v>
      </c>
      <c r="BP15" s="259">
        <v>296</v>
      </c>
      <c r="BQ15" s="253">
        <v>0</v>
      </c>
      <c r="BR15" s="257">
        <v>9</v>
      </c>
      <c r="BS15" s="254">
        <v>9</v>
      </c>
      <c r="BT15" s="256">
        <v>0</v>
      </c>
      <c r="BU15" s="257">
        <v>64</v>
      </c>
      <c r="BV15" s="257">
        <v>54</v>
      </c>
      <c r="BW15" s="257">
        <v>91</v>
      </c>
      <c r="BX15" s="257">
        <v>117</v>
      </c>
      <c r="BY15" s="257">
        <v>40</v>
      </c>
      <c r="BZ15" s="254">
        <v>366</v>
      </c>
      <c r="CA15" s="259">
        <v>375</v>
      </c>
      <c r="CB15" s="253">
        <v>0</v>
      </c>
      <c r="CC15" s="257">
        <v>0</v>
      </c>
      <c r="CD15" s="254">
        <v>0</v>
      </c>
      <c r="CE15" s="256">
        <v>0</v>
      </c>
      <c r="CF15" s="257">
        <v>0</v>
      </c>
      <c r="CG15" s="257">
        <v>0</v>
      </c>
      <c r="CH15" s="257">
        <v>0</v>
      </c>
      <c r="CI15" s="257">
        <v>14</v>
      </c>
      <c r="CJ15" s="257">
        <v>0</v>
      </c>
      <c r="CK15" s="254">
        <v>14</v>
      </c>
      <c r="CL15" s="259">
        <v>14</v>
      </c>
      <c r="CM15" s="253">
        <v>0</v>
      </c>
      <c r="CN15" s="257">
        <v>0</v>
      </c>
      <c r="CO15" s="254">
        <v>0</v>
      </c>
      <c r="CP15" s="256">
        <v>0</v>
      </c>
      <c r="CQ15" s="257">
        <v>0</v>
      </c>
      <c r="CR15" s="257">
        <v>0</v>
      </c>
      <c r="CS15" s="257">
        <v>0</v>
      </c>
      <c r="CT15" s="257">
        <v>0</v>
      </c>
      <c r="CU15" s="257">
        <v>0</v>
      </c>
      <c r="CV15" s="254">
        <v>0</v>
      </c>
      <c r="CW15" s="259">
        <v>0</v>
      </c>
      <c r="CX15" s="253">
        <v>0</v>
      </c>
      <c r="CY15" s="257">
        <v>0</v>
      </c>
      <c r="CZ15" s="254">
        <v>0</v>
      </c>
      <c r="DA15" s="256">
        <v>0</v>
      </c>
      <c r="DB15" s="257">
        <v>0</v>
      </c>
      <c r="DC15" s="257">
        <v>0</v>
      </c>
      <c r="DD15" s="257">
        <v>0</v>
      </c>
      <c r="DE15" s="257">
        <v>0</v>
      </c>
      <c r="DF15" s="257">
        <v>0</v>
      </c>
      <c r="DG15" s="254">
        <v>0</v>
      </c>
      <c r="DH15" s="259">
        <v>0</v>
      </c>
    </row>
    <row r="16" spans="2:112" ht="21" customHeight="1" x14ac:dyDescent="0.2">
      <c r="B16" s="437" t="s">
        <v>13</v>
      </c>
      <c r="C16" s="253">
        <v>0</v>
      </c>
      <c r="D16" s="257">
        <v>0</v>
      </c>
      <c r="E16" s="340">
        <v>0</v>
      </c>
      <c r="F16" s="256">
        <v>0</v>
      </c>
      <c r="G16" s="257">
        <v>127</v>
      </c>
      <c r="H16" s="257">
        <v>188</v>
      </c>
      <c r="I16" s="257">
        <v>329</v>
      </c>
      <c r="J16" s="257">
        <v>461</v>
      </c>
      <c r="K16" s="257">
        <v>586</v>
      </c>
      <c r="L16" s="258">
        <v>1691</v>
      </c>
      <c r="M16" s="259">
        <v>1691</v>
      </c>
      <c r="N16" s="253">
        <v>0</v>
      </c>
      <c r="O16" s="257">
        <v>0</v>
      </c>
      <c r="P16" s="254">
        <v>0</v>
      </c>
      <c r="Q16" s="256">
        <v>0</v>
      </c>
      <c r="R16" s="257">
        <v>0</v>
      </c>
      <c r="S16" s="257">
        <v>0</v>
      </c>
      <c r="T16" s="257">
        <v>0</v>
      </c>
      <c r="U16" s="257">
        <v>4</v>
      </c>
      <c r="V16" s="257">
        <v>26</v>
      </c>
      <c r="W16" s="254">
        <v>30</v>
      </c>
      <c r="X16" s="259">
        <v>30</v>
      </c>
      <c r="Y16" s="253">
        <v>0</v>
      </c>
      <c r="Z16" s="257">
        <v>4</v>
      </c>
      <c r="AA16" s="254">
        <v>4</v>
      </c>
      <c r="AB16" s="256">
        <v>0</v>
      </c>
      <c r="AC16" s="257">
        <v>85</v>
      </c>
      <c r="AD16" s="257">
        <v>220</v>
      </c>
      <c r="AE16" s="257">
        <v>104</v>
      </c>
      <c r="AF16" s="257">
        <v>44</v>
      </c>
      <c r="AG16" s="257">
        <v>107</v>
      </c>
      <c r="AH16" s="254">
        <v>560</v>
      </c>
      <c r="AI16" s="259">
        <v>564</v>
      </c>
      <c r="AJ16" s="253">
        <v>6</v>
      </c>
      <c r="AK16" s="257">
        <v>0</v>
      </c>
      <c r="AL16" s="254">
        <v>6</v>
      </c>
      <c r="AM16" s="256">
        <v>0</v>
      </c>
      <c r="AN16" s="257">
        <v>14</v>
      </c>
      <c r="AO16" s="257">
        <v>12</v>
      </c>
      <c r="AP16" s="257">
        <v>8</v>
      </c>
      <c r="AQ16" s="257">
        <v>24</v>
      </c>
      <c r="AR16" s="257">
        <v>3</v>
      </c>
      <c r="AS16" s="254">
        <v>61</v>
      </c>
      <c r="AT16" s="259">
        <v>67</v>
      </c>
      <c r="AU16" s="253">
        <v>0</v>
      </c>
      <c r="AV16" s="257">
        <v>0</v>
      </c>
      <c r="AW16" s="254">
        <v>0</v>
      </c>
      <c r="AX16" s="256">
        <v>0</v>
      </c>
      <c r="AY16" s="257">
        <v>105</v>
      </c>
      <c r="AZ16" s="257">
        <v>101</v>
      </c>
      <c r="BA16" s="257">
        <v>123</v>
      </c>
      <c r="BB16" s="257">
        <v>40</v>
      </c>
      <c r="BC16" s="257">
        <v>3</v>
      </c>
      <c r="BD16" s="258">
        <v>372</v>
      </c>
      <c r="BE16" s="259">
        <v>372</v>
      </c>
      <c r="BF16" s="253">
        <v>0</v>
      </c>
      <c r="BG16" s="257">
        <v>0</v>
      </c>
      <c r="BH16" s="254">
        <v>0</v>
      </c>
      <c r="BI16" s="256">
        <v>0</v>
      </c>
      <c r="BJ16" s="257">
        <v>17</v>
      </c>
      <c r="BK16" s="257">
        <v>20</v>
      </c>
      <c r="BL16" s="257">
        <v>20</v>
      </c>
      <c r="BM16" s="257">
        <v>9</v>
      </c>
      <c r="BN16" s="257">
        <v>29</v>
      </c>
      <c r="BO16" s="254">
        <v>95</v>
      </c>
      <c r="BP16" s="259">
        <v>95</v>
      </c>
      <c r="BQ16" s="253">
        <v>0</v>
      </c>
      <c r="BR16" s="257">
        <v>0</v>
      </c>
      <c r="BS16" s="254">
        <v>0</v>
      </c>
      <c r="BT16" s="256">
        <v>0</v>
      </c>
      <c r="BU16" s="257">
        <v>6</v>
      </c>
      <c r="BV16" s="257">
        <v>12</v>
      </c>
      <c r="BW16" s="257">
        <v>93</v>
      </c>
      <c r="BX16" s="257">
        <v>45</v>
      </c>
      <c r="BY16" s="257">
        <v>3</v>
      </c>
      <c r="BZ16" s="254">
        <v>159</v>
      </c>
      <c r="CA16" s="259">
        <v>159</v>
      </c>
      <c r="CB16" s="253">
        <v>0</v>
      </c>
      <c r="CC16" s="257">
        <v>0</v>
      </c>
      <c r="CD16" s="254">
        <v>0</v>
      </c>
      <c r="CE16" s="256">
        <v>0</v>
      </c>
      <c r="CF16" s="257">
        <v>0</v>
      </c>
      <c r="CG16" s="257">
        <v>9</v>
      </c>
      <c r="CH16" s="257">
        <v>0</v>
      </c>
      <c r="CI16" s="257">
        <v>0</v>
      </c>
      <c r="CJ16" s="257">
        <v>0</v>
      </c>
      <c r="CK16" s="254">
        <v>9</v>
      </c>
      <c r="CL16" s="259">
        <v>9</v>
      </c>
      <c r="CM16" s="253">
        <v>0</v>
      </c>
      <c r="CN16" s="257">
        <v>0</v>
      </c>
      <c r="CO16" s="254">
        <v>0</v>
      </c>
      <c r="CP16" s="256">
        <v>0</v>
      </c>
      <c r="CQ16" s="257">
        <v>0</v>
      </c>
      <c r="CR16" s="257">
        <v>0</v>
      </c>
      <c r="CS16" s="257">
        <v>0</v>
      </c>
      <c r="CT16" s="257">
        <v>0</v>
      </c>
      <c r="CU16" s="257">
        <v>0</v>
      </c>
      <c r="CV16" s="254">
        <v>0</v>
      </c>
      <c r="CW16" s="259">
        <v>0</v>
      </c>
      <c r="CX16" s="253">
        <v>0</v>
      </c>
      <c r="CY16" s="257">
        <v>0</v>
      </c>
      <c r="CZ16" s="254">
        <v>0</v>
      </c>
      <c r="DA16" s="256">
        <v>0</v>
      </c>
      <c r="DB16" s="257">
        <v>0</v>
      </c>
      <c r="DC16" s="257">
        <v>0</v>
      </c>
      <c r="DD16" s="257">
        <v>0</v>
      </c>
      <c r="DE16" s="257">
        <v>0</v>
      </c>
      <c r="DF16" s="257">
        <v>0</v>
      </c>
      <c r="DG16" s="254">
        <v>0</v>
      </c>
      <c r="DH16" s="259">
        <v>0</v>
      </c>
    </row>
    <row r="17" spans="2:112" ht="21" customHeight="1" x14ac:dyDescent="0.2">
      <c r="B17" s="437" t="s">
        <v>15</v>
      </c>
      <c r="C17" s="253">
        <v>0</v>
      </c>
      <c r="D17" s="257">
        <v>0</v>
      </c>
      <c r="E17" s="340">
        <v>0</v>
      </c>
      <c r="F17" s="256">
        <v>0</v>
      </c>
      <c r="G17" s="257">
        <v>88</v>
      </c>
      <c r="H17" s="257">
        <v>354</v>
      </c>
      <c r="I17" s="257">
        <v>104</v>
      </c>
      <c r="J17" s="257">
        <v>408</v>
      </c>
      <c r="K17" s="257">
        <v>106</v>
      </c>
      <c r="L17" s="258">
        <v>1060</v>
      </c>
      <c r="M17" s="259">
        <v>1060</v>
      </c>
      <c r="N17" s="253">
        <v>0</v>
      </c>
      <c r="O17" s="257">
        <v>0</v>
      </c>
      <c r="P17" s="254">
        <v>0</v>
      </c>
      <c r="Q17" s="256">
        <v>0</v>
      </c>
      <c r="R17" s="257">
        <v>0</v>
      </c>
      <c r="S17" s="257">
        <v>5</v>
      </c>
      <c r="T17" s="257">
        <v>0</v>
      </c>
      <c r="U17" s="257">
        <v>19</v>
      </c>
      <c r="V17" s="257">
        <v>0</v>
      </c>
      <c r="W17" s="254">
        <v>24</v>
      </c>
      <c r="X17" s="259">
        <v>24</v>
      </c>
      <c r="Y17" s="253">
        <v>0</v>
      </c>
      <c r="Z17" s="257">
        <v>6</v>
      </c>
      <c r="AA17" s="254">
        <v>6</v>
      </c>
      <c r="AB17" s="256">
        <v>0</v>
      </c>
      <c r="AC17" s="257">
        <v>65</v>
      </c>
      <c r="AD17" s="257">
        <v>35</v>
      </c>
      <c r="AE17" s="257">
        <v>35</v>
      </c>
      <c r="AF17" s="257">
        <v>52</v>
      </c>
      <c r="AG17" s="257">
        <v>0</v>
      </c>
      <c r="AH17" s="254">
        <v>187</v>
      </c>
      <c r="AI17" s="259">
        <v>193</v>
      </c>
      <c r="AJ17" s="253">
        <v>0</v>
      </c>
      <c r="AK17" s="257">
        <v>0</v>
      </c>
      <c r="AL17" s="254">
        <v>0</v>
      </c>
      <c r="AM17" s="256">
        <v>0</v>
      </c>
      <c r="AN17" s="257">
        <v>16</v>
      </c>
      <c r="AO17" s="257">
        <v>27</v>
      </c>
      <c r="AP17" s="257">
        <v>0</v>
      </c>
      <c r="AQ17" s="257">
        <v>0</v>
      </c>
      <c r="AR17" s="257">
        <v>0</v>
      </c>
      <c r="AS17" s="254">
        <v>43</v>
      </c>
      <c r="AT17" s="259">
        <v>43</v>
      </c>
      <c r="AU17" s="253">
        <v>0</v>
      </c>
      <c r="AV17" s="257">
        <v>0</v>
      </c>
      <c r="AW17" s="254">
        <v>0</v>
      </c>
      <c r="AX17" s="256">
        <v>0</v>
      </c>
      <c r="AY17" s="257">
        <v>32</v>
      </c>
      <c r="AZ17" s="257">
        <v>38</v>
      </c>
      <c r="BA17" s="257">
        <v>28</v>
      </c>
      <c r="BB17" s="257">
        <v>21</v>
      </c>
      <c r="BC17" s="257">
        <v>0</v>
      </c>
      <c r="BD17" s="258">
        <v>119</v>
      </c>
      <c r="BE17" s="259">
        <v>119</v>
      </c>
      <c r="BF17" s="253">
        <v>0</v>
      </c>
      <c r="BG17" s="257">
        <v>0</v>
      </c>
      <c r="BH17" s="254">
        <v>0</v>
      </c>
      <c r="BI17" s="256">
        <v>0</v>
      </c>
      <c r="BJ17" s="257">
        <v>12</v>
      </c>
      <c r="BK17" s="257">
        <v>29</v>
      </c>
      <c r="BL17" s="257">
        <v>26</v>
      </c>
      <c r="BM17" s="257">
        <v>0</v>
      </c>
      <c r="BN17" s="257">
        <v>0</v>
      </c>
      <c r="BO17" s="254">
        <v>67</v>
      </c>
      <c r="BP17" s="259">
        <v>67</v>
      </c>
      <c r="BQ17" s="253">
        <v>0</v>
      </c>
      <c r="BR17" s="257">
        <v>0</v>
      </c>
      <c r="BS17" s="254">
        <v>0</v>
      </c>
      <c r="BT17" s="256">
        <v>0</v>
      </c>
      <c r="BU17" s="257">
        <v>10</v>
      </c>
      <c r="BV17" s="257">
        <v>6</v>
      </c>
      <c r="BW17" s="257">
        <v>0</v>
      </c>
      <c r="BX17" s="257">
        <v>28</v>
      </c>
      <c r="BY17" s="257">
        <v>0</v>
      </c>
      <c r="BZ17" s="254">
        <v>44</v>
      </c>
      <c r="CA17" s="259">
        <v>44</v>
      </c>
      <c r="CB17" s="253">
        <v>0</v>
      </c>
      <c r="CC17" s="257">
        <v>0</v>
      </c>
      <c r="CD17" s="254">
        <v>0</v>
      </c>
      <c r="CE17" s="256">
        <v>0</v>
      </c>
      <c r="CF17" s="257">
        <v>0</v>
      </c>
      <c r="CG17" s="257">
        <v>0</v>
      </c>
      <c r="CH17" s="257">
        <v>3</v>
      </c>
      <c r="CI17" s="257">
        <v>0</v>
      </c>
      <c r="CJ17" s="257">
        <v>0</v>
      </c>
      <c r="CK17" s="254">
        <v>3</v>
      </c>
      <c r="CL17" s="259">
        <v>3</v>
      </c>
      <c r="CM17" s="253">
        <v>0</v>
      </c>
      <c r="CN17" s="257">
        <v>0</v>
      </c>
      <c r="CO17" s="254">
        <v>0</v>
      </c>
      <c r="CP17" s="256">
        <v>0</v>
      </c>
      <c r="CQ17" s="257">
        <v>0</v>
      </c>
      <c r="CR17" s="257">
        <v>0</v>
      </c>
      <c r="CS17" s="257">
        <v>0</v>
      </c>
      <c r="CT17" s="257">
        <v>0</v>
      </c>
      <c r="CU17" s="257">
        <v>0</v>
      </c>
      <c r="CV17" s="254">
        <v>0</v>
      </c>
      <c r="CW17" s="259">
        <v>0</v>
      </c>
      <c r="CX17" s="253">
        <v>0</v>
      </c>
      <c r="CY17" s="257">
        <v>0</v>
      </c>
      <c r="CZ17" s="254">
        <v>0</v>
      </c>
      <c r="DA17" s="256">
        <v>0</v>
      </c>
      <c r="DB17" s="257">
        <v>0</v>
      </c>
      <c r="DC17" s="257">
        <v>0</v>
      </c>
      <c r="DD17" s="257">
        <v>0</v>
      </c>
      <c r="DE17" s="257">
        <v>0</v>
      </c>
      <c r="DF17" s="257">
        <v>0</v>
      </c>
      <c r="DG17" s="254">
        <v>0</v>
      </c>
      <c r="DH17" s="259">
        <v>0</v>
      </c>
    </row>
    <row r="18" spans="2:112" ht="21" customHeight="1" x14ac:dyDescent="0.2">
      <c r="B18" s="437" t="s">
        <v>16</v>
      </c>
      <c r="C18" s="253">
        <v>0</v>
      </c>
      <c r="D18" s="257">
        <v>0</v>
      </c>
      <c r="E18" s="340">
        <v>0</v>
      </c>
      <c r="F18" s="256">
        <v>0</v>
      </c>
      <c r="G18" s="257">
        <v>173</v>
      </c>
      <c r="H18" s="257">
        <v>159</v>
      </c>
      <c r="I18" s="257">
        <v>86</v>
      </c>
      <c r="J18" s="257">
        <v>22</v>
      </c>
      <c r="K18" s="257">
        <v>108</v>
      </c>
      <c r="L18" s="258">
        <v>548</v>
      </c>
      <c r="M18" s="259">
        <v>548</v>
      </c>
      <c r="N18" s="253">
        <v>0</v>
      </c>
      <c r="O18" s="257">
        <v>0</v>
      </c>
      <c r="P18" s="254">
        <v>0</v>
      </c>
      <c r="Q18" s="256">
        <v>0</v>
      </c>
      <c r="R18" s="257">
        <v>1</v>
      </c>
      <c r="S18" s="257">
        <v>0</v>
      </c>
      <c r="T18" s="257">
        <v>1</v>
      </c>
      <c r="U18" s="257">
        <v>8</v>
      </c>
      <c r="V18" s="257">
        <v>16</v>
      </c>
      <c r="W18" s="254">
        <v>26</v>
      </c>
      <c r="X18" s="259">
        <v>26</v>
      </c>
      <c r="Y18" s="253">
        <v>24</v>
      </c>
      <c r="Z18" s="257">
        <v>13</v>
      </c>
      <c r="AA18" s="254">
        <v>37</v>
      </c>
      <c r="AB18" s="256">
        <v>0</v>
      </c>
      <c r="AC18" s="257">
        <v>103</v>
      </c>
      <c r="AD18" s="257">
        <v>154</v>
      </c>
      <c r="AE18" s="257">
        <v>30</v>
      </c>
      <c r="AF18" s="257">
        <v>52</v>
      </c>
      <c r="AG18" s="257">
        <v>10</v>
      </c>
      <c r="AH18" s="254">
        <v>349</v>
      </c>
      <c r="AI18" s="259">
        <v>386</v>
      </c>
      <c r="AJ18" s="253">
        <v>3</v>
      </c>
      <c r="AK18" s="257">
        <v>12</v>
      </c>
      <c r="AL18" s="254">
        <v>15</v>
      </c>
      <c r="AM18" s="256">
        <v>0</v>
      </c>
      <c r="AN18" s="257">
        <v>24</v>
      </c>
      <c r="AO18" s="257">
        <v>27</v>
      </c>
      <c r="AP18" s="257">
        <v>0</v>
      </c>
      <c r="AQ18" s="257">
        <v>0</v>
      </c>
      <c r="AR18" s="257">
        <v>0</v>
      </c>
      <c r="AS18" s="254">
        <v>51</v>
      </c>
      <c r="AT18" s="259">
        <v>66</v>
      </c>
      <c r="AU18" s="253">
        <v>0</v>
      </c>
      <c r="AV18" s="257">
        <v>0</v>
      </c>
      <c r="AW18" s="254">
        <v>0</v>
      </c>
      <c r="AX18" s="256">
        <v>0</v>
      </c>
      <c r="AY18" s="257">
        <v>120</v>
      </c>
      <c r="AZ18" s="257">
        <v>206</v>
      </c>
      <c r="BA18" s="257">
        <v>123</v>
      </c>
      <c r="BB18" s="257">
        <v>50</v>
      </c>
      <c r="BC18" s="257">
        <v>2</v>
      </c>
      <c r="BD18" s="258">
        <v>501</v>
      </c>
      <c r="BE18" s="259">
        <v>501</v>
      </c>
      <c r="BF18" s="253">
        <v>0</v>
      </c>
      <c r="BG18" s="257">
        <v>0</v>
      </c>
      <c r="BH18" s="254">
        <v>0</v>
      </c>
      <c r="BI18" s="256">
        <v>0</v>
      </c>
      <c r="BJ18" s="257">
        <v>60</v>
      </c>
      <c r="BK18" s="257">
        <v>193</v>
      </c>
      <c r="BL18" s="257">
        <v>76</v>
      </c>
      <c r="BM18" s="257">
        <v>26</v>
      </c>
      <c r="BN18" s="257">
        <v>7</v>
      </c>
      <c r="BO18" s="254">
        <v>362</v>
      </c>
      <c r="BP18" s="259">
        <v>362</v>
      </c>
      <c r="BQ18" s="253">
        <v>0</v>
      </c>
      <c r="BR18" s="257">
        <v>0</v>
      </c>
      <c r="BS18" s="254">
        <v>0</v>
      </c>
      <c r="BT18" s="256">
        <v>0</v>
      </c>
      <c r="BU18" s="257">
        <v>0</v>
      </c>
      <c r="BV18" s="257">
        <v>7</v>
      </c>
      <c r="BW18" s="257">
        <v>25</v>
      </c>
      <c r="BX18" s="257">
        <v>26</v>
      </c>
      <c r="BY18" s="257">
        <v>6</v>
      </c>
      <c r="BZ18" s="254">
        <v>64</v>
      </c>
      <c r="CA18" s="259">
        <v>64</v>
      </c>
      <c r="CB18" s="253">
        <v>0</v>
      </c>
      <c r="CC18" s="257">
        <v>0</v>
      </c>
      <c r="CD18" s="254">
        <v>0</v>
      </c>
      <c r="CE18" s="256">
        <v>0</v>
      </c>
      <c r="CF18" s="257">
        <v>0</v>
      </c>
      <c r="CG18" s="257">
        <v>12</v>
      </c>
      <c r="CH18" s="257">
        <v>8</v>
      </c>
      <c r="CI18" s="257">
        <v>0</v>
      </c>
      <c r="CJ18" s="257">
        <v>0</v>
      </c>
      <c r="CK18" s="254">
        <v>20</v>
      </c>
      <c r="CL18" s="259">
        <v>20</v>
      </c>
      <c r="CM18" s="253">
        <v>0</v>
      </c>
      <c r="CN18" s="257">
        <v>0</v>
      </c>
      <c r="CO18" s="254">
        <v>0</v>
      </c>
      <c r="CP18" s="256">
        <v>0</v>
      </c>
      <c r="CQ18" s="257">
        <v>0</v>
      </c>
      <c r="CR18" s="257">
        <v>0</v>
      </c>
      <c r="CS18" s="257">
        <v>0</v>
      </c>
      <c r="CT18" s="257">
        <v>0</v>
      </c>
      <c r="CU18" s="257">
        <v>0</v>
      </c>
      <c r="CV18" s="254">
        <v>0</v>
      </c>
      <c r="CW18" s="259">
        <v>0</v>
      </c>
      <c r="CX18" s="253">
        <v>0</v>
      </c>
      <c r="CY18" s="257">
        <v>0</v>
      </c>
      <c r="CZ18" s="254">
        <v>0</v>
      </c>
      <c r="DA18" s="256">
        <v>0</v>
      </c>
      <c r="DB18" s="257">
        <v>0</v>
      </c>
      <c r="DC18" s="257">
        <v>0</v>
      </c>
      <c r="DD18" s="257">
        <v>0</v>
      </c>
      <c r="DE18" s="257">
        <v>0</v>
      </c>
      <c r="DF18" s="257">
        <v>0</v>
      </c>
      <c r="DG18" s="254">
        <v>0</v>
      </c>
      <c r="DH18" s="259">
        <v>0</v>
      </c>
    </row>
    <row r="19" spans="2:112" ht="21" customHeight="1" x14ac:dyDescent="0.2">
      <c r="B19" s="437" t="s">
        <v>17</v>
      </c>
      <c r="C19" s="253">
        <v>0</v>
      </c>
      <c r="D19" s="257">
        <v>0</v>
      </c>
      <c r="E19" s="340">
        <v>0</v>
      </c>
      <c r="F19" s="256">
        <v>0</v>
      </c>
      <c r="G19" s="257">
        <v>135</v>
      </c>
      <c r="H19" s="257">
        <v>222</v>
      </c>
      <c r="I19" s="257">
        <v>280</v>
      </c>
      <c r="J19" s="257">
        <v>4</v>
      </c>
      <c r="K19" s="257">
        <v>284</v>
      </c>
      <c r="L19" s="258">
        <v>925</v>
      </c>
      <c r="M19" s="259">
        <v>925</v>
      </c>
      <c r="N19" s="253">
        <v>0</v>
      </c>
      <c r="O19" s="257">
        <v>0</v>
      </c>
      <c r="P19" s="254">
        <v>0</v>
      </c>
      <c r="Q19" s="256">
        <v>0</v>
      </c>
      <c r="R19" s="257">
        <v>0</v>
      </c>
      <c r="S19" s="257">
        <v>0</v>
      </c>
      <c r="T19" s="257">
        <v>4</v>
      </c>
      <c r="U19" s="257">
        <v>4</v>
      </c>
      <c r="V19" s="257">
        <v>12</v>
      </c>
      <c r="W19" s="254">
        <v>20</v>
      </c>
      <c r="X19" s="259">
        <v>20</v>
      </c>
      <c r="Y19" s="253">
        <v>0</v>
      </c>
      <c r="Z19" s="257">
        <v>22</v>
      </c>
      <c r="AA19" s="254">
        <v>22</v>
      </c>
      <c r="AB19" s="256">
        <v>0</v>
      </c>
      <c r="AC19" s="257">
        <v>75</v>
      </c>
      <c r="AD19" s="257">
        <v>113</v>
      </c>
      <c r="AE19" s="257">
        <v>118</v>
      </c>
      <c r="AF19" s="257">
        <v>16</v>
      </c>
      <c r="AG19" s="257">
        <v>62</v>
      </c>
      <c r="AH19" s="254">
        <v>384</v>
      </c>
      <c r="AI19" s="259">
        <v>406</v>
      </c>
      <c r="AJ19" s="253">
        <v>0</v>
      </c>
      <c r="AK19" s="257">
        <v>9</v>
      </c>
      <c r="AL19" s="254">
        <v>9</v>
      </c>
      <c r="AM19" s="256">
        <v>0</v>
      </c>
      <c r="AN19" s="257">
        <v>8</v>
      </c>
      <c r="AO19" s="257">
        <v>15</v>
      </c>
      <c r="AP19" s="257">
        <v>32</v>
      </c>
      <c r="AQ19" s="257">
        <v>0</v>
      </c>
      <c r="AR19" s="257">
        <v>0</v>
      </c>
      <c r="AS19" s="254">
        <v>55</v>
      </c>
      <c r="AT19" s="259">
        <v>64</v>
      </c>
      <c r="AU19" s="253">
        <v>0</v>
      </c>
      <c r="AV19" s="257">
        <v>0</v>
      </c>
      <c r="AW19" s="254">
        <v>0</v>
      </c>
      <c r="AX19" s="256">
        <v>0</v>
      </c>
      <c r="AY19" s="257">
        <v>201</v>
      </c>
      <c r="AZ19" s="257">
        <v>269</v>
      </c>
      <c r="BA19" s="257">
        <v>89</v>
      </c>
      <c r="BB19" s="257">
        <v>57</v>
      </c>
      <c r="BC19" s="257">
        <v>21</v>
      </c>
      <c r="BD19" s="258">
        <v>637</v>
      </c>
      <c r="BE19" s="259">
        <v>637</v>
      </c>
      <c r="BF19" s="253">
        <v>0</v>
      </c>
      <c r="BG19" s="257">
        <v>0</v>
      </c>
      <c r="BH19" s="254">
        <v>0</v>
      </c>
      <c r="BI19" s="256">
        <v>0</v>
      </c>
      <c r="BJ19" s="257">
        <v>6</v>
      </c>
      <c r="BK19" s="257">
        <v>93</v>
      </c>
      <c r="BL19" s="257">
        <v>43</v>
      </c>
      <c r="BM19" s="257">
        <v>8</v>
      </c>
      <c r="BN19" s="257">
        <v>8</v>
      </c>
      <c r="BO19" s="254">
        <v>158</v>
      </c>
      <c r="BP19" s="259">
        <v>158</v>
      </c>
      <c r="BQ19" s="253">
        <v>0</v>
      </c>
      <c r="BR19" s="257">
        <v>0</v>
      </c>
      <c r="BS19" s="254">
        <v>0</v>
      </c>
      <c r="BT19" s="256">
        <v>0</v>
      </c>
      <c r="BU19" s="257">
        <v>36</v>
      </c>
      <c r="BV19" s="257">
        <v>100</v>
      </c>
      <c r="BW19" s="257">
        <v>63</v>
      </c>
      <c r="BX19" s="257">
        <v>99</v>
      </c>
      <c r="BY19" s="257">
        <v>36</v>
      </c>
      <c r="BZ19" s="254">
        <v>334</v>
      </c>
      <c r="CA19" s="259">
        <v>334</v>
      </c>
      <c r="CB19" s="253">
        <v>0</v>
      </c>
      <c r="CC19" s="257">
        <v>0</v>
      </c>
      <c r="CD19" s="254">
        <v>0</v>
      </c>
      <c r="CE19" s="256">
        <v>0</v>
      </c>
      <c r="CF19" s="257">
        <v>0</v>
      </c>
      <c r="CG19" s="257">
        <v>2</v>
      </c>
      <c r="CH19" s="257">
        <v>5</v>
      </c>
      <c r="CI19" s="257">
        <v>0</v>
      </c>
      <c r="CJ19" s="257">
        <v>0</v>
      </c>
      <c r="CK19" s="254">
        <v>7</v>
      </c>
      <c r="CL19" s="259">
        <v>7</v>
      </c>
      <c r="CM19" s="253">
        <v>0</v>
      </c>
      <c r="CN19" s="257">
        <v>0</v>
      </c>
      <c r="CO19" s="254">
        <v>0</v>
      </c>
      <c r="CP19" s="256">
        <v>0</v>
      </c>
      <c r="CQ19" s="257">
        <v>0</v>
      </c>
      <c r="CR19" s="257">
        <v>0</v>
      </c>
      <c r="CS19" s="257">
        <v>0</v>
      </c>
      <c r="CT19" s="257">
        <v>0</v>
      </c>
      <c r="CU19" s="257">
        <v>0</v>
      </c>
      <c r="CV19" s="254">
        <v>0</v>
      </c>
      <c r="CW19" s="259">
        <v>0</v>
      </c>
      <c r="CX19" s="253">
        <v>0</v>
      </c>
      <c r="CY19" s="257">
        <v>0</v>
      </c>
      <c r="CZ19" s="254">
        <v>0</v>
      </c>
      <c r="DA19" s="256">
        <v>0</v>
      </c>
      <c r="DB19" s="257">
        <v>0</v>
      </c>
      <c r="DC19" s="257">
        <v>0</v>
      </c>
      <c r="DD19" s="257">
        <v>0</v>
      </c>
      <c r="DE19" s="257">
        <v>0</v>
      </c>
      <c r="DF19" s="257">
        <v>0</v>
      </c>
      <c r="DG19" s="254">
        <v>0</v>
      </c>
      <c r="DH19" s="259">
        <v>0</v>
      </c>
    </row>
    <row r="20" spans="2:112" ht="21" customHeight="1" x14ac:dyDescent="0.2">
      <c r="B20" s="437" t="s">
        <v>18</v>
      </c>
      <c r="C20" s="253">
        <v>0</v>
      </c>
      <c r="D20" s="257">
        <v>0</v>
      </c>
      <c r="E20" s="340">
        <v>0</v>
      </c>
      <c r="F20" s="256">
        <v>0</v>
      </c>
      <c r="G20" s="257">
        <v>287</v>
      </c>
      <c r="H20" s="257">
        <v>382</v>
      </c>
      <c r="I20" s="257">
        <v>614</v>
      </c>
      <c r="J20" s="257">
        <v>645</v>
      </c>
      <c r="K20" s="257">
        <v>52</v>
      </c>
      <c r="L20" s="258">
        <v>1980</v>
      </c>
      <c r="M20" s="259">
        <v>1980</v>
      </c>
      <c r="N20" s="253">
        <v>0</v>
      </c>
      <c r="O20" s="257">
        <v>0</v>
      </c>
      <c r="P20" s="254">
        <v>0</v>
      </c>
      <c r="Q20" s="256">
        <v>0</v>
      </c>
      <c r="R20" s="257">
        <v>2</v>
      </c>
      <c r="S20" s="257">
        <v>0</v>
      </c>
      <c r="T20" s="257">
        <v>2</v>
      </c>
      <c r="U20" s="257">
        <v>1</v>
      </c>
      <c r="V20" s="257">
        <v>14</v>
      </c>
      <c r="W20" s="254">
        <v>19</v>
      </c>
      <c r="X20" s="259">
        <v>19</v>
      </c>
      <c r="Y20" s="253">
        <v>28</v>
      </c>
      <c r="Z20" s="257">
        <v>47</v>
      </c>
      <c r="AA20" s="254">
        <v>75</v>
      </c>
      <c r="AB20" s="256">
        <v>0</v>
      </c>
      <c r="AC20" s="257">
        <v>132</v>
      </c>
      <c r="AD20" s="257">
        <v>171</v>
      </c>
      <c r="AE20" s="257">
        <v>159</v>
      </c>
      <c r="AF20" s="257">
        <v>92</v>
      </c>
      <c r="AG20" s="257">
        <v>44</v>
      </c>
      <c r="AH20" s="254">
        <v>598</v>
      </c>
      <c r="AI20" s="259">
        <v>673</v>
      </c>
      <c r="AJ20" s="253">
        <v>0</v>
      </c>
      <c r="AK20" s="257">
        <v>27</v>
      </c>
      <c r="AL20" s="254">
        <v>27</v>
      </c>
      <c r="AM20" s="256">
        <v>0</v>
      </c>
      <c r="AN20" s="257">
        <v>44</v>
      </c>
      <c r="AO20" s="257">
        <v>39</v>
      </c>
      <c r="AP20" s="257">
        <v>24</v>
      </c>
      <c r="AQ20" s="257">
        <v>65</v>
      </c>
      <c r="AR20" s="257">
        <v>0</v>
      </c>
      <c r="AS20" s="254">
        <v>172</v>
      </c>
      <c r="AT20" s="259">
        <v>199</v>
      </c>
      <c r="AU20" s="253">
        <v>0</v>
      </c>
      <c r="AV20" s="257">
        <v>0</v>
      </c>
      <c r="AW20" s="254">
        <v>0</v>
      </c>
      <c r="AX20" s="256">
        <v>0</v>
      </c>
      <c r="AY20" s="257">
        <v>390</v>
      </c>
      <c r="AZ20" s="257">
        <v>334</v>
      </c>
      <c r="BA20" s="257">
        <v>220</v>
      </c>
      <c r="BB20" s="257">
        <v>41</v>
      </c>
      <c r="BC20" s="257">
        <v>10</v>
      </c>
      <c r="BD20" s="258">
        <v>995</v>
      </c>
      <c r="BE20" s="259">
        <v>995</v>
      </c>
      <c r="BF20" s="253">
        <v>0</v>
      </c>
      <c r="BG20" s="257">
        <v>0</v>
      </c>
      <c r="BH20" s="254">
        <v>0</v>
      </c>
      <c r="BI20" s="256">
        <v>0</v>
      </c>
      <c r="BJ20" s="257">
        <v>91</v>
      </c>
      <c r="BK20" s="257">
        <v>67</v>
      </c>
      <c r="BL20" s="257">
        <v>73</v>
      </c>
      <c r="BM20" s="257">
        <v>18</v>
      </c>
      <c r="BN20" s="257">
        <v>8</v>
      </c>
      <c r="BO20" s="254">
        <v>257</v>
      </c>
      <c r="BP20" s="259">
        <v>257</v>
      </c>
      <c r="BQ20" s="253">
        <v>0</v>
      </c>
      <c r="BR20" s="257">
        <v>3</v>
      </c>
      <c r="BS20" s="254">
        <v>3</v>
      </c>
      <c r="BT20" s="256">
        <v>0</v>
      </c>
      <c r="BU20" s="257">
        <v>23</v>
      </c>
      <c r="BV20" s="257">
        <v>39</v>
      </c>
      <c r="BW20" s="257">
        <v>117</v>
      </c>
      <c r="BX20" s="257">
        <v>139</v>
      </c>
      <c r="BY20" s="257">
        <v>16</v>
      </c>
      <c r="BZ20" s="254">
        <v>334</v>
      </c>
      <c r="CA20" s="259">
        <v>337</v>
      </c>
      <c r="CB20" s="253">
        <v>0</v>
      </c>
      <c r="CC20" s="257">
        <v>0</v>
      </c>
      <c r="CD20" s="254">
        <v>0</v>
      </c>
      <c r="CE20" s="256">
        <v>0</v>
      </c>
      <c r="CF20" s="257">
        <v>0</v>
      </c>
      <c r="CG20" s="257">
        <v>0</v>
      </c>
      <c r="CH20" s="257">
        <v>0</v>
      </c>
      <c r="CI20" s="257">
        <v>0</v>
      </c>
      <c r="CJ20" s="257">
        <v>0</v>
      </c>
      <c r="CK20" s="254">
        <v>0</v>
      </c>
      <c r="CL20" s="259">
        <v>0</v>
      </c>
      <c r="CM20" s="253">
        <v>0</v>
      </c>
      <c r="CN20" s="257">
        <v>0</v>
      </c>
      <c r="CO20" s="254">
        <v>0</v>
      </c>
      <c r="CP20" s="256">
        <v>0</v>
      </c>
      <c r="CQ20" s="257">
        <v>0</v>
      </c>
      <c r="CR20" s="257">
        <v>0</v>
      </c>
      <c r="CS20" s="257">
        <v>0</v>
      </c>
      <c r="CT20" s="257">
        <v>0</v>
      </c>
      <c r="CU20" s="257">
        <v>0</v>
      </c>
      <c r="CV20" s="254">
        <v>0</v>
      </c>
      <c r="CW20" s="259">
        <v>0</v>
      </c>
      <c r="CX20" s="253">
        <v>0</v>
      </c>
      <c r="CY20" s="257">
        <v>0</v>
      </c>
      <c r="CZ20" s="254">
        <v>0</v>
      </c>
      <c r="DA20" s="256">
        <v>0</v>
      </c>
      <c r="DB20" s="257">
        <v>0</v>
      </c>
      <c r="DC20" s="257">
        <v>0</v>
      </c>
      <c r="DD20" s="257">
        <v>0</v>
      </c>
      <c r="DE20" s="257">
        <v>0</v>
      </c>
      <c r="DF20" s="257">
        <v>0</v>
      </c>
      <c r="DG20" s="254">
        <v>0</v>
      </c>
      <c r="DH20" s="259">
        <v>0</v>
      </c>
    </row>
    <row r="21" spans="2:112" ht="21" customHeight="1" x14ac:dyDescent="0.2">
      <c r="B21" s="437" t="s">
        <v>19</v>
      </c>
      <c r="C21" s="253">
        <v>0</v>
      </c>
      <c r="D21" s="257">
        <v>0</v>
      </c>
      <c r="E21" s="340">
        <v>0</v>
      </c>
      <c r="F21" s="256">
        <v>0</v>
      </c>
      <c r="G21" s="257">
        <v>61</v>
      </c>
      <c r="H21" s="257">
        <v>95</v>
      </c>
      <c r="I21" s="257">
        <v>76</v>
      </c>
      <c r="J21" s="257">
        <v>123</v>
      </c>
      <c r="K21" s="257">
        <v>206</v>
      </c>
      <c r="L21" s="258">
        <v>561</v>
      </c>
      <c r="M21" s="259">
        <v>561</v>
      </c>
      <c r="N21" s="253">
        <v>0</v>
      </c>
      <c r="O21" s="257">
        <v>0</v>
      </c>
      <c r="P21" s="254">
        <v>0</v>
      </c>
      <c r="Q21" s="256">
        <v>0</v>
      </c>
      <c r="R21" s="257">
        <v>0</v>
      </c>
      <c r="S21" s="257">
        <v>1</v>
      </c>
      <c r="T21" s="257">
        <v>5</v>
      </c>
      <c r="U21" s="257">
        <v>11</v>
      </c>
      <c r="V21" s="257">
        <v>9</v>
      </c>
      <c r="W21" s="254">
        <v>26</v>
      </c>
      <c r="X21" s="259">
        <v>26</v>
      </c>
      <c r="Y21" s="253">
        <v>8</v>
      </c>
      <c r="Z21" s="257">
        <v>6</v>
      </c>
      <c r="AA21" s="254">
        <v>14</v>
      </c>
      <c r="AB21" s="256">
        <v>0</v>
      </c>
      <c r="AC21" s="257">
        <v>103</v>
      </c>
      <c r="AD21" s="257">
        <v>63</v>
      </c>
      <c r="AE21" s="257">
        <v>85</v>
      </c>
      <c r="AF21" s="257">
        <v>45</v>
      </c>
      <c r="AG21" s="257">
        <v>75</v>
      </c>
      <c r="AH21" s="254">
        <v>371</v>
      </c>
      <c r="AI21" s="259">
        <v>385</v>
      </c>
      <c r="AJ21" s="253">
        <v>0</v>
      </c>
      <c r="AK21" s="257">
        <v>0</v>
      </c>
      <c r="AL21" s="254">
        <v>0</v>
      </c>
      <c r="AM21" s="256">
        <v>0</v>
      </c>
      <c r="AN21" s="257">
        <v>9</v>
      </c>
      <c r="AO21" s="257">
        <v>12</v>
      </c>
      <c r="AP21" s="257">
        <v>0</v>
      </c>
      <c r="AQ21" s="257">
        <v>0</v>
      </c>
      <c r="AR21" s="257">
        <v>0</v>
      </c>
      <c r="AS21" s="254">
        <v>21</v>
      </c>
      <c r="AT21" s="259">
        <v>21</v>
      </c>
      <c r="AU21" s="253">
        <v>0</v>
      </c>
      <c r="AV21" s="257">
        <v>0</v>
      </c>
      <c r="AW21" s="254">
        <v>0</v>
      </c>
      <c r="AX21" s="256">
        <v>0</v>
      </c>
      <c r="AY21" s="257">
        <v>216</v>
      </c>
      <c r="AZ21" s="257">
        <v>110</v>
      </c>
      <c r="BA21" s="257">
        <v>75</v>
      </c>
      <c r="BB21" s="257">
        <v>13</v>
      </c>
      <c r="BC21" s="257">
        <v>4</v>
      </c>
      <c r="BD21" s="258">
        <v>418</v>
      </c>
      <c r="BE21" s="259">
        <v>418</v>
      </c>
      <c r="BF21" s="253">
        <v>0</v>
      </c>
      <c r="BG21" s="257">
        <v>0</v>
      </c>
      <c r="BH21" s="254">
        <v>0</v>
      </c>
      <c r="BI21" s="256">
        <v>0</v>
      </c>
      <c r="BJ21" s="257">
        <v>83</v>
      </c>
      <c r="BK21" s="257">
        <v>48</v>
      </c>
      <c r="BL21" s="257">
        <v>25</v>
      </c>
      <c r="BM21" s="257">
        <v>11</v>
      </c>
      <c r="BN21" s="257">
        <v>0</v>
      </c>
      <c r="BO21" s="254">
        <v>167</v>
      </c>
      <c r="BP21" s="259">
        <v>167</v>
      </c>
      <c r="BQ21" s="253">
        <v>0</v>
      </c>
      <c r="BR21" s="257">
        <v>4</v>
      </c>
      <c r="BS21" s="254">
        <v>4</v>
      </c>
      <c r="BT21" s="256">
        <v>0</v>
      </c>
      <c r="BU21" s="257">
        <v>9</v>
      </c>
      <c r="BV21" s="257">
        <v>0</v>
      </c>
      <c r="BW21" s="257">
        <v>9</v>
      </c>
      <c r="BX21" s="257">
        <v>4</v>
      </c>
      <c r="BY21" s="257">
        <v>30</v>
      </c>
      <c r="BZ21" s="254">
        <v>52</v>
      </c>
      <c r="CA21" s="259">
        <v>56</v>
      </c>
      <c r="CB21" s="253">
        <v>0</v>
      </c>
      <c r="CC21" s="257">
        <v>0</v>
      </c>
      <c r="CD21" s="254">
        <v>0</v>
      </c>
      <c r="CE21" s="256">
        <v>0</v>
      </c>
      <c r="CF21" s="257">
        <v>0</v>
      </c>
      <c r="CG21" s="257">
        <v>3</v>
      </c>
      <c r="CH21" s="257">
        <v>71</v>
      </c>
      <c r="CI21" s="257">
        <v>0</v>
      </c>
      <c r="CJ21" s="257">
        <v>0</v>
      </c>
      <c r="CK21" s="254">
        <v>74</v>
      </c>
      <c r="CL21" s="259">
        <v>74</v>
      </c>
      <c r="CM21" s="253">
        <v>0</v>
      </c>
      <c r="CN21" s="257">
        <v>0</v>
      </c>
      <c r="CO21" s="254">
        <v>0</v>
      </c>
      <c r="CP21" s="256">
        <v>0</v>
      </c>
      <c r="CQ21" s="257">
        <v>0</v>
      </c>
      <c r="CR21" s="257">
        <v>0</v>
      </c>
      <c r="CS21" s="257">
        <v>0</v>
      </c>
      <c r="CT21" s="257">
        <v>0</v>
      </c>
      <c r="CU21" s="257">
        <v>0</v>
      </c>
      <c r="CV21" s="254">
        <v>0</v>
      </c>
      <c r="CW21" s="259">
        <v>0</v>
      </c>
      <c r="CX21" s="253">
        <v>0</v>
      </c>
      <c r="CY21" s="257">
        <v>0</v>
      </c>
      <c r="CZ21" s="254">
        <v>0</v>
      </c>
      <c r="DA21" s="256">
        <v>0</v>
      </c>
      <c r="DB21" s="257">
        <v>0</v>
      </c>
      <c r="DC21" s="257">
        <v>0</v>
      </c>
      <c r="DD21" s="257">
        <v>0</v>
      </c>
      <c r="DE21" s="257">
        <v>0</v>
      </c>
      <c r="DF21" s="257">
        <v>0</v>
      </c>
      <c r="DG21" s="254">
        <v>0</v>
      </c>
      <c r="DH21" s="259">
        <v>0</v>
      </c>
    </row>
    <row r="22" spans="2:112" ht="21" customHeight="1" x14ac:dyDescent="0.2">
      <c r="B22" s="437" t="s">
        <v>20</v>
      </c>
      <c r="C22" s="253">
        <v>0</v>
      </c>
      <c r="D22" s="257">
        <v>0</v>
      </c>
      <c r="E22" s="340">
        <v>0</v>
      </c>
      <c r="F22" s="256">
        <v>0</v>
      </c>
      <c r="G22" s="257">
        <v>277</v>
      </c>
      <c r="H22" s="257">
        <v>250</v>
      </c>
      <c r="I22" s="257">
        <v>250</v>
      </c>
      <c r="J22" s="257">
        <v>298</v>
      </c>
      <c r="K22" s="257">
        <v>431</v>
      </c>
      <c r="L22" s="258">
        <v>1506</v>
      </c>
      <c r="M22" s="259">
        <v>1506</v>
      </c>
      <c r="N22" s="253">
        <v>0</v>
      </c>
      <c r="O22" s="257">
        <v>0</v>
      </c>
      <c r="P22" s="254">
        <v>0</v>
      </c>
      <c r="Q22" s="256">
        <v>0</v>
      </c>
      <c r="R22" s="257">
        <v>0</v>
      </c>
      <c r="S22" s="257">
        <v>0</v>
      </c>
      <c r="T22" s="257">
        <v>9</v>
      </c>
      <c r="U22" s="257">
        <v>9</v>
      </c>
      <c r="V22" s="257">
        <v>12</v>
      </c>
      <c r="W22" s="254">
        <v>30</v>
      </c>
      <c r="X22" s="259">
        <v>30</v>
      </c>
      <c r="Y22" s="253">
        <v>29</v>
      </c>
      <c r="Z22" s="257">
        <v>9</v>
      </c>
      <c r="AA22" s="254">
        <v>38</v>
      </c>
      <c r="AB22" s="256">
        <v>0</v>
      </c>
      <c r="AC22" s="257">
        <v>177</v>
      </c>
      <c r="AD22" s="257">
        <v>179</v>
      </c>
      <c r="AE22" s="257">
        <v>87</v>
      </c>
      <c r="AF22" s="257">
        <v>89</v>
      </c>
      <c r="AG22" s="257">
        <v>101</v>
      </c>
      <c r="AH22" s="254">
        <v>633</v>
      </c>
      <c r="AI22" s="259">
        <v>671</v>
      </c>
      <c r="AJ22" s="253">
        <v>16</v>
      </c>
      <c r="AK22" s="257">
        <v>24</v>
      </c>
      <c r="AL22" s="254">
        <v>40</v>
      </c>
      <c r="AM22" s="256">
        <v>0</v>
      </c>
      <c r="AN22" s="257">
        <v>28</v>
      </c>
      <c r="AO22" s="257">
        <v>72</v>
      </c>
      <c r="AP22" s="257">
        <v>81</v>
      </c>
      <c r="AQ22" s="257">
        <v>20</v>
      </c>
      <c r="AR22" s="257">
        <v>38</v>
      </c>
      <c r="AS22" s="254">
        <v>239</v>
      </c>
      <c r="AT22" s="259">
        <v>279</v>
      </c>
      <c r="AU22" s="253">
        <v>0</v>
      </c>
      <c r="AV22" s="257">
        <v>0</v>
      </c>
      <c r="AW22" s="254">
        <v>0</v>
      </c>
      <c r="AX22" s="256">
        <v>0</v>
      </c>
      <c r="AY22" s="257">
        <v>222</v>
      </c>
      <c r="AZ22" s="257">
        <v>178</v>
      </c>
      <c r="BA22" s="257">
        <v>106</v>
      </c>
      <c r="BB22" s="257">
        <v>65</v>
      </c>
      <c r="BC22" s="257">
        <v>44</v>
      </c>
      <c r="BD22" s="258">
        <v>615</v>
      </c>
      <c r="BE22" s="259">
        <v>615</v>
      </c>
      <c r="BF22" s="253">
        <v>0</v>
      </c>
      <c r="BG22" s="257">
        <v>0</v>
      </c>
      <c r="BH22" s="254">
        <v>0</v>
      </c>
      <c r="BI22" s="256">
        <v>0</v>
      </c>
      <c r="BJ22" s="257">
        <v>61</v>
      </c>
      <c r="BK22" s="257">
        <v>87</v>
      </c>
      <c r="BL22" s="257">
        <v>38</v>
      </c>
      <c r="BM22" s="257">
        <v>28</v>
      </c>
      <c r="BN22" s="257">
        <v>10</v>
      </c>
      <c r="BO22" s="254">
        <v>224</v>
      </c>
      <c r="BP22" s="259">
        <v>224</v>
      </c>
      <c r="BQ22" s="253">
        <v>0</v>
      </c>
      <c r="BR22" s="257">
        <v>10</v>
      </c>
      <c r="BS22" s="254">
        <v>10</v>
      </c>
      <c r="BT22" s="256">
        <v>0</v>
      </c>
      <c r="BU22" s="257">
        <v>20</v>
      </c>
      <c r="BV22" s="257">
        <v>15</v>
      </c>
      <c r="BW22" s="257">
        <v>22</v>
      </c>
      <c r="BX22" s="257">
        <v>132</v>
      </c>
      <c r="BY22" s="257">
        <v>10</v>
      </c>
      <c r="BZ22" s="254">
        <v>199</v>
      </c>
      <c r="CA22" s="259">
        <v>209</v>
      </c>
      <c r="CB22" s="253">
        <v>0</v>
      </c>
      <c r="CC22" s="257">
        <v>0</v>
      </c>
      <c r="CD22" s="254">
        <v>0</v>
      </c>
      <c r="CE22" s="256">
        <v>0</v>
      </c>
      <c r="CF22" s="257">
        <v>13</v>
      </c>
      <c r="CG22" s="257">
        <v>0</v>
      </c>
      <c r="CH22" s="257">
        <v>6</v>
      </c>
      <c r="CI22" s="257">
        <v>14</v>
      </c>
      <c r="CJ22" s="257">
        <v>0</v>
      </c>
      <c r="CK22" s="254">
        <v>33</v>
      </c>
      <c r="CL22" s="259">
        <v>33</v>
      </c>
      <c r="CM22" s="253">
        <v>0</v>
      </c>
      <c r="CN22" s="257">
        <v>0</v>
      </c>
      <c r="CO22" s="254">
        <v>0</v>
      </c>
      <c r="CP22" s="256">
        <v>0</v>
      </c>
      <c r="CQ22" s="257">
        <v>0</v>
      </c>
      <c r="CR22" s="257">
        <v>0</v>
      </c>
      <c r="CS22" s="257">
        <v>0</v>
      </c>
      <c r="CT22" s="257">
        <v>0</v>
      </c>
      <c r="CU22" s="257">
        <v>0</v>
      </c>
      <c r="CV22" s="254">
        <v>0</v>
      </c>
      <c r="CW22" s="259">
        <v>0</v>
      </c>
      <c r="CX22" s="253">
        <v>0</v>
      </c>
      <c r="CY22" s="257">
        <v>0</v>
      </c>
      <c r="CZ22" s="254">
        <v>0</v>
      </c>
      <c r="DA22" s="256">
        <v>0</v>
      </c>
      <c r="DB22" s="257">
        <v>0</v>
      </c>
      <c r="DC22" s="257">
        <v>0</v>
      </c>
      <c r="DD22" s="257">
        <v>0</v>
      </c>
      <c r="DE22" s="257">
        <v>0</v>
      </c>
      <c r="DF22" s="257">
        <v>0</v>
      </c>
      <c r="DG22" s="254">
        <v>0</v>
      </c>
      <c r="DH22" s="259">
        <v>0</v>
      </c>
    </row>
    <row r="23" spans="2:112" ht="21" customHeight="1" x14ac:dyDescent="0.2">
      <c r="B23" s="437" t="s">
        <v>21</v>
      </c>
      <c r="C23" s="253">
        <v>0</v>
      </c>
      <c r="D23" s="257">
        <v>0</v>
      </c>
      <c r="E23" s="340">
        <v>0</v>
      </c>
      <c r="F23" s="256">
        <v>0</v>
      </c>
      <c r="G23" s="257">
        <v>147</v>
      </c>
      <c r="H23" s="257">
        <v>136</v>
      </c>
      <c r="I23" s="257">
        <v>260</v>
      </c>
      <c r="J23" s="257">
        <v>313</v>
      </c>
      <c r="K23" s="257">
        <v>450</v>
      </c>
      <c r="L23" s="258">
        <v>1306</v>
      </c>
      <c r="M23" s="259">
        <v>1306</v>
      </c>
      <c r="N23" s="253">
        <v>0</v>
      </c>
      <c r="O23" s="257">
        <v>0</v>
      </c>
      <c r="P23" s="254">
        <v>0</v>
      </c>
      <c r="Q23" s="256">
        <v>0</v>
      </c>
      <c r="R23" s="257">
        <v>1</v>
      </c>
      <c r="S23" s="257">
        <v>0</v>
      </c>
      <c r="T23" s="257">
        <v>0</v>
      </c>
      <c r="U23" s="257">
        <v>9</v>
      </c>
      <c r="V23" s="257">
        <v>15</v>
      </c>
      <c r="W23" s="254">
        <v>25</v>
      </c>
      <c r="X23" s="259">
        <v>25</v>
      </c>
      <c r="Y23" s="253">
        <v>27</v>
      </c>
      <c r="Z23" s="257">
        <v>13</v>
      </c>
      <c r="AA23" s="254">
        <v>40</v>
      </c>
      <c r="AB23" s="256">
        <v>0</v>
      </c>
      <c r="AC23" s="257">
        <v>105</v>
      </c>
      <c r="AD23" s="257">
        <v>237</v>
      </c>
      <c r="AE23" s="257">
        <v>92</v>
      </c>
      <c r="AF23" s="257">
        <v>144</v>
      </c>
      <c r="AG23" s="257">
        <v>48</v>
      </c>
      <c r="AH23" s="254">
        <v>626</v>
      </c>
      <c r="AI23" s="259">
        <v>666</v>
      </c>
      <c r="AJ23" s="253">
        <v>16</v>
      </c>
      <c r="AK23" s="257">
        <v>0</v>
      </c>
      <c r="AL23" s="254">
        <v>16</v>
      </c>
      <c r="AM23" s="256">
        <v>0</v>
      </c>
      <c r="AN23" s="257">
        <v>32</v>
      </c>
      <c r="AO23" s="257">
        <v>16</v>
      </c>
      <c r="AP23" s="257">
        <v>0</v>
      </c>
      <c r="AQ23" s="257">
        <v>6</v>
      </c>
      <c r="AR23" s="257">
        <v>14</v>
      </c>
      <c r="AS23" s="254">
        <v>68</v>
      </c>
      <c r="AT23" s="259">
        <v>84</v>
      </c>
      <c r="AU23" s="253">
        <v>0</v>
      </c>
      <c r="AV23" s="257">
        <v>0</v>
      </c>
      <c r="AW23" s="254">
        <v>0</v>
      </c>
      <c r="AX23" s="256">
        <v>0</v>
      </c>
      <c r="AY23" s="257">
        <v>147</v>
      </c>
      <c r="AZ23" s="257">
        <v>120</v>
      </c>
      <c r="BA23" s="257">
        <v>80</v>
      </c>
      <c r="BB23" s="257">
        <v>8</v>
      </c>
      <c r="BC23" s="257">
        <v>12</v>
      </c>
      <c r="BD23" s="258">
        <v>367</v>
      </c>
      <c r="BE23" s="259">
        <v>367</v>
      </c>
      <c r="BF23" s="253">
        <v>0</v>
      </c>
      <c r="BG23" s="257">
        <v>0</v>
      </c>
      <c r="BH23" s="254">
        <v>0</v>
      </c>
      <c r="BI23" s="256">
        <v>0</v>
      </c>
      <c r="BJ23" s="257">
        <v>56</v>
      </c>
      <c r="BK23" s="257">
        <v>63</v>
      </c>
      <c r="BL23" s="257">
        <v>22</v>
      </c>
      <c r="BM23" s="257">
        <v>0</v>
      </c>
      <c r="BN23" s="257">
        <v>4</v>
      </c>
      <c r="BO23" s="254">
        <v>145</v>
      </c>
      <c r="BP23" s="259">
        <v>145</v>
      </c>
      <c r="BQ23" s="253">
        <v>0</v>
      </c>
      <c r="BR23" s="257">
        <v>0</v>
      </c>
      <c r="BS23" s="254">
        <v>0</v>
      </c>
      <c r="BT23" s="256">
        <v>0</v>
      </c>
      <c r="BU23" s="257">
        <v>10</v>
      </c>
      <c r="BV23" s="257">
        <v>16</v>
      </c>
      <c r="BW23" s="257">
        <v>80</v>
      </c>
      <c r="BX23" s="257">
        <v>30</v>
      </c>
      <c r="BY23" s="257">
        <v>58</v>
      </c>
      <c r="BZ23" s="254">
        <v>194</v>
      </c>
      <c r="CA23" s="259">
        <v>194</v>
      </c>
      <c r="CB23" s="253">
        <v>0</v>
      </c>
      <c r="CC23" s="257">
        <v>0</v>
      </c>
      <c r="CD23" s="254">
        <v>0</v>
      </c>
      <c r="CE23" s="256">
        <v>0</v>
      </c>
      <c r="CF23" s="257">
        <v>0</v>
      </c>
      <c r="CG23" s="257">
        <v>2</v>
      </c>
      <c r="CH23" s="257">
        <v>0</v>
      </c>
      <c r="CI23" s="257">
        <v>0</v>
      </c>
      <c r="CJ23" s="257">
        <v>0</v>
      </c>
      <c r="CK23" s="254">
        <v>2</v>
      </c>
      <c r="CL23" s="259">
        <v>2</v>
      </c>
      <c r="CM23" s="253">
        <v>0</v>
      </c>
      <c r="CN23" s="257">
        <v>0</v>
      </c>
      <c r="CO23" s="254">
        <v>0</v>
      </c>
      <c r="CP23" s="256">
        <v>0</v>
      </c>
      <c r="CQ23" s="257">
        <v>0</v>
      </c>
      <c r="CR23" s="257">
        <v>0</v>
      </c>
      <c r="CS23" s="257">
        <v>0</v>
      </c>
      <c r="CT23" s="257">
        <v>0</v>
      </c>
      <c r="CU23" s="257">
        <v>0</v>
      </c>
      <c r="CV23" s="254">
        <v>0</v>
      </c>
      <c r="CW23" s="259">
        <v>0</v>
      </c>
      <c r="CX23" s="253">
        <v>0</v>
      </c>
      <c r="CY23" s="257">
        <v>0</v>
      </c>
      <c r="CZ23" s="254">
        <v>0</v>
      </c>
      <c r="DA23" s="256">
        <v>0</v>
      </c>
      <c r="DB23" s="257">
        <v>0</v>
      </c>
      <c r="DC23" s="257">
        <v>0</v>
      </c>
      <c r="DD23" s="257">
        <v>0</v>
      </c>
      <c r="DE23" s="257">
        <v>0</v>
      </c>
      <c r="DF23" s="257">
        <v>0</v>
      </c>
      <c r="DG23" s="254">
        <v>0</v>
      </c>
      <c r="DH23" s="259">
        <v>0</v>
      </c>
    </row>
    <row r="24" spans="2:112" ht="21" customHeight="1" x14ac:dyDescent="0.2">
      <c r="B24" s="437" t="s">
        <v>22</v>
      </c>
      <c r="C24" s="253">
        <v>0</v>
      </c>
      <c r="D24" s="257">
        <v>0</v>
      </c>
      <c r="E24" s="340">
        <v>0</v>
      </c>
      <c r="F24" s="256">
        <v>0</v>
      </c>
      <c r="G24" s="257">
        <v>212</v>
      </c>
      <c r="H24" s="257">
        <v>179</v>
      </c>
      <c r="I24" s="257">
        <v>0</v>
      </c>
      <c r="J24" s="257">
        <v>5</v>
      </c>
      <c r="K24" s="257">
        <v>38</v>
      </c>
      <c r="L24" s="258">
        <v>434</v>
      </c>
      <c r="M24" s="259">
        <v>434</v>
      </c>
      <c r="N24" s="253">
        <v>0</v>
      </c>
      <c r="O24" s="257">
        <v>0</v>
      </c>
      <c r="P24" s="254">
        <v>0</v>
      </c>
      <c r="Q24" s="256">
        <v>0</v>
      </c>
      <c r="R24" s="257">
        <v>7</v>
      </c>
      <c r="S24" s="257">
        <v>0</v>
      </c>
      <c r="T24" s="257">
        <v>0</v>
      </c>
      <c r="U24" s="257">
        <v>0</v>
      </c>
      <c r="V24" s="257">
        <v>0</v>
      </c>
      <c r="W24" s="254">
        <v>7</v>
      </c>
      <c r="X24" s="259">
        <v>7</v>
      </c>
      <c r="Y24" s="253">
        <v>0</v>
      </c>
      <c r="Z24" s="257">
        <v>8</v>
      </c>
      <c r="AA24" s="254">
        <v>8</v>
      </c>
      <c r="AB24" s="256">
        <v>0</v>
      </c>
      <c r="AC24" s="257">
        <v>27</v>
      </c>
      <c r="AD24" s="257">
        <v>38</v>
      </c>
      <c r="AE24" s="257">
        <v>25</v>
      </c>
      <c r="AF24" s="257">
        <v>0</v>
      </c>
      <c r="AG24" s="257">
        <v>12</v>
      </c>
      <c r="AH24" s="254">
        <v>102</v>
      </c>
      <c r="AI24" s="259">
        <v>110</v>
      </c>
      <c r="AJ24" s="253">
        <v>0</v>
      </c>
      <c r="AK24" s="257">
        <v>0</v>
      </c>
      <c r="AL24" s="254">
        <v>0</v>
      </c>
      <c r="AM24" s="256">
        <v>0</v>
      </c>
      <c r="AN24" s="257">
        <v>0</v>
      </c>
      <c r="AO24" s="257">
        <v>24</v>
      </c>
      <c r="AP24" s="257">
        <v>0</v>
      </c>
      <c r="AQ24" s="257">
        <v>0</v>
      </c>
      <c r="AR24" s="257">
        <v>0</v>
      </c>
      <c r="AS24" s="254">
        <v>24</v>
      </c>
      <c r="AT24" s="259">
        <v>24</v>
      </c>
      <c r="AU24" s="253">
        <v>0</v>
      </c>
      <c r="AV24" s="257">
        <v>0</v>
      </c>
      <c r="AW24" s="254">
        <v>0</v>
      </c>
      <c r="AX24" s="256">
        <v>0</v>
      </c>
      <c r="AY24" s="257">
        <v>143</v>
      </c>
      <c r="AZ24" s="257">
        <v>47</v>
      </c>
      <c r="BA24" s="257">
        <v>74</v>
      </c>
      <c r="BB24" s="257">
        <v>1</v>
      </c>
      <c r="BC24" s="257">
        <v>8</v>
      </c>
      <c r="BD24" s="258">
        <v>273</v>
      </c>
      <c r="BE24" s="259">
        <v>273</v>
      </c>
      <c r="BF24" s="253">
        <v>0</v>
      </c>
      <c r="BG24" s="257">
        <v>0</v>
      </c>
      <c r="BH24" s="254">
        <v>0</v>
      </c>
      <c r="BI24" s="256">
        <v>0</v>
      </c>
      <c r="BJ24" s="257">
        <v>50</v>
      </c>
      <c r="BK24" s="257">
        <v>8</v>
      </c>
      <c r="BL24" s="257">
        <v>33</v>
      </c>
      <c r="BM24" s="257">
        <v>4</v>
      </c>
      <c r="BN24" s="257">
        <v>1</v>
      </c>
      <c r="BO24" s="254">
        <v>96</v>
      </c>
      <c r="BP24" s="259">
        <v>96</v>
      </c>
      <c r="BQ24" s="253">
        <v>0</v>
      </c>
      <c r="BR24" s="257">
        <v>0</v>
      </c>
      <c r="BS24" s="254">
        <v>0</v>
      </c>
      <c r="BT24" s="256">
        <v>0</v>
      </c>
      <c r="BU24" s="257">
        <v>26</v>
      </c>
      <c r="BV24" s="257">
        <v>3</v>
      </c>
      <c r="BW24" s="257">
        <v>2</v>
      </c>
      <c r="BX24" s="257">
        <v>44</v>
      </c>
      <c r="BY24" s="257">
        <v>6</v>
      </c>
      <c r="BZ24" s="254">
        <v>81</v>
      </c>
      <c r="CA24" s="259">
        <v>81</v>
      </c>
      <c r="CB24" s="253">
        <v>0</v>
      </c>
      <c r="CC24" s="257">
        <v>0</v>
      </c>
      <c r="CD24" s="254">
        <v>0</v>
      </c>
      <c r="CE24" s="256">
        <v>0</v>
      </c>
      <c r="CF24" s="257">
        <v>3</v>
      </c>
      <c r="CG24" s="257">
        <v>0</v>
      </c>
      <c r="CH24" s="257">
        <v>7</v>
      </c>
      <c r="CI24" s="257">
        <v>0</v>
      </c>
      <c r="CJ24" s="257">
        <v>0</v>
      </c>
      <c r="CK24" s="254">
        <v>10</v>
      </c>
      <c r="CL24" s="259">
        <v>10</v>
      </c>
      <c r="CM24" s="253">
        <v>0</v>
      </c>
      <c r="CN24" s="257">
        <v>0</v>
      </c>
      <c r="CO24" s="254">
        <v>0</v>
      </c>
      <c r="CP24" s="256">
        <v>0</v>
      </c>
      <c r="CQ24" s="257">
        <v>0</v>
      </c>
      <c r="CR24" s="257">
        <v>0</v>
      </c>
      <c r="CS24" s="257">
        <v>0</v>
      </c>
      <c r="CT24" s="257">
        <v>0</v>
      </c>
      <c r="CU24" s="257">
        <v>0</v>
      </c>
      <c r="CV24" s="254">
        <v>0</v>
      </c>
      <c r="CW24" s="259">
        <v>0</v>
      </c>
      <c r="CX24" s="253">
        <v>0</v>
      </c>
      <c r="CY24" s="257">
        <v>0</v>
      </c>
      <c r="CZ24" s="254">
        <v>0</v>
      </c>
      <c r="DA24" s="256">
        <v>0</v>
      </c>
      <c r="DB24" s="257">
        <v>0</v>
      </c>
      <c r="DC24" s="257">
        <v>0</v>
      </c>
      <c r="DD24" s="257">
        <v>0</v>
      </c>
      <c r="DE24" s="257">
        <v>0</v>
      </c>
      <c r="DF24" s="257">
        <v>0</v>
      </c>
      <c r="DG24" s="254">
        <v>0</v>
      </c>
      <c r="DH24" s="259">
        <v>0</v>
      </c>
    </row>
    <row r="25" spans="2:112" ht="21" customHeight="1" x14ac:dyDescent="0.2">
      <c r="B25" s="437" t="s">
        <v>23</v>
      </c>
      <c r="C25" s="253">
        <v>0</v>
      </c>
      <c r="D25" s="257">
        <v>0</v>
      </c>
      <c r="E25" s="340">
        <v>0</v>
      </c>
      <c r="F25" s="256">
        <v>0</v>
      </c>
      <c r="G25" s="257">
        <v>53</v>
      </c>
      <c r="H25" s="257">
        <v>316</v>
      </c>
      <c r="I25" s="257">
        <v>205</v>
      </c>
      <c r="J25" s="257">
        <v>33</v>
      </c>
      <c r="K25" s="257">
        <v>59</v>
      </c>
      <c r="L25" s="258">
        <v>666</v>
      </c>
      <c r="M25" s="259">
        <v>666</v>
      </c>
      <c r="N25" s="253">
        <v>0</v>
      </c>
      <c r="O25" s="257">
        <v>0</v>
      </c>
      <c r="P25" s="254">
        <v>0</v>
      </c>
      <c r="Q25" s="256">
        <v>0</v>
      </c>
      <c r="R25" s="257">
        <v>0</v>
      </c>
      <c r="S25" s="257">
        <v>0</v>
      </c>
      <c r="T25" s="257">
        <v>0</v>
      </c>
      <c r="U25" s="257">
        <v>12</v>
      </c>
      <c r="V25" s="257">
        <v>0</v>
      </c>
      <c r="W25" s="254">
        <v>12</v>
      </c>
      <c r="X25" s="259">
        <v>12</v>
      </c>
      <c r="Y25" s="253">
        <v>29</v>
      </c>
      <c r="Z25" s="257">
        <v>24</v>
      </c>
      <c r="AA25" s="254">
        <v>53</v>
      </c>
      <c r="AB25" s="256">
        <v>0</v>
      </c>
      <c r="AC25" s="257">
        <v>25</v>
      </c>
      <c r="AD25" s="257">
        <v>143</v>
      </c>
      <c r="AE25" s="257">
        <v>57</v>
      </c>
      <c r="AF25" s="257">
        <v>42</v>
      </c>
      <c r="AG25" s="257">
        <v>25</v>
      </c>
      <c r="AH25" s="254">
        <v>292</v>
      </c>
      <c r="AI25" s="259">
        <v>345</v>
      </c>
      <c r="AJ25" s="253">
        <v>0</v>
      </c>
      <c r="AK25" s="257">
        <v>8</v>
      </c>
      <c r="AL25" s="254">
        <v>8</v>
      </c>
      <c r="AM25" s="256">
        <v>0</v>
      </c>
      <c r="AN25" s="257">
        <v>0</v>
      </c>
      <c r="AO25" s="257">
        <v>0</v>
      </c>
      <c r="AP25" s="257">
        <v>0</v>
      </c>
      <c r="AQ25" s="257">
        <v>0</v>
      </c>
      <c r="AR25" s="257">
        <v>0</v>
      </c>
      <c r="AS25" s="254">
        <v>0</v>
      </c>
      <c r="AT25" s="259">
        <v>8</v>
      </c>
      <c r="AU25" s="253">
        <v>0</v>
      </c>
      <c r="AV25" s="257">
        <v>0</v>
      </c>
      <c r="AW25" s="254">
        <v>0</v>
      </c>
      <c r="AX25" s="256">
        <v>0</v>
      </c>
      <c r="AY25" s="257">
        <v>98</v>
      </c>
      <c r="AZ25" s="257">
        <v>99</v>
      </c>
      <c r="BA25" s="257">
        <v>67</v>
      </c>
      <c r="BB25" s="257">
        <v>32</v>
      </c>
      <c r="BC25" s="257">
        <v>25</v>
      </c>
      <c r="BD25" s="258">
        <v>321</v>
      </c>
      <c r="BE25" s="259">
        <v>321</v>
      </c>
      <c r="BF25" s="253">
        <v>0</v>
      </c>
      <c r="BG25" s="257">
        <v>0</v>
      </c>
      <c r="BH25" s="254">
        <v>0</v>
      </c>
      <c r="BI25" s="256">
        <v>0</v>
      </c>
      <c r="BJ25" s="257">
        <v>29</v>
      </c>
      <c r="BK25" s="257">
        <v>7</v>
      </c>
      <c r="BL25" s="257">
        <v>26</v>
      </c>
      <c r="BM25" s="257">
        <v>11</v>
      </c>
      <c r="BN25" s="257">
        <v>0</v>
      </c>
      <c r="BO25" s="254">
        <v>73</v>
      </c>
      <c r="BP25" s="259">
        <v>73</v>
      </c>
      <c r="BQ25" s="253">
        <v>0</v>
      </c>
      <c r="BR25" s="257">
        <v>0</v>
      </c>
      <c r="BS25" s="254">
        <v>0</v>
      </c>
      <c r="BT25" s="256">
        <v>0</v>
      </c>
      <c r="BU25" s="257">
        <v>0</v>
      </c>
      <c r="BV25" s="257">
        <v>30</v>
      </c>
      <c r="BW25" s="257">
        <v>13</v>
      </c>
      <c r="BX25" s="257">
        <v>8</v>
      </c>
      <c r="BY25" s="257">
        <v>2</v>
      </c>
      <c r="BZ25" s="254">
        <v>53</v>
      </c>
      <c r="CA25" s="259">
        <v>53</v>
      </c>
      <c r="CB25" s="253">
        <v>3</v>
      </c>
      <c r="CC25" s="257">
        <v>0</v>
      </c>
      <c r="CD25" s="254">
        <v>3</v>
      </c>
      <c r="CE25" s="256">
        <v>0</v>
      </c>
      <c r="CF25" s="257">
        <v>3</v>
      </c>
      <c r="CG25" s="257">
        <v>0</v>
      </c>
      <c r="CH25" s="257">
        <v>0</v>
      </c>
      <c r="CI25" s="257">
        <v>0</v>
      </c>
      <c r="CJ25" s="257">
        <v>0</v>
      </c>
      <c r="CK25" s="254">
        <v>3</v>
      </c>
      <c r="CL25" s="259">
        <v>6</v>
      </c>
      <c r="CM25" s="253">
        <v>0</v>
      </c>
      <c r="CN25" s="257">
        <v>0</v>
      </c>
      <c r="CO25" s="254">
        <v>0</v>
      </c>
      <c r="CP25" s="256">
        <v>0</v>
      </c>
      <c r="CQ25" s="257">
        <v>0</v>
      </c>
      <c r="CR25" s="257">
        <v>0</v>
      </c>
      <c r="CS25" s="257">
        <v>0</v>
      </c>
      <c r="CT25" s="257">
        <v>0</v>
      </c>
      <c r="CU25" s="257">
        <v>0</v>
      </c>
      <c r="CV25" s="254">
        <v>0</v>
      </c>
      <c r="CW25" s="259">
        <v>0</v>
      </c>
      <c r="CX25" s="253">
        <v>0</v>
      </c>
      <c r="CY25" s="257">
        <v>0</v>
      </c>
      <c r="CZ25" s="254">
        <v>0</v>
      </c>
      <c r="DA25" s="256">
        <v>0</v>
      </c>
      <c r="DB25" s="257">
        <v>0</v>
      </c>
      <c r="DC25" s="257">
        <v>0</v>
      </c>
      <c r="DD25" s="257">
        <v>0</v>
      </c>
      <c r="DE25" s="257">
        <v>0</v>
      </c>
      <c r="DF25" s="257">
        <v>0</v>
      </c>
      <c r="DG25" s="254">
        <v>0</v>
      </c>
      <c r="DH25" s="259">
        <v>0</v>
      </c>
    </row>
    <row r="26" spans="2:112" ht="21" customHeight="1" x14ac:dyDescent="0.2">
      <c r="B26" s="437" t="s">
        <v>24</v>
      </c>
      <c r="C26" s="253">
        <v>0</v>
      </c>
      <c r="D26" s="257">
        <v>0</v>
      </c>
      <c r="E26" s="340">
        <v>0</v>
      </c>
      <c r="F26" s="256">
        <v>0</v>
      </c>
      <c r="G26" s="257">
        <v>157</v>
      </c>
      <c r="H26" s="257">
        <v>49</v>
      </c>
      <c r="I26" s="257">
        <v>155</v>
      </c>
      <c r="J26" s="257">
        <v>209</v>
      </c>
      <c r="K26" s="257">
        <v>177</v>
      </c>
      <c r="L26" s="258">
        <v>747</v>
      </c>
      <c r="M26" s="259">
        <v>747</v>
      </c>
      <c r="N26" s="253">
        <v>0</v>
      </c>
      <c r="O26" s="257">
        <v>0</v>
      </c>
      <c r="P26" s="254">
        <v>0</v>
      </c>
      <c r="Q26" s="256">
        <v>0</v>
      </c>
      <c r="R26" s="257">
        <v>0</v>
      </c>
      <c r="S26" s="257">
        <v>0</v>
      </c>
      <c r="T26" s="257">
        <v>0</v>
      </c>
      <c r="U26" s="257">
        <v>12</v>
      </c>
      <c r="V26" s="257">
        <v>14</v>
      </c>
      <c r="W26" s="254">
        <v>26</v>
      </c>
      <c r="X26" s="259">
        <v>26</v>
      </c>
      <c r="Y26" s="253">
        <v>2</v>
      </c>
      <c r="Z26" s="257">
        <v>40</v>
      </c>
      <c r="AA26" s="254">
        <v>42</v>
      </c>
      <c r="AB26" s="256">
        <v>0</v>
      </c>
      <c r="AC26" s="257">
        <v>94</v>
      </c>
      <c r="AD26" s="257">
        <v>47</v>
      </c>
      <c r="AE26" s="257">
        <v>8</v>
      </c>
      <c r="AF26" s="257">
        <v>64</v>
      </c>
      <c r="AG26" s="257">
        <v>11</v>
      </c>
      <c r="AH26" s="254">
        <v>224</v>
      </c>
      <c r="AI26" s="259">
        <v>266</v>
      </c>
      <c r="AJ26" s="253">
        <v>0</v>
      </c>
      <c r="AK26" s="257">
        <v>0</v>
      </c>
      <c r="AL26" s="254">
        <v>0</v>
      </c>
      <c r="AM26" s="256">
        <v>0</v>
      </c>
      <c r="AN26" s="257">
        <v>9</v>
      </c>
      <c r="AO26" s="257">
        <v>18</v>
      </c>
      <c r="AP26" s="257">
        <v>16</v>
      </c>
      <c r="AQ26" s="257">
        <v>0</v>
      </c>
      <c r="AR26" s="257">
        <v>0</v>
      </c>
      <c r="AS26" s="254">
        <v>43</v>
      </c>
      <c r="AT26" s="259">
        <v>43</v>
      </c>
      <c r="AU26" s="253">
        <v>0</v>
      </c>
      <c r="AV26" s="257">
        <v>0</v>
      </c>
      <c r="AW26" s="254">
        <v>0</v>
      </c>
      <c r="AX26" s="256">
        <v>0</v>
      </c>
      <c r="AY26" s="257">
        <v>99</v>
      </c>
      <c r="AZ26" s="257">
        <v>101</v>
      </c>
      <c r="BA26" s="257">
        <v>34</v>
      </c>
      <c r="BB26" s="257">
        <v>5</v>
      </c>
      <c r="BC26" s="257">
        <v>2</v>
      </c>
      <c r="BD26" s="258">
        <v>241</v>
      </c>
      <c r="BE26" s="259">
        <v>241</v>
      </c>
      <c r="BF26" s="253">
        <v>0</v>
      </c>
      <c r="BG26" s="257">
        <v>0</v>
      </c>
      <c r="BH26" s="254">
        <v>0</v>
      </c>
      <c r="BI26" s="256">
        <v>0</v>
      </c>
      <c r="BJ26" s="257">
        <v>17</v>
      </c>
      <c r="BK26" s="257">
        <v>45</v>
      </c>
      <c r="BL26" s="257">
        <v>70</v>
      </c>
      <c r="BM26" s="257">
        <v>8</v>
      </c>
      <c r="BN26" s="257">
        <v>0</v>
      </c>
      <c r="BO26" s="254">
        <v>140</v>
      </c>
      <c r="BP26" s="259">
        <v>140</v>
      </c>
      <c r="BQ26" s="253">
        <v>0</v>
      </c>
      <c r="BR26" s="257">
        <v>0</v>
      </c>
      <c r="BS26" s="254">
        <v>0</v>
      </c>
      <c r="BT26" s="256">
        <v>0</v>
      </c>
      <c r="BU26" s="257">
        <v>0</v>
      </c>
      <c r="BV26" s="257">
        <v>9</v>
      </c>
      <c r="BW26" s="257">
        <v>0</v>
      </c>
      <c r="BX26" s="257">
        <v>0</v>
      </c>
      <c r="BY26" s="257">
        <v>19</v>
      </c>
      <c r="BZ26" s="254">
        <v>28</v>
      </c>
      <c r="CA26" s="259">
        <v>28</v>
      </c>
      <c r="CB26" s="253">
        <v>0</v>
      </c>
      <c r="CC26" s="257">
        <v>0</v>
      </c>
      <c r="CD26" s="254">
        <v>0</v>
      </c>
      <c r="CE26" s="256">
        <v>0</v>
      </c>
      <c r="CF26" s="257">
        <v>3</v>
      </c>
      <c r="CG26" s="257">
        <v>3</v>
      </c>
      <c r="CH26" s="257">
        <v>0</v>
      </c>
      <c r="CI26" s="257">
        <v>0</v>
      </c>
      <c r="CJ26" s="257">
        <v>0</v>
      </c>
      <c r="CK26" s="254">
        <v>6</v>
      </c>
      <c r="CL26" s="259">
        <v>6</v>
      </c>
      <c r="CM26" s="253">
        <v>0</v>
      </c>
      <c r="CN26" s="257">
        <v>0</v>
      </c>
      <c r="CO26" s="254">
        <v>0</v>
      </c>
      <c r="CP26" s="256">
        <v>0</v>
      </c>
      <c r="CQ26" s="257">
        <v>0</v>
      </c>
      <c r="CR26" s="257">
        <v>0</v>
      </c>
      <c r="CS26" s="257">
        <v>0</v>
      </c>
      <c r="CT26" s="257">
        <v>0</v>
      </c>
      <c r="CU26" s="257">
        <v>0</v>
      </c>
      <c r="CV26" s="254">
        <v>0</v>
      </c>
      <c r="CW26" s="259">
        <v>0</v>
      </c>
      <c r="CX26" s="253">
        <v>0</v>
      </c>
      <c r="CY26" s="257">
        <v>0</v>
      </c>
      <c r="CZ26" s="254">
        <v>0</v>
      </c>
      <c r="DA26" s="256">
        <v>0</v>
      </c>
      <c r="DB26" s="257">
        <v>0</v>
      </c>
      <c r="DC26" s="257">
        <v>0</v>
      </c>
      <c r="DD26" s="257">
        <v>0</v>
      </c>
      <c r="DE26" s="257">
        <v>0</v>
      </c>
      <c r="DF26" s="257">
        <v>0</v>
      </c>
      <c r="DG26" s="254">
        <v>0</v>
      </c>
      <c r="DH26" s="259">
        <v>0</v>
      </c>
    </row>
    <row r="27" spans="2:112" ht="21" customHeight="1" x14ac:dyDescent="0.2">
      <c r="B27" s="437" t="s">
        <v>25</v>
      </c>
      <c r="C27" s="253">
        <v>0</v>
      </c>
      <c r="D27" s="257">
        <v>0</v>
      </c>
      <c r="E27" s="340">
        <v>0</v>
      </c>
      <c r="F27" s="256">
        <v>0</v>
      </c>
      <c r="G27" s="257">
        <v>200</v>
      </c>
      <c r="H27" s="257">
        <v>60</v>
      </c>
      <c r="I27" s="257">
        <v>57</v>
      </c>
      <c r="J27" s="257">
        <v>22</v>
      </c>
      <c r="K27" s="257">
        <v>2</v>
      </c>
      <c r="L27" s="258">
        <v>341</v>
      </c>
      <c r="M27" s="259">
        <v>341</v>
      </c>
      <c r="N27" s="253">
        <v>0</v>
      </c>
      <c r="O27" s="257">
        <v>0</v>
      </c>
      <c r="P27" s="254">
        <v>0</v>
      </c>
      <c r="Q27" s="256">
        <v>0</v>
      </c>
      <c r="R27" s="257">
        <v>0</v>
      </c>
      <c r="S27" s="257">
        <v>0</v>
      </c>
      <c r="T27" s="257">
        <v>6</v>
      </c>
      <c r="U27" s="257">
        <v>13</v>
      </c>
      <c r="V27" s="257">
        <v>0</v>
      </c>
      <c r="W27" s="254">
        <v>19</v>
      </c>
      <c r="X27" s="259">
        <v>19</v>
      </c>
      <c r="Y27" s="253">
        <v>2</v>
      </c>
      <c r="Z27" s="257">
        <v>26</v>
      </c>
      <c r="AA27" s="254">
        <v>28</v>
      </c>
      <c r="AB27" s="256">
        <v>0</v>
      </c>
      <c r="AC27" s="257">
        <v>17</v>
      </c>
      <c r="AD27" s="257">
        <v>49</v>
      </c>
      <c r="AE27" s="257">
        <v>50</v>
      </c>
      <c r="AF27" s="257">
        <v>10</v>
      </c>
      <c r="AG27" s="257">
        <v>9</v>
      </c>
      <c r="AH27" s="254">
        <v>135</v>
      </c>
      <c r="AI27" s="259">
        <v>163</v>
      </c>
      <c r="AJ27" s="253">
        <v>0</v>
      </c>
      <c r="AK27" s="257">
        <v>24</v>
      </c>
      <c r="AL27" s="254">
        <v>24</v>
      </c>
      <c r="AM27" s="256">
        <v>0</v>
      </c>
      <c r="AN27" s="257">
        <v>0</v>
      </c>
      <c r="AO27" s="257">
        <v>0</v>
      </c>
      <c r="AP27" s="257">
        <v>0</v>
      </c>
      <c r="AQ27" s="257">
        <v>0</v>
      </c>
      <c r="AR27" s="257">
        <v>0</v>
      </c>
      <c r="AS27" s="254">
        <v>0</v>
      </c>
      <c r="AT27" s="259">
        <v>24</v>
      </c>
      <c r="AU27" s="253">
        <v>0</v>
      </c>
      <c r="AV27" s="257">
        <v>0</v>
      </c>
      <c r="AW27" s="254">
        <v>0</v>
      </c>
      <c r="AX27" s="256">
        <v>0</v>
      </c>
      <c r="AY27" s="257">
        <v>65</v>
      </c>
      <c r="AZ27" s="257">
        <v>20</v>
      </c>
      <c r="BA27" s="257">
        <v>11</v>
      </c>
      <c r="BB27" s="257">
        <v>2</v>
      </c>
      <c r="BC27" s="257">
        <v>0</v>
      </c>
      <c r="BD27" s="258">
        <v>98</v>
      </c>
      <c r="BE27" s="259">
        <v>98</v>
      </c>
      <c r="BF27" s="253">
        <v>0</v>
      </c>
      <c r="BG27" s="257">
        <v>0</v>
      </c>
      <c r="BH27" s="254">
        <v>0</v>
      </c>
      <c r="BI27" s="256">
        <v>0</v>
      </c>
      <c r="BJ27" s="257">
        <v>13</v>
      </c>
      <c r="BK27" s="257">
        <v>34</v>
      </c>
      <c r="BL27" s="257">
        <v>33</v>
      </c>
      <c r="BM27" s="257">
        <v>19</v>
      </c>
      <c r="BN27" s="257">
        <v>7</v>
      </c>
      <c r="BO27" s="254">
        <v>106</v>
      </c>
      <c r="BP27" s="259">
        <v>106</v>
      </c>
      <c r="BQ27" s="253">
        <v>0</v>
      </c>
      <c r="BR27" s="257">
        <v>0</v>
      </c>
      <c r="BS27" s="254">
        <v>0</v>
      </c>
      <c r="BT27" s="256">
        <v>0</v>
      </c>
      <c r="BU27" s="257">
        <v>38</v>
      </c>
      <c r="BV27" s="257">
        <v>11</v>
      </c>
      <c r="BW27" s="257">
        <v>0</v>
      </c>
      <c r="BX27" s="257">
        <v>0</v>
      </c>
      <c r="BY27" s="257">
        <v>0</v>
      </c>
      <c r="BZ27" s="254">
        <v>49</v>
      </c>
      <c r="CA27" s="259">
        <v>49</v>
      </c>
      <c r="CB27" s="253">
        <v>0</v>
      </c>
      <c r="CC27" s="257">
        <v>0</v>
      </c>
      <c r="CD27" s="254">
        <v>0</v>
      </c>
      <c r="CE27" s="256">
        <v>0</v>
      </c>
      <c r="CF27" s="257">
        <v>0</v>
      </c>
      <c r="CG27" s="257">
        <v>0</v>
      </c>
      <c r="CH27" s="257">
        <v>0</v>
      </c>
      <c r="CI27" s="257">
        <v>0</v>
      </c>
      <c r="CJ27" s="257">
        <v>0</v>
      </c>
      <c r="CK27" s="254">
        <v>0</v>
      </c>
      <c r="CL27" s="259">
        <v>0</v>
      </c>
      <c r="CM27" s="253">
        <v>0</v>
      </c>
      <c r="CN27" s="257">
        <v>0</v>
      </c>
      <c r="CO27" s="254">
        <v>0</v>
      </c>
      <c r="CP27" s="256">
        <v>0</v>
      </c>
      <c r="CQ27" s="257">
        <v>0</v>
      </c>
      <c r="CR27" s="257">
        <v>0</v>
      </c>
      <c r="CS27" s="257">
        <v>0</v>
      </c>
      <c r="CT27" s="257">
        <v>0</v>
      </c>
      <c r="CU27" s="257">
        <v>0</v>
      </c>
      <c r="CV27" s="254">
        <v>0</v>
      </c>
      <c r="CW27" s="259">
        <v>0</v>
      </c>
      <c r="CX27" s="253">
        <v>0</v>
      </c>
      <c r="CY27" s="257">
        <v>0</v>
      </c>
      <c r="CZ27" s="254">
        <v>0</v>
      </c>
      <c r="DA27" s="256">
        <v>0</v>
      </c>
      <c r="DB27" s="257">
        <v>0</v>
      </c>
      <c r="DC27" s="257">
        <v>0</v>
      </c>
      <c r="DD27" s="257">
        <v>0</v>
      </c>
      <c r="DE27" s="257">
        <v>0</v>
      </c>
      <c r="DF27" s="257">
        <v>0</v>
      </c>
      <c r="DG27" s="254">
        <v>0</v>
      </c>
      <c r="DH27" s="259">
        <v>0</v>
      </c>
    </row>
    <row r="28" spans="2:112" ht="21" customHeight="1" x14ac:dyDescent="0.2">
      <c r="B28" s="437" t="s">
        <v>26</v>
      </c>
      <c r="C28" s="253">
        <v>0</v>
      </c>
      <c r="D28" s="257">
        <v>0</v>
      </c>
      <c r="E28" s="340">
        <v>0</v>
      </c>
      <c r="F28" s="256">
        <v>0</v>
      </c>
      <c r="G28" s="257">
        <v>103</v>
      </c>
      <c r="H28" s="257">
        <v>44</v>
      </c>
      <c r="I28" s="257">
        <v>89</v>
      </c>
      <c r="J28" s="257">
        <v>35</v>
      </c>
      <c r="K28" s="257">
        <v>80</v>
      </c>
      <c r="L28" s="258">
        <v>351</v>
      </c>
      <c r="M28" s="259">
        <v>351</v>
      </c>
      <c r="N28" s="253">
        <v>0</v>
      </c>
      <c r="O28" s="257">
        <v>0</v>
      </c>
      <c r="P28" s="254">
        <v>0</v>
      </c>
      <c r="Q28" s="256">
        <v>0</v>
      </c>
      <c r="R28" s="257">
        <v>0</v>
      </c>
      <c r="S28" s="257">
        <v>0</v>
      </c>
      <c r="T28" s="257">
        <v>0</v>
      </c>
      <c r="U28" s="257">
        <v>16</v>
      </c>
      <c r="V28" s="257">
        <v>0</v>
      </c>
      <c r="W28" s="254">
        <v>16</v>
      </c>
      <c r="X28" s="259">
        <v>16</v>
      </c>
      <c r="Y28" s="253">
        <v>2</v>
      </c>
      <c r="Z28" s="257">
        <v>0</v>
      </c>
      <c r="AA28" s="254">
        <v>2</v>
      </c>
      <c r="AB28" s="256">
        <v>0</v>
      </c>
      <c r="AC28" s="257">
        <v>13</v>
      </c>
      <c r="AD28" s="257">
        <v>16</v>
      </c>
      <c r="AE28" s="257">
        <v>4</v>
      </c>
      <c r="AF28" s="257">
        <v>20</v>
      </c>
      <c r="AG28" s="257">
        <v>21</v>
      </c>
      <c r="AH28" s="254">
        <v>74</v>
      </c>
      <c r="AI28" s="259">
        <v>76</v>
      </c>
      <c r="AJ28" s="253">
        <v>0</v>
      </c>
      <c r="AK28" s="257">
        <v>0</v>
      </c>
      <c r="AL28" s="254">
        <v>0</v>
      </c>
      <c r="AM28" s="256">
        <v>0</v>
      </c>
      <c r="AN28" s="257">
        <v>0</v>
      </c>
      <c r="AO28" s="257">
        <v>12</v>
      </c>
      <c r="AP28" s="257">
        <v>0</v>
      </c>
      <c r="AQ28" s="257">
        <v>0</v>
      </c>
      <c r="AR28" s="257">
        <v>0</v>
      </c>
      <c r="AS28" s="254">
        <v>12</v>
      </c>
      <c r="AT28" s="259">
        <v>12</v>
      </c>
      <c r="AU28" s="253">
        <v>0</v>
      </c>
      <c r="AV28" s="257">
        <v>0</v>
      </c>
      <c r="AW28" s="254">
        <v>0</v>
      </c>
      <c r="AX28" s="256">
        <v>0</v>
      </c>
      <c r="AY28" s="257">
        <v>43</v>
      </c>
      <c r="AZ28" s="257">
        <v>52</v>
      </c>
      <c r="BA28" s="257">
        <v>52</v>
      </c>
      <c r="BB28" s="257">
        <v>8</v>
      </c>
      <c r="BC28" s="257">
        <v>0</v>
      </c>
      <c r="BD28" s="258">
        <v>155</v>
      </c>
      <c r="BE28" s="259">
        <v>155</v>
      </c>
      <c r="BF28" s="253">
        <v>0</v>
      </c>
      <c r="BG28" s="257">
        <v>0</v>
      </c>
      <c r="BH28" s="254">
        <v>0</v>
      </c>
      <c r="BI28" s="256">
        <v>0</v>
      </c>
      <c r="BJ28" s="257">
        <v>23</v>
      </c>
      <c r="BK28" s="257">
        <v>13</v>
      </c>
      <c r="BL28" s="257">
        <v>0</v>
      </c>
      <c r="BM28" s="257">
        <v>6</v>
      </c>
      <c r="BN28" s="257">
        <v>0</v>
      </c>
      <c r="BO28" s="254">
        <v>42</v>
      </c>
      <c r="BP28" s="259">
        <v>42</v>
      </c>
      <c r="BQ28" s="253">
        <v>0</v>
      </c>
      <c r="BR28" s="257">
        <v>0</v>
      </c>
      <c r="BS28" s="254">
        <v>0</v>
      </c>
      <c r="BT28" s="256">
        <v>0</v>
      </c>
      <c r="BU28" s="257">
        <v>15</v>
      </c>
      <c r="BV28" s="257">
        <v>22</v>
      </c>
      <c r="BW28" s="257">
        <v>0</v>
      </c>
      <c r="BX28" s="257">
        <v>0</v>
      </c>
      <c r="BY28" s="257">
        <v>3</v>
      </c>
      <c r="BZ28" s="254">
        <v>40</v>
      </c>
      <c r="CA28" s="259">
        <v>40</v>
      </c>
      <c r="CB28" s="253">
        <v>0</v>
      </c>
      <c r="CC28" s="257">
        <v>0</v>
      </c>
      <c r="CD28" s="254">
        <v>0</v>
      </c>
      <c r="CE28" s="256">
        <v>0</v>
      </c>
      <c r="CF28" s="257">
        <v>0</v>
      </c>
      <c r="CG28" s="257">
        <v>0</v>
      </c>
      <c r="CH28" s="257">
        <v>10</v>
      </c>
      <c r="CI28" s="257">
        <v>10</v>
      </c>
      <c r="CJ28" s="257">
        <v>0</v>
      </c>
      <c r="CK28" s="254">
        <v>20</v>
      </c>
      <c r="CL28" s="259">
        <v>20</v>
      </c>
      <c r="CM28" s="253">
        <v>0</v>
      </c>
      <c r="CN28" s="257">
        <v>0</v>
      </c>
      <c r="CO28" s="254">
        <v>0</v>
      </c>
      <c r="CP28" s="256">
        <v>0</v>
      </c>
      <c r="CQ28" s="257">
        <v>0</v>
      </c>
      <c r="CR28" s="257">
        <v>0</v>
      </c>
      <c r="CS28" s="257">
        <v>0</v>
      </c>
      <c r="CT28" s="257">
        <v>0</v>
      </c>
      <c r="CU28" s="257">
        <v>0</v>
      </c>
      <c r="CV28" s="254">
        <v>0</v>
      </c>
      <c r="CW28" s="259">
        <v>0</v>
      </c>
      <c r="CX28" s="253">
        <v>0</v>
      </c>
      <c r="CY28" s="257">
        <v>0</v>
      </c>
      <c r="CZ28" s="254">
        <v>0</v>
      </c>
      <c r="DA28" s="256">
        <v>0</v>
      </c>
      <c r="DB28" s="257">
        <v>0</v>
      </c>
      <c r="DC28" s="257">
        <v>0</v>
      </c>
      <c r="DD28" s="257">
        <v>0</v>
      </c>
      <c r="DE28" s="257">
        <v>0</v>
      </c>
      <c r="DF28" s="257">
        <v>0</v>
      </c>
      <c r="DG28" s="254">
        <v>0</v>
      </c>
      <c r="DH28" s="259">
        <v>0</v>
      </c>
    </row>
    <row r="29" spans="2:112" ht="21" customHeight="1" x14ac:dyDescent="0.2">
      <c r="B29" s="437" t="s">
        <v>27</v>
      </c>
      <c r="C29" s="253">
        <v>0</v>
      </c>
      <c r="D29" s="257">
        <v>0</v>
      </c>
      <c r="E29" s="340">
        <v>0</v>
      </c>
      <c r="F29" s="256">
        <v>0</v>
      </c>
      <c r="G29" s="257">
        <v>19</v>
      </c>
      <c r="H29" s="257">
        <v>56</v>
      </c>
      <c r="I29" s="257">
        <v>179</v>
      </c>
      <c r="J29" s="257">
        <v>80</v>
      </c>
      <c r="K29" s="257">
        <v>185</v>
      </c>
      <c r="L29" s="258">
        <v>519</v>
      </c>
      <c r="M29" s="259">
        <v>519</v>
      </c>
      <c r="N29" s="253">
        <v>0</v>
      </c>
      <c r="O29" s="257">
        <v>0</v>
      </c>
      <c r="P29" s="254">
        <v>0</v>
      </c>
      <c r="Q29" s="256">
        <v>0</v>
      </c>
      <c r="R29" s="257">
        <v>0</v>
      </c>
      <c r="S29" s="257">
        <v>0</v>
      </c>
      <c r="T29" s="257">
        <v>0</v>
      </c>
      <c r="U29" s="257">
        <v>0</v>
      </c>
      <c r="V29" s="257">
        <v>0</v>
      </c>
      <c r="W29" s="254">
        <v>0</v>
      </c>
      <c r="X29" s="259">
        <v>0</v>
      </c>
      <c r="Y29" s="253">
        <v>2</v>
      </c>
      <c r="Z29" s="257">
        <v>48</v>
      </c>
      <c r="AA29" s="254">
        <v>50</v>
      </c>
      <c r="AB29" s="256">
        <v>0</v>
      </c>
      <c r="AC29" s="257">
        <v>46</v>
      </c>
      <c r="AD29" s="257">
        <v>69</v>
      </c>
      <c r="AE29" s="257">
        <v>3</v>
      </c>
      <c r="AF29" s="257">
        <v>41</v>
      </c>
      <c r="AG29" s="257">
        <v>22</v>
      </c>
      <c r="AH29" s="254">
        <v>181</v>
      </c>
      <c r="AI29" s="259">
        <v>231</v>
      </c>
      <c r="AJ29" s="253">
        <v>0</v>
      </c>
      <c r="AK29" s="257">
        <v>0</v>
      </c>
      <c r="AL29" s="254">
        <v>0</v>
      </c>
      <c r="AM29" s="256">
        <v>0</v>
      </c>
      <c r="AN29" s="257">
        <v>0</v>
      </c>
      <c r="AO29" s="257">
        <v>12</v>
      </c>
      <c r="AP29" s="257">
        <v>0</v>
      </c>
      <c r="AQ29" s="257">
        <v>0</v>
      </c>
      <c r="AR29" s="257">
        <v>0</v>
      </c>
      <c r="AS29" s="254">
        <v>12</v>
      </c>
      <c r="AT29" s="259">
        <v>12</v>
      </c>
      <c r="AU29" s="253">
        <v>0</v>
      </c>
      <c r="AV29" s="257">
        <v>0</v>
      </c>
      <c r="AW29" s="254">
        <v>0</v>
      </c>
      <c r="AX29" s="256">
        <v>0</v>
      </c>
      <c r="AY29" s="257">
        <v>66</v>
      </c>
      <c r="AZ29" s="257">
        <v>80</v>
      </c>
      <c r="BA29" s="257">
        <v>51</v>
      </c>
      <c r="BB29" s="257">
        <v>39</v>
      </c>
      <c r="BC29" s="257">
        <v>0</v>
      </c>
      <c r="BD29" s="258">
        <v>236</v>
      </c>
      <c r="BE29" s="259">
        <v>236</v>
      </c>
      <c r="BF29" s="253">
        <v>0</v>
      </c>
      <c r="BG29" s="257">
        <v>0</v>
      </c>
      <c r="BH29" s="254">
        <v>0</v>
      </c>
      <c r="BI29" s="256">
        <v>0</v>
      </c>
      <c r="BJ29" s="257">
        <v>23</v>
      </c>
      <c r="BK29" s="257">
        <v>19</v>
      </c>
      <c r="BL29" s="257">
        <v>8</v>
      </c>
      <c r="BM29" s="257">
        <v>0</v>
      </c>
      <c r="BN29" s="257">
        <v>0</v>
      </c>
      <c r="BO29" s="254">
        <v>50</v>
      </c>
      <c r="BP29" s="259">
        <v>50</v>
      </c>
      <c r="BQ29" s="253">
        <v>0</v>
      </c>
      <c r="BR29" s="257">
        <v>0</v>
      </c>
      <c r="BS29" s="254">
        <v>0</v>
      </c>
      <c r="BT29" s="256">
        <v>0</v>
      </c>
      <c r="BU29" s="257">
        <v>3</v>
      </c>
      <c r="BV29" s="257">
        <v>0</v>
      </c>
      <c r="BW29" s="257">
        <v>11</v>
      </c>
      <c r="BX29" s="257">
        <v>15</v>
      </c>
      <c r="BY29" s="257">
        <v>0</v>
      </c>
      <c r="BZ29" s="254">
        <v>29</v>
      </c>
      <c r="CA29" s="259">
        <v>29</v>
      </c>
      <c r="CB29" s="253">
        <v>0</v>
      </c>
      <c r="CC29" s="257">
        <v>0</v>
      </c>
      <c r="CD29" s="254">
        <v>0</v>
      </c>
      <c r="CE29" s="256">
        <v>0</v>
      </c>
      <c r="CF29" s="257">
        <v>0</v>
      </c>
      <c r="CG29" s="257">
        <v>0</v>
      </c>
      <c r="CH29" s="257">
        <v>0</v>
      </c>
      <c r="CI29" s="257">
        <v>0</v>
      </c>
      <c r="CJ29" s="257">
        <v>0</v>
      </c>
      <c r="CK29" s="254">
        <v>0</v>
      </c>
      <c r="CL29" s="259">
        <v>0</v>
      </c>
      <c r="CM29" s="253">
        <v>0</v>
      </c>
      <c r="CN29" s="257">
        <v>0</v>
      </c>
      <c r="CO29" s="254">
        <v>0</v>
      </c>
      <c r="CP29" s="256">
        <v>0</v>
      </c>
      <c r="CQ29" s="257">
        <v>0</v>
      </c>
      <c r="CR29" s="257">
        <v>0</v>
      </c>
      <c r="CS29" s="257">
        <v>0</v>
      </c>
      <c r="CT29" s="257">
        <v>0</v>
      </c>
      <c r="CU29" s="257">
        <v>0</v>
      </c>
      <c r="CV29" s="254">
        <v>0</v>
      </c>
      <c r="CW29" s="259">
        <v>0</v>
      </c>
      <c r="CX29" s="253">
        <v>0</v>
      </c>
      <c r="CY29" s="257">
        <v>0</v>
      </c>
      <c r="CZ29" s="254">
        <v>0</v>
      </c>
      <c r="DA29" s="256">
        <v>0</v>
      </c>
      <c r="DB29" s="257">
        <v>0</v>
      </c>
      <c r="DC29" s="257">
        <v>0</v>
      </c>
      <c r="DD29" s="257">
        <v>0</v>
      </c>
      <c r="DE29" s="257">
        <v>0</v>
      </c>
      <c r="DF29" s="257">
        <v>0</v>
      </c>
      <c r="DG29" s="254">
        <v>0</v>
      </c>
      <c r="DH29" s="259">
        <v>0</v>
      </c>
    </row>
    <row r="30" spans="2:112" ht="21" customHeight="1" x14ac:dyDescent="0.2">
      <c r="B30" s="437" t="s">
        <v>28</v>
      </c>
      <c r="C30" s="253">
        <v>0</v>
      </c>
      <c r="D30" s="257">
        <v>0</v>
      </c>
      <c r="E30" s="340">
        <v>0</v>
      </c>
      <c r="F30" s="256">
        <v>0</v>
      </c>
      <c r="G30" s="257">
        <v>0</v>
      </c>
      <c r="H30" s="257">
        <v>0</v>
      </c>
      <c r="I30" s="257">
        <v>92</v>
      </c>
      <c r="J30" s="257">
        <v>0</v>
      </c>
      <c r="K30" s="257">
        <v>0</v>
      </c>
      <c r="L30" s="258">
        <v>92</v>
      </c>
      <c r="M30" s="259">
        <v>92</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16</v>
      </c>
      <c r="AD30" s="257">
        <v>0</v>
      </c>
      <c r="AE30" s="257">
        <v>9</v>
      </c>
      <c r="AF30" s="257">
        <v>0</v>
      </c>
      <c r="AG30" s="257">
        <v>0</v>
      </c>
      <c r="AH30" s="254">
        <v>25</v>
      </c>
      <c r="AI30" s="259">
        <v>25</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0</v>
      </c>
      <c r="AZ30" s="257">
        <v>39</v>
      </c>
      <c r="BA30" s="257">
        <v>0</v>
      </c>
      <c r="BB30" s="257">
        <v>0</v>
      </c>
      <c r="BC30" s="257">
        <v>0</v>
      </c>
      <c r="BD30" s="258">
        <v>39</v>
      </c>
      <c r="BE30" s="259">
        <v>39</v>
      </c>
      <c r="BF30" s="253">
        <v>0</v>
      </c>
      <c r="BG30" s="257">
        <v>0</v>
      </c>
      <c r="BH30" s="254">
        <v>0</v>
      </c>
      <c r="BI30" s="256">
        <v>0</v>
      </c>
      <c r="BJ30" s="257">
        <v>9</v>
      </c>
      <c r="BK30" s="257">
        <v>0</v>
      </c>
      <c r="BL30" s="257">
        <v>9</v>
      </c>
      <c r="BM30" s="257">
        <v>0</v>
      </c>
      <c r="BN30" s="257">
        <v>0</v>
      </c>
      <c r="BO30" s="254">
        <v>18</v>
      </c>
      <c r="BP30" s="259">
        <v>18</v>
      </c>
      <c r="BQ30" s="253">
        <v>0</v>
      </c>
      <c r="BR30" s="257">
        <v>0</v>
      </c>
      <c r="BS30" s="254">
        <v>0</v>
      </c>
      <c r="BT30" s="256">
        <v>0</v>
      </c>
      <c r="BU30" s="257">
        <v>0</v>
      </c>
      <c r="BV30" s="257">
        <v>0</v>
      </c>
      <c r="BW30" s="257">
        <v>0</v>
      </c>
      <c r="BX30" s="257">
        <v>0</v>
      </c>
      <c r="BY30" s="257">
        <v>0</v>
      </c>
      <c r="BZ30" s="254">
        <v>0</v>
      </c>
      <c r="CA30" s="259">
        <v>0</v>
      </c>
      <c r="CB30" s="253">
        <v>0</v>
      </c>
      <c r="CC30" s="257">
        <v>0</v>
      </c>
      <c r="CD30" s="254">
        <v>0</v>
      </c>
      <c r="CE30" s="256">
        <v>0</v>
      </c>
      <c r="CF30" s="257">
        <v>0</v>
      </c>
      <c r="CG30" s="257">
        <v>4</v>
      </c>
      <c r="CH30" s="257">
        <v>6</v>
      </c>
      <c r="CI30" s="257">
        <v>0</v>
      </c>
      <c r="CJ30" s="257">
        <v>0</v>
      </c>
      <c r="CK30" s="254">
        <v>10</v>
      </c>
      <c r="CL30" s="259">
        <v>10</v>
      </c>
      <c r="CM30" s="253">
        <v>0</v>
      </c>
      <c r="CN30" s="257">
        <v>0</v>
      </c>
      <c r="CO30" s="254">
        <v>0</v>
      </c>
      <c r="CP30" s="256">
        <v>0</v>
      </c>
      <c r="CQ30" s="257">
        <v>0</v>
      </c>
      <c r="CR30" s="257">
        <v>0</v>
      </c>
      <c r="CS30" s="257">
        <v>0</v>
      </c>
      <c r="CT30" s="257">
        <v>0</v>
      </c>
      <c r="CU30" s="257">
        <v>0</v>
      </c>
      <c r="CV30" s="254">
        <v>0</v>
      </c>
      <c r="CW30" s="259">
        <v>0</v>
      </c>
      <c r="CX30" s="253">
        <v>0</v>
      </c>
      <c r="CY30" s="257">
        <v>0</v>
      </c>
      <c r="CZ30" s="254">
        <v>0</v>
      </c>
      <c r="DA30" s="256">
        <v>0</v>
      </c>
      <c r="DB30" s="257">
        <v>0</v>
      </c>
      <c r="DC30" s="257">
        <v>0</v>
      </c>
      <c r="DD30" s="257">
        <v>0</v>
      </c>
      <c r="DE30" s="257">
        <v>0</v>
      </c>
      <c r="DF30" s="257">
        <v>0</v>
      </c>
      <c r="DG30" s="254">
        <v>0</v>
      </c>
      <c r="DH30" s="259">
        <v>0</v>
      </c>
    </row>
    <row r="31" spans="2:112" ht="21" customHeight="1" x14ac:dyDescent="0.2">
      <c r="B31" s="437" t="s">
        <v>29</v>
      </c>
      <c r="C31" s="253">
        <v>0</v>
      </c>
      <c r="D31" s="257">
        <v>0</v>
      </c>
      <c r="E31" s="340">
        <v>0</v>
      </c>
      <c r="F31" s="256">
        <v>0</v>
      </c>
      <c r="G31" s="257">
        <v>0</v>
      </c>
      <c r="H31" s="257">
        <v>39</v>
      </c>
      <c r="I31" s="257">
        <v>0</v>
      </c>
      <c r="J31" s="257">
        <v>25</v>
      </c>
      <c r="K31" s="257">
        <v>124</v>
      </c>
      <c r="L31" s="258">
        <v>188</v>
      </c>
      <c r="M31" s="259">
        <v>188</v>
      </c>
      <c r="N31" s="253">
        <v>0</v>
      </c>
      <c r="O31" s="257">
        <v>0</v>
      </c>
      <c r="P31" s="254">
        <v>0</v>
      </c>
      <c r="Q31" s="256">
        <v>0</v>
      </c>
      <c r="R31" s="257">
        <v>0</v>
      </c>
      <c r="S31" s="257">
        <v>0</v>
      </c>
      <c r="T31" s="257">
        <v>0</v>
      </c>
      <c r="U31" s="257">
        <v>0</v>
      </c>
      <c r="V31" s="257">
        <v>8</v>
      </c>
      <c r="W31" s="254">
        <v>8</v>
      </c>
      <c r="X31" s="259">
        <v>8</v>
      </c>
      <c r="Y31" s="253">
        <v>0</v>
      </c>
      <c r="Z31" s="257">
        <v>2</v>
      </c>
      <c r="AA31" s="254">
        <v>2</v>
      </c>
      <c r="AB31" s="256">
        <v>0</v>
      </c>
      <c r="AC31" s="257">
        <v>0</v>
      </c>
      <c r="AD31" s="257">
        <v>7</v>
      </c>
      <c r="AE31" s="257">
        <v>0</v>
      </c>
      <c r="AF31" s="257">
        <v>1</v>
      </c>
      <c r="AG31" s="257">
        <v>0</v>
      </c>
      <c r="AH31" s="254">
        <v>8</v>
      </c>
      <c r="AI31" s="259">
        <v>10</v>
      </c>
      <c r="AJ31" s="253">
        <v>0</v>
      </c>
      <c r="AK31" s="257">
        <v>0</v>
      </c>
      <c r="AL31" s="254">
        <v>0</v>
      </c>
      <c r="AM31" s="256">
        <v>0</v>
      </c>
      <c r="AN31" s="257">
        <v>0</v>
      </c>
      <c r="AO31" s="257">
        <v>12</v>
      </c>
      <c r="AP31" s="257">
        <v>0</v>
      </c>
      <c r="AQ31" s="257">
        <v>0</v>
      </c>
      <c r="AR31" s="257">
        <v>0</v>
      </c>
      <c r="AS31" s="254">
        <v>12</v>
      </c>
      <c r="AT31" s="259">
        <v>12</v>
      </c>
      <c r="AU31" s="253">
        <v>0</v>
      </c>
      <c r="AV31" s="257">
        <v>0</v>
      </c>
      <c r="AW31" s="254">
        <v>0</v>
      </c>
      <c r="AX31" s="256">
        <v>0</v>
      </c>
      <c r="AY31" s="257">
        <v>0</v>
      </c>
      <c r="AZ31" s="257">
        <v>29</v>
      </c>
      <c r="BA31" s="257">
        <v>19</v>
      </c>
      <c r="BB31" s="257">
        <v>0</v>
      </c>
      <c r="BC31" s="257">
        <v>0</v>
      </c>
      <c r="BD31" s="258">
        <v>48</v>
      </c>
      <c r="BE31" s="259">
        <v>48</v>
      </c>
      <c r="BF31" s="253">
        <v>0</v>
      </c>
      <c r="BG31" s="257">
        <v>0</v>
      </c>
      <c r="BH31" s="254">
        <v>0</v>
      </c>
      <c r="BI31" s="256">
        <v>0</v>
      </c>
      <c r="BJ31" s="257">
        <v>0</v>
      </c>
      <c r="BK31" s="257">
        <v>0</v>
      </c>
      <c r="BL31" s="257">
        <v>0</v>
      </c>
      <c r="BM31" s="257">
        <v>0</v>
      </c>
      <c r="BN31" s="257">
        <v>0</v>
      </c>
      <c r="BO31" s="254">
        <v>0</v>
      </c>
      <c r="BP31" s="259">
        <v>0</v>
      </c>
      <c r="BQ31" s="253">
        <v>0</v>
      </c>
      <c r="BR31" s="257">
        <v>0</v>
      </c>
      <c r="BS31" s="254">
        <v>0</v>
      </c>
      <c r="BT31" s="256">
        <v>0</v>
      </c>
      <c r="BU31" s="257">
        <v>0</v>
      </c>
      <c r="BV31" s="257">
        <v>0</v>
      </c>
      <c r="BW31" s="257">
        <v>18</v>
      </c>
      <c r="BX31" s="257">
        <v>0</v>
      </c>
      <c r="BY31" s="257">
        <v>0</v>
      </c>
      <c r="BZ31" s="254">
        <v>18</v>
      </c>
      <c r="CA31" s="259">
        <v>18</v>
      </c>
      <c r="CB31" s="253">
        <v>0</v>
      </c>
      <c r="CC31" s="257">
        <v>0</v>
      </c>
      <c r="CD31" s="254">
        <v>0</v>
      </c>
      <c r="CE31" s="256">
        <v>0</v>
      </c>
      <c r="CF31" s="257">
        <v>0</v>
      </c>
      <c r="CG31" s="257">
        <v>0</v>
      </c>
      <c r="CH31" s="257">
        <v>0</v>
      </c>
      <c r="CI31" s="257">
        <v>0</v>
      </c>
      <c r="CJ31" s="257">
        <v>0</v>
      </c>
      <c r="CK31" s="254">
        <v>0</v>
      </c>
      <c r="CL31" s="259">
        <v>0</v>
      </c>
      <c r="CM31" s="253">
        <v>0</v>
      </c>
      <c r="CN31" s="257">
        <v>0</v>
      </c>
      <c r="CO31" s="254">
        <v>0</v>
      </c>
      <c r="CP31" s="256">
        <v>0</v>
      </c>
      <c r="CQ31" s="257">
        <v>0</v>
      </c>
      <c r="CR31" s="257">
        <v>0</v>
      </c>
      <c r="CS31" s="257">
        <v>0</v>
      </c>
      <c r="CT31" s="257">
        <v>0</v>
      </c>
      <c r="CU31" s="257">
        <v>0</v>
      </c>
      <c r="CV31" s="254">
        <v>0</v>
      </c>
      <c r="CW31" s="259">
        <v>0</v>
      </c>
      <c r="CX31" s="253">
        <v>0</v>
      </c>
      <c r="CY31" s="257">
        <v>0</v>
      </c>
      <c r="CZ31" s="254">
        <v>0</v>
      </c>
      <c r="DA31" s="256">
        <v>0</v>
      </c>
      <c r="DB31" s="257">
        <v>0</v>
      </c>
      <c r="DC31" s="257">
        <v>0</v>
      </c>
      <c r="DD31" s="257">
        <v>0</v>
      </c>
      <c r="DE31" s="257">
        <v>0</v>
      </c>
      <c r="DF31" s="257">
        <v>0</v>
      </c>
      <c r="DG31" s="254">
        <v>0</v>
      </c>
      <c r="DH31" s="259">
        <v>0</v>
      </c>
    </row>
    <row r="32" spans="2:112" ht="21" customHeight="1" x14ac:dyDescent="0.2">
      <c r="B32" s="437" t="s">
        <v>30</v>
      </c>
      <c r="C32" s="253">
        <v>0</v>
      </c>
      <c r="D32" s="257">
        <v>0</v>
      </c>
      <c r="E32" s="340">
        <v>0</v>
      </c>
      <c r="F32" s="256">
        <v>0</v>
      </c>
      <c r="G32" s="257">
        <v>12</v>
      </c>
      <c r="H32" s="257">
        <v>29</v>
      </c>
      <c r="I32" s="257">
        <v>0</v>
      </c>
      <c r="J32" s="257">
        <v>13</v>
      </c>
      <c r="K32" s="257">
        <v>0</v>
      </c>
      <c r="L32" s="258">
        <v>54</v>
      </c>
      <c r="M32" s="259">
        <v>54</v>
      </c>
      <c r="N32" s="253">
        <v>0</v>
      </c>
      <c r="O32" s="257">
        <v>0</v>
      </c>
      <c r="P32" s="254">
        <v>0</v>
      </c>
      <c r="Q32" s="256">
        <v>0</v>
      </c>
      <c r="R32" s="257">
        <v>0</v>
      </c>
      <c r="S32" s="257">
        <v>0</v>
      </c>
      <c r="T32" s="257">
        <v>0</v>
      </c>
      <c r="U32" s="257">
        <v>0</v>
      </c>
      <c r="V32" s="257">
        <v>0</v>
      </c>
      <c r="W32" s="254">
        <v>0</v>
      </c>
      <c r="X32" s="259">
        <v>0</v>
      </c>
      <c r="Y32" s="253">
        <v>0</v>
      </c>
      <c r="Z32" s="257">
        <v>8</v>
      </c>
      <c r="AA32" s="254">
        <v>8</v>
      </c>
      <c r="AB32" s="256">
        <v>0</v>
      </c>
      <c r="AC32" s="257">
        <v>6</v>
      </c>
      <c r="AD32" s="257">
        <v>0</v>
      </c>
      <c r="AE32" s="257">
        <v>2</v>
      </c>
      <c r="AF32" s="257">
        <v>4</v>
      </c>
      <c r="AG32" s="257">
        <v>0</v>
      </c>
      <c r="AH32" s="254">
        <v>12</v>
      </c>
      <c r="AI32" s="259">
        <v>20</v>
      </c>
      <c r="AJ32" s="253">
        <v>0</v>
      </c>
      <c r="AK32" s="257">
        <v>0</v>
      </c>
      <c r="AL32" s="254">
        <v>0</v>
      </c>
      <c r="AM32" s="256">
        <v>0</v>
      </c>
      <c r="AN32" s="257">
        <v>0</v>
      </c>
      <c r="AO32" s="257">
        <v>0</v>
      </c>
      <c r="AP32" s="257">
        <v>0</v>
      </c>
      <c r="AQ32" s="257">
        <v>0</v>
      </c>
      <c r="AR32" s="257">
        <v>0</v>
      </c>
      <c r="AS32" s="254">
        <v>0</v>
      </c>
      <c r="AT32" s="259">
        <v>0</v>
      </c>
      <c r="AU32" s="253">
        <v>0</v>
      </c>
      <c r="AV32" s="257">
        <v>0</v>
      </c>
      <c r="AW32" s="254">
        <v>0</v>
      </c>
      <c r="AX32" s="256">
        <v>0</v>
      </c>
      <c r="AY32" s="257">
        <v>0</v>
      </c>
      <c r="AZ32" s="257">
        <v>1</v>
      </c>
      <c r="BA32" s="257">
        <v>0</v>
      </c>
      <c r="BB32" s="257">
        <v>14</v>
      </c>
      <c r="BC32" s="257">
        <v>0</v>
      </c>
      <c r="BD32" s="258">
        <v>15</v>
      </c>
      <c r="BE32" s="259">
        <v>15</v>
      </c>
      <c r="BF32" s="253">
        <v>0</v>
      </c>
      <c r="BG32" s="257">
        <v>0</v>
      </c>
      <c r="BH32" s="254">
        <v>0</v>
      </c>
      <c r="BI32" s="256">
        <v>0</v>
      </c>
      <c r="BJ32" s="257">
        <v>0</v>
      </c>
      <c r="BK32" s="257">
        <v>5</v>
      </c>
      <c r="BL32" s="257">
        <v>0</v>
      </c>
      <c r="BM32" s="257">
        <v>0</v>
      </c>
      <c r="BN32" s="257">
        <v>0</v>
      </c>
      <c r="BO32" s="254">
        <v>5</v>
      </c>
      <c r="BP32" s="259">
        <v>5</v>
      </c>
      <c r="BQ32" s="253">
        <v>0</v>
      </c>
      <c r="BR32" s="257">
        <v>0</v>
      </c>
      <c r="BS32" s="254">
        <v>0</v>
      </c>
      <c r="BT32" s="256">
        <v>0</v>
      </c>
      <c r="BU32" s="257">
        <v>0</v>
      </c>
      <c r="BV32" s="257">
        <v>0</v>
      </c>
      <c r="BW32" s="257">
        <v>2</v>
      </c>
      <c r="BX32" s="257">
        <v>8</v>
      </c>
      <c r="BY32" s="257">
        <v>0</v>
      </c>
      <c r="BZ32" s="254">
        <v>10</v>
      </c>
      <c r="CA32" s="259">
        <v>10</v>
      </c>
      <c r="CB32" s="253">
        <v>0</v>
      </c>
      <c r="CC32" s="257">
        <v>0</v>
      </c>
      <c r="CD32" s="254">
        <v>0</v>
      </c>
      <c r="CE32" s="256">
        <v>0</v>
      </c>
      <c r="CF32" s="257">
        <v>0</v>
      </c>
      <c r="CG32" s="257">
        <v>0</v>
      </c>
      <c r="CH32" s="257">
        <v>0</v>
      </c>
      <c r="CI32" s="257">
        <v>0</v>
      </c>
      <c r="CJ32" s="257">
        <v>0</v>
      </c>
      <c r="CK32" s="254">
        <v>0</v>
      </c>
      <c r="CL32" s="259">
        <v>0</v>
      </c>
      <c r="CM32" s="253">
        <v>0</v>
      </c>
      <c r="CN32" s="257">
        <v>0</v>
      </c>
      <c r="CO32" s="254">
        <v>0</v>
      </c>
      <c r="CP32" s="256">
        <v>0</v>
      </c>
      <c r="CQ32" s="257">
        <v>0</v>
      </c>
      <c r="CR32" s="257">
        <v>0</v>
      </c>
      <c r="CS32" s="257">
        <v>0</v>
      </c>
      <c r="CT32" s="257">
        <v>0</v>
      </c>
      <c r="CU32" s="257">
        <v>0</v>
      </c>
      <c r="CV32" s="254">
        <v>0</v>
      </c>
      <c r="CW32" s="259">
        <v>0</v>
      </c>
      <c r="CX32" s="253">
        <v>0</v>
      </c>
      <c r="CY32" s="257">
        <v>0</v>
      </c>
      <c r="CZ32" s="254">
        <v>0</v>
      </c>
      <c r="DA32" s="256">
        <v>0</v>
      </c>
      <c r="DB32" s="257">
        <v>0</v>
      </c>
      <c r="DC32" s="257">
        <v>0</v>
      </c>
      <c r="DD32" s="257">
        <v>0</v>
      </c>
      <c r="DE32" s="257">
        <v>0</v>
      </c>
      <c r="DF32" s="257">
        <v>0</v>
      </c>
      <c r="DG32" s="254">
        <v>0</v>
      </c>
      <c r="DH32" s="259">
        <v>0</v>
      </c>
    </row>
    <row r="33" spans="2:112" ht="21" customHeight="1" x14ac:dyDescent="0.2">
      <c r="B33" s="437" t="s">
        <v>31</v>
      </c>
      <c r="C33" s="253">
        <v>0</v>
      </c>
      <c r="D33" s="257">
        <v>0</v>
      </c>
      <c r="E33" s="340">
        <v>0</v>
      </c>
      <c r="F33" s="256">
        <v>0</v>
      </c>
      <c r="G33" s="257">
        <v>0</v>
      </c>
      <c r="H33" s="257">
        <v>0</v>
      </c>
      <c r="I33" s="257">
        <v>124</v>
      </c>
      <c r="J33" s="257">
        <v>0</v>
      </c>
      <c r="K33" s="257">
        <v>0</v>
      </c>
      <c r="L33" s="258">
        <v>124</v>
      </c>
      <c r="M33" s="259">
        <v>124</v>
      </c>
      <c r="N33" s="253">
        <v>0</v>
      </c>
      <c r="O33" s="257">
        <v>0</v>
      </c>
      <c r="P33" s="254">
        <v>0</v>
      </c>
      <c r="Q33" s="256">
        <v>0</v>
      </c>
      <c r="R33" s="257">
        <v>0</v>
      </c>
      <c r="S33" s="257">
        <v>9</v>
      </c>
      <c r="T33" s="257">
        <v>17</v>
      </c>
      <c r="U33" s="257">
        <v>0</v>
      </c>
      <c r="V33" s="257">
        <v>0</v>
      </c>
      <c r="W33" s="254">
        <v>26</v>
      </c>
      <c r="X33" s="259">
        <v>26</v>
      </c>
      <c r="Y33" s="253">
        <v>0</v>
      </c>
      <c r="Z33" s="257">
        <v>0</v>
      </c>
      <c r="AA33" s="254">
        <v>0</v>
      </c>
      <c r="AB33" s="256">
        <v>0</v>
      </c>
      <c r="AC33" s="257">
        <v>7</v>
      </c>
      <c r="AD33" s="257">
        <v>0</v>
      </c>
      <c r="AE33" s="257">
        <v>21</v>
      </c>
      <c r="AF33" s="257">
        <v>0</v>
      </c>
      <c r="AG33" s="257">
        <v>0</v>
      </c>
      <c r="AH33" s="254">
        <v>28</v>
      </c>
      <c r="AI33" s="259">
        <v>28</v>
      </c>
      <c r="AJ33" s="253">
        <v>0</v>
      </c>
      <c r="AK33" s="257">
        <v>0</v>
      </c>
      <c r="AL33" s="254">
        <v>0</v>
      </c>
      <c r="AM33" s="256">
        <v>0</v>
      </c>
      <c r="AN33" s="257">
        <v>0</v>
      </c>
      <c r="AO33" s="257">
        <v>0</v>
      </c>
      <c r="AP33" s="257">
        <v>0</v>
      </c>
      <c r="AQ33" s="257">
        <v>0</v>
      </c>
      <c r="AR33" s="257">
        <v>0</v>
      </c>
      <c r="AS33" s="254">
        <v>0</v>
      </c>
      <c r="AT33" s="259">
        <v>0</v>
      </c>
      <c r="AU33" s="253">
        <v>0</v>
      </c>
      <c r="AV33" s="257">
        <v>0</v>
      </c>
      <c r="AW33" s="254">
        <v>0</v>
      </c>
      <c r="AX33" s="256">
        <v>0</v>
      </c>
      <c r="AY33" s="257">
        <v>13</v>
      </c>
      <c r="AZ33" s="257">
        <v>0</v>
      </c>
      <c r="BA33" s="257">
        <v>24</v>
      </c>
      <c r="BB33" s="257">
        <v>0</v>
      </c>
      <c r="BC33" s="257">
        <v>0</v>
      </c>
      <c r="BD33" s="258">
        <v>37</v>
      </c>
      <c r="BE33" s="259">
        <v>37</v>
      </c>
      <c r="BF33" s="253">
        <v>0</v>
      </c>
      <c r="BG33" s="257">
        <v>0</v>
      </c>
      <c r="BH33" s="254">
        <v>0</v>
      </c>
      <c r="BI33" s="256">
        <v>0</v>
      </c>
      <c r="BJ33" s="257">
        <v>7</v>
      </c>
      <c r="BK33" s="257">
        <v>8</v>
      </c>
      <c r="BL33" s="257">
        <v>16</v>
      </c>
      <c r="BM33" s="257">
        <v>0</v>
      </c>
      <c r="BN33" s="257">
        <v>0</v>
      </c>
      <c r="BO33" s="254">
        <v>31</v>
      </c>
      <c r="BP33" s="259">
        <v>31</v>
      </c>
      <c r="BQ33" s="253">
        <v>0</v>
      </c>
      <c r="BR33" s="257">
        <v>0</v>
      </c>
      <c r="BS33" s="254">
        <v>0</v>
      </c>
      <c r="BT33" s="256">
        <v>0</v>
      </c>
      <c r="BU33" s="257">
        <v>0</v>
      </c>
      <c r="BV33" s="257">
        <v>0</v>
      </c>
      <c r="BW33" s="257">
        <v>38</v>
      </c>
      <c r="BX33" s="257">
        <v>6</v>
      </c>
      <c r="BY33" s="257">
        <v>0</v>
      </c>
      <c r="BZ33" s="254">
        <v>44</v>
      </c>
      <c r="CA33" s="259">
        <v>44</v>
      </c>
      <c r="CB33" s="253">
        <v>0</v>
      </c>
      <c r="CC33" s="257">
        <v>0</v>
      </c>
      <c r="CD33" s="254">
        <v>0</v>
      </c>
      <c r="CE33" s="256">
        <v>0</v>
      </c>
      <c r="CF33" s="257">
        <v>0</v>
      </c>
      <c r="CG33" s="257">
        <v>0</v>
      </c>
      <c r="CH33" s="257">
        <v>0</v>
      </c>
      <c r="CI33" s="257">
        <v>0</v>
      </c>
      <c r="CJ33" s="257">
        <v>0</v>
      </c>
      <c r="CK33" s="254">
        <v>0</v>
      </c>
      <c r="CL33" s="259">
        <v>0</v>
      </c>
      <c r="CM33" s="253">
        <v>0</v>
      </c>
      <c r="CN33" s="257">
        <v>0</v>
      </c>
      <c r="CO33" s="254">
        <v>0</v>
      </c>
      <c r="CP33" s="256">
        <v>0</v>
      </c>
      <c r="CQ33" s="257">
        <v>0</v>
      </c>
      <c r="CR33" s="257">
        <v>0</v>
      </c>
      <c r="CS33" s="257">
        <v>0</v>
      </c>
      <c r="CT33" s="257">
        <v>0</v>
      </c>
      <c r="CU33" s="257">
        <v>0</v>
      </c>
      <c r="CV33" s="254">
        <v>0</v>
      </c>
      <c r="CW33" s="259">
        <v>0</v>
      </c>
      <c r="CX33" s="253">
        <v>0</v>
      </c>
      <c r="CY33" s="257">
        <v>0</v>
      </c>
      <c r="CZ33" s="254">
        <v>0</v>
      </c>
      <c r="DA33" s="256">
        <v>0</v>
      </c>
      <c r="DB33" s="257">
        <v>0</v>
      </c>
      <c r="DC33" s="257">
        <v>0</v>
      </c>
      <c r="DD33" s="257">
        <v>0</v>
      </c>
      <c r="DE33" s="257">
        <v>0</v>
      </c>
      <c r="DF33" s="257">
        <v>0</v>
      </c>
      <c r="DG33" s="254">
        <v>0</v>
      </c>
      <c r="DH33" s="259">
        <v>0</v>
      </c>
    </row>
    <row r="34" spans="2:112" ht="21" customHeight="1" x14ac:dyDescent="0.2">
      <c r="B34" s="437" t="s">
        <v>32</v>
      </c>
      <c r="C34" s="253">
        <v>0</v>
      </c>
      <c r="D34" s="257">
        <v>0</v>
      </c>
      <c r="E34" s="340">
        <v>0</v>
      </c>
      <c r="F34" s="256">
        <v>0</v>
      </c>
      <c r="G34" s="257">
        <v>39</v>
      </c>
      <c r="H34" s="257">
        <v>0</v>
      </c>
      <c r="I34" s="257">
        <v>0</v>
      </c>
      <c r="J34" s="257">
        <v>0</v>
      </c>
      <c r="K34" s="257">
        <v>88</v>
      </c>
      <c r="L34" s="258">
        <v>127</v>
      </c>
      <c r="M34" s="259">
        <v>127</v>
      </c>
      <c r="N34" s="253">
        <v>0</v>
      </c>
      <c r="O34" s="257">
        <v>0</v>
      </c>
      <c r="P34" s="254">
        <v>0</v>
      </c>
      <c r="Q34" s="256">
        <v>0</v>
      </c>
      <c r="R34" s="257">
        <v>0</v>
      </c>
      <c r="S34" s="257">
        <v>0</v>
      </c>
      <c r="T34" s="257">
        <v>0</v>
      </c>
      <c r="U34" s="257">
        <v>0</v>
      </c>
      <c r="V34" s="257">
        <v>4</v>
      </c>
      <c r="W34" s="254">
        <v>4</v>
      </c>
      <c r="X34" s="259">
        <v>4</v>
      </c>
      <c r="Y34" s="253">
        <v>0</v>
      </c>
      <c r="Z34" s="257">
        <v>0</v>
      </c>
      <c r="AA34" s="254">
        <v>0</v>
      </c>
      <c r="AB34" s="256">
        <v>0</v>
      </c>
      <c r="AC34" s="257">
        <v>17</v>
      </c>
      <c r="AD34" s="257">
        <v>29</v>
      </c>
      <c r="AE34" s="257">
        <v>0</v>
      </c>
      <c r="AF34" s="257">
        <v>0</v>
      </c>
      <c r="AG34" s="257">
        <v>0</v>
      </c>
      <c r="AH34" s="254">
        <v>46</v>
      </c>
      <c r="AI34" s="259">
        <v>46</v>
      </c>
      <c r="AJ34" s="253">
        <v>0</v>
      </c>
      <c r="AK34" s="257">
        <v>0</v>
      </c>
      <c r="AL34" s="254">
        <v>0</v>
      </c>
      <c r="AM34" s="256">
        <v>0</v>
      </c>
      <c r="AN34" s="257">
        <v>0</v>
      </c>
      <c r="AO34" s="257">
        <v>12</v>
      </c>
      <c r="AP34" s="257">
        <v>0</v>
      </c>
      <c r="AQ34" s="257">
        <v>0</v>
      </c>
      <c r="AR34" s="257">
        <v>0</v>
      </c>
      <c r="AS34" s="254">
        <v>12</v>
      </c>
      <c r="AT34" s="259">
        <v>12</v>
      </c>
      <c r="AU34" s="253">
        <v>0</v>
      </c>
      <c r="AV34" s="257">
        <v>0</v>
      </c>
      <c r="AW34" s="254">
        <v>0</v>
      </c>
      <c r="AX34" s="256">
        <v>0</v>
      </c>
      <c r="AY34" s="257">
        <v>20</v>
      </c>
      <c r="AZ34" s="257">
        <v>51</v>
      </c>
      <c r="BA34" s="257">
        <v>2</v>
      </c>
      <c r="BB34" s="257">
        <v>0</v>
      </c>
      <c r="BC34" s="257">
        <v>0</v>
      </c>
      <c r="BD34" s="258">
        <v>73</v>
      </c>
      <c r="BE34" s="259">
        <v>73</v>
      </c>
      <c r="BF34" s="253">
        <v>0</v>
      </c>
      <c r="BG34" s="257">
        <v>0</v>
      </c>
      <c r="BH34" s="254">
        <v>0</v>
      </c>
      <c r="BI34" s="256">
        <v>0</v>
      </c>
      <c r="BJ34" s="257">
        <v>0</v>
      </c>
      <c r="BK34" s="257">
        <v>7</v>
      </c>
      <c r="BL34" s="257">
        <v>5</v>
      </c>
      <c r="BM34" s="257">
        <v>0</v>
      </c>
      <c r="BN34" s="257">
        <v>0</v>
      </c>
      <c r="BO34" s="254">
        <v>12</v>
      </c>
      <c r="BP34" s="259">
        <v>12</v>
      </c>
      <c r="BQ34" s="253">
        <v>0</v>
      </c>
      <c r="BR34" s="257">
        <v>0</v>
      </c>
      <c r="BS34" s="254">
        <v>0</v>
      </c>
      <c r="BT34" s="256">
        <v>0</v>
      </c>
      <c r="BU34" s="257">
        <v>4</v>
      </c>
      <c r="BV34" s="257">
        <v>7</v>
      </c>
      <c r="BW34" s="257">
        <v>3</v>
      </c>
      <c r="BX34" s="257">
        <v>0</v>
      </c>
      <c r="BY34" s="257">
        <v>0</v>
      </c>
      <c r="BZ34" s="254">
        <v>14</v>
      </c>
      <c r="CA34" s="259">
        <v>14</v>
      </c>
      <c r="CB34" s="253">
        <v>0</v>
      </c>
      <c r="CC34" s="257">
        <v>0</v>
      </c>
      <c r="CD34" s="254">
        <v>0</v>
      </c>
      <c r="CE34" s="256">
        <v>0</v>
      </c>
      <c r="CF34" s="257">
        <v>0</v>
      </c>
      <c r="CG34" s="257">
        <v>0</v>
      </c>
      <c r="CH34" s="257">
        <v>0</v>
      </c>
      <c r="CI34" s="257">
        <v>0</v>
      </c>
      <c r="CJ34" s="257">
        <v>0</v>
      </c>
      <c r="CK34" s="254">
        <v>0</v>
      </c>
      <c r="CL34" s="259">
        <v>0</v>
      </c>
      <c r="CM34" s="253">
        <v>0</v>
      </c>
      <c r="CN34" s="257">
        <v>0</v>
      </c>
      <c r="CO34" s="254">
        <v>0</v>
      </c>
      <c r="CP34" s="256">
        <v>0</v>
      </c>
      <c r="CQ34" s="257">
        <v>0</v>
      </c>
      <c r="CR34" s="257">
        <v>0</v>
      </c>
      <c r="CS34" s="257">
        <v>0</v>
      </c>
      <c r="CT34" s="257">
        <v>0</v>
      </c>
      <c r="CU34" s="257">
        <v>0</v>
      </c>
      <c r="CV34" s="254">
        <v>0</v>
      </c>
      <c r="CW34" s="259">
        <v>0</v>
      </c>
      <c r="CX34" s="253">
        <v>0</v>
      </c>
      <c r="CY34" s="257">
        <v>0</v>
      </c>
      <c r="CZ34" s="254">
        <v>0</v>
      </c>
      <c r="DA34" s="256">
        <v>0</v>
      </c>
      <c r="DB34" s="257">
        <v>0</v>
      </c>
      <c r="DC34" s="257">
        <v>0</v>
      </c>
      <c r="DD34" s="257">
        <v>0</v>
      </c>
      <c r="DE34" s="257">
        <v>0</v>
      </c>
      <c r="DF34" s="257">
        <v>0</v>
      </c>
      <c r="DG34" s="254">
        <v>0</v>
      </c>
      <c r="DH34" s="259">
        <v>0</v>
      </c>
    </row>
    <row r="35" spans="2:112" ht="21" customHeight="1" x14ac:dyDescent="0.2">
      <c r="B35" s="437" t="s">
        <v>33</v>
      </c>
      <c r="C35" s="253">
        <v>0</v>
      </c>
      <c r="D35" s="257">
        <v>0</v>
      </c>
      <c r="E35" s="340">
        <v>0</v>
      </c>
      <c r="F35" s="256">
        <v>0</v>
      </c>
      <c r="G35" s="257">
        <v>16</v>
      </c>
      <c r="H35" s="257">
        <v>0</v>
      </c>
      <c r="I35" s="257">
        <v>0</v>
      </c>
      <c r="J35" s="257">
        <v>0</v>
      </c>
      <c r="K35" s="257">
        <v>0</v>
      </c>
      <c r="L35" s="258">
        <v>16</v>
      </c>
      <c r="M35" s="259">
        <v>16</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17</v>
      </c>
      <c r="AD35" s="257">
        <v>0</v>
      </c>
      <c r="AE35" s="257">
        <v>0</v>
      </c>
      <c r="AF35" s="257">
        <v>0</v>
      </c>
      <c r="AG35" s="257">
        <v>0</v>
      </c>
      <c r="AH35" s="254">
        <v>17</v>
      </c>
      <c r="AI35" s="259">
        <v>17</v>
      </c>
      <c r="AJ35" s="253">
        <v>33</v>
      </c>
      <c r="AK35" s="257">
        <v>12</v>
      </c>
      <c r="AL35" s="254">
        <v>45</v>
      </c>
      <c r="AM35" s="256">
        <v>0</v>
      </c>
      <c r="AN35" s="257">
        <v>0</v>
      </c>
      <c r="AO35" s="257">
        <v>0</v>
      </c>
      <c r="AP35" s="257">
        <v>0</v>
      </c>
      <c r="AQ35" s="257">
        <v>0</v>
      </c>
      <c r="AR35" s="257">
        <v>0</v>
      </c>
      <c r="AS35" s="254">
        <v>0</v>
      </c>
      <c r="AT35" s="259">
        <v>45</v>
      </c>
      <c r="AU35" s="253">
        <v>0</v>
      </c>
      <c r="AV35" s="257">
        <v>0</v>
      </c>
      <c r="AW35" s="254">
        <v>0</v>
      </c>
      <c r="AX35" s="256">
        <v>0</v>
      </c>
      <c r="AY35" s="257">
        <v>1</v>
      </c>
      <c r="AZ35" s="257">
        <v>0</v>
      </c>
      <c r="BA35" s="257">
        <v>0</v>
      </c>
      <c r="BB35" s="257">
        <v>0</v>
      </c>
      <c r="BC35" s="257">
        <v>0</v>
      </c>
      <c r="BD35" s="258">
        <v>1</v>
      </c>
      <c r="BE35" s="259">
        <v>1</v>
      </c>
      <c r="BF35" s="253">
        <v>0</v>
      </c>
      <c r="BG35" s="257">
        <v>0</v>
      </c>
      <c r="BH35" s="254">
        <v>0</v>
      </c>
      <c r="BI35" s="256">
        <v>0</v>
      </c>
      <c r="BJ35" s="257">
        <v>0</v>
      </c>
      <c r="BK35" s="257">
        <v>0</v>
      </c>
      <c r="BL35" s="257">
        <v>0</v>
      </c>
      <c r="BM35" s="257">
        <v>0</v>
      </c>
      <c r="BN35" s="257">
        <v>0</v>
      </c>
      <c r="BO35" s="254">
        <v>0</v>
      </c>
      <c r="BP35" s="259">
        <v>0</v>
      </c>
      <c r="BQ35" s="253">
        <v>0</v>
      </c>
      <c r="BR35" s="257">
        <v>0</v>
      </c>
      <c r="BS35" s="254">
        <v>0</v>
      </c>
      <c r="BT35" s="256">
        <v>0</v>
      </c>
      <c r="BU35" s="257">
        <v>4</v>
      </c>
      <c r="BV35" s="257">
        <v>0</v>
      </c>
      <c r="BW35" s="257">
        <v>0</v>
      </c>
      <c r="BX35" s="257">
        <v>0</v>
      </c>
      <c r="BY35" s="257">
        <v>0</v>
      </c>
      <c r="BZ35" s="254">
        <v>4</v>
      </c>
      <c r="CA35" s="259">
        <v>4</v>
      </c>
      <c r="CB35" s="253">
        <v>0</v>
      </c>
      <c r="CC35" s="257">
        <v>0</v>
      </c>
      <c r="CD35" s="254">
        <v>0</v>
      </c>
      <c r="CE35" s="256">
        <v>0</v>
      </c>
      <c r="CF35" s="257">
        <v>0</v>
      </c>
      <c r="CG35" s="257">
        <v>0</v>
      </c>
      <c r="CH35" s="257">
        <v>0</v>
      </c>
      <c r="CI35" s="257">
        <v>0</v>
      </c>
      <c r="CJ35" s="257">
        <v>0</v>
      </c>
      <c r="CK35" s="254">
        <v>0</v>
      </c>
      <c r="CL35" s="259">
        <v>0</v>
      </c>
      <c r="CM35" s="253">
        <v>0</v>
      </c>
      <c r="CN35" s="257">
        <v>0</v>
      </c>
      <c r="CO35" s="254">
        <v>0</v>
      </c>
      <c r="CP35" s="256">
        <v>0</v>
      </c>
      <c r="CQ35" s="257">
        <v>0</v>
      </c>
      <c r="CR35" s="257">
        <v>0</v>
      </c>
      <c r="CS35" s="257">
        <v>0</v>
      </c>
      <c r="CT35" s="257">
        <v>0</v>
      </c>
      <c r="CU35" s="257">
        <v>0</v>
      </c>
      <c r="CV35" s="254">
        <v>0</v>
      </c>
      <c r="CW35" s="259">
        <v>0</v>
      </c>
      <c r="CX35" s="253">
        <v>0</v>
      </c>
      <c r="CY35" s="257">
        <v>0</v>
      </c>
      <c r="CZ35" s="254">
        <v>0</v>
      </c>
      <c r="DA35" s="256">
        <v>0</v>
      </c>
      <c r="DB35" s="257">
        <v>0</v>
      </c>
      <c r="DC35" s="257">
        <v>0</v>
      </c>
      <c r="DD35" s="257">
        <v>0</v>
      </c>
      <c r="DE35" s="257">
        <v>0</v>
      </c>
      <c r="DF35" s="257">
        <v>0</v>
      </c>
      <c r="DG35" s="254">
        <v>0</v>
      </c>
      <c r="DH35" s="259">
        <v>0</v>
      </c>
    </row>
    <row r="36" spans="2:112" ht="21" customHeight="1" x14ac:dyDescent="0.2">
      <c r="B36" s="437" t="s">
        <v>34</v>
      </c>
      <c r="C36" s="253">
        <v>0</v>
      </c>
      <c r="D36" s="257">
        <v>0</v>
      </c>
      <c r="E36" s="340">
        <v>0</v>
      </c>
      <c r="F36" s="256">
        <v>0</v>
      </c>
      <c r="G36" s="257">
        <v>0</v>
      </c>
      <c r="H36" s="257">
        <v>4</v>
      </c>
      <c r="I36" s="257">
        <v>0</v>
      </c>
      <c r="J36" s="257">
        <v>0</v>
      </c>
      <c r="K36" s="257">
        <v>0</v>
      </c>
      <c r="L36" s="258">
        <v>4</v>
      </c>
      <c r="M36" s="259">
        <v>4</v>
      </c>
      <c r="N36" s="253">
        <v>0</v>
      </c>
      <c r="O36" s="257">
        <v>0</v>
      </c>
      <c r="P36" s="254">
        <v>0</v>
      </c>
      <c r="Q36" s="256">
        <v>0</v>
      </c>
      <c r="R36" s="257">
        <v>0</v>
      </c>
      <c r="S36" s="257">
        <v>0</v>
      </c>
      <c r="T36" s="257">
        <v>0</v>
      </c>
      <c r="U36" s="257">
        <v>0</v>
      </c>
      <c r="V36" s="257">
        <v>0</v>
      </c>
      <c r="W36" s="254">
        <v>0</v>
      </c>
      <c r="X36" s="259">
        <v>0</v>
      </c>
      <c r="Y36" s="253">
        <v>0</v>
      </c>
      <c r="Z36" s="257">
        <v>0</v>
      </c>
      <c r="AA36" s="254">
        <v>0</v>
      </c>
      <c r="AB36" s="256">
        <v>0</v>
      </c>
      <c r="AC36" s="257">
        <v>4</v>
      </c>
      <c r="AD36" s="257">
        <v>43</v>
      </c>
      <c r="AE36" s="257">
        <v>0</v>
      </c>
      <c r="AF36" s="257">
        <v>11</v>
      </c>
      <c r="AG36" s="257">
        <v>0</v>
      </c>
      <c r="AH36" s="254">
        <v>58</v>
      </c>
      <c r="AI36" s="259">
        <v>58</v>
      </c>
      <c r="AJ36" s="253">
        <v>0</v>
      </c>
      <c r="AK36" s="257">
        <v>0</v>
      </c>
      <c r="AL36" s="254">
        <v>0</v>
      </c>
      <c r="AM36" s="256">
        <v>0</v>
      </c>
      <c r="AN36" s="257">
        <v>0</v>
      </c>
      <c r="AO36" s="257">
        <v>0</v>
      </c>
      <c r="AP36" s="257">
        <v>0</v>
      </c>
      <c r="AQ36" s="257">
        <v>0</v>
      </c>
      <c r="AR36" s="257">
        <v>0</v>
      </c>
      <c r="AS36" s="254">
        <v>0</v>
      </c>
      <c r="AT36" s="259">
        <v>0</v>
      </c>
      <c r="AU36" s="253">
        <v>0</v>
      </c>
      <c r="AV36" s="257">
        <v>0</v>
      </c>
      <c r="AW36" s="254">
        <v>0</v>
      </c>
      <c r="AX36" s="256">
        <v>0</v>
      </c>
      <c r="AY36" s="257">
        <v>0</v>
      </c>
      <c r="AZ36" s="257">
        <v>19</v>
      </c>
      <c r="BA36" s="257">
        <v>0</v>
      </c>
      <c r="BB36" s="257">
        <v>0</v>
      </c>
      <c r="BC36" s="257">
        <v>0</v>
      </c>
      <c r="BD36" s="258">
        <v>19</v>
      </c>
      <c r="BE36" s="259">
        <v>19</v>
      </c>
      <c r="BF36" s="253">
        <v>0</v>
      </c>
      <c r="BG36" s="257">
        <v>0</v>
      </c>
      <c r="BH36" s="254">
        <v>0</v>
      </c>
      <c r="BI36" s="256">
        <v>0</v>
      </c>
      <c r="BJ36" s="257">
        <v>0</v>
      </c>
      <c r="BK36" s="257">
        <v>0</v>
      </c>
      <c r="BL36" s="257">
        <v>0</v>
      </c>
      <c r="BM36" s="257">
        <v>0</v>
      </c>
      <c r="BN36" s="257">
        <v>0</v>
      </c>
      <c r="BO36" s="254">
        <v>0</v>
      </c>
      <c r="BP36" s="259">
        <v>0</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0</v>
      </c>
      <c r="CR36" s="257">
        <v>0</v>
      </c>
      <c r="CS36" s="257">
        <v>0</v>
      </c>
      <c r="CT36" s="257">
        <v>0</v>
      </c>
      <c r="CU36" s="257">
        <v>0</v>
      </c>
      <c r="CV36" s="254">
        <v>0</v>
      </c>
      <c r="CW36" s="259">
        <v>0</v>
      </c>
      <c r="CX36" s="253">
        <v>0</v>
      </c>
      <c r="CY36" s="257">
        <v>0</v>
      </c>
      <c r="CZ36" s="254">
        <v>0</v>
      </c>
      <c r="DA36" s="256">
        <v>0</v>
      </c>
      <c r="DB36" s="257">
        <v>0</v>
      </c>
      <c r="DC36" s="257">
        <v>0</v>
      </c>
      <c r="DD36" s="257">
        <v>0</v>
      </c>
      <c r="DE36" s="257">
        <v>0</v>
      </c>
      <c r="DF36" s="257">
        <v>0</v>
      </c>
      <c r="DG36" s="254">
        <v>0</v>
      </c>
      <c r="DH36" s="259">
        <v>0</v>
      </c>
    </row>
    <row r="37" spans="2:112" ht="21" customHeight="1" x14ac:dyDescent="0.2">
      <c r="B37" s="437" t="s">
        <v>35</v>
      </c>
      <c r="C37" s="253">
        <v>0</v>
      </c>
      <c r="D37" s="257">
        <v>0</v>
      </c>
      <c r="E37" s="340">
        <v>0</v>
      </c>
      <c r="F37" s="256">
        <v>0</v>
      </c>
      <c r="G37" s="257">
        <v>43</v>
      </c>
      <c r="H37" s="257">
        <v>7</v>
      </c>
      <c r="I37" s="257">
        <v>69</v>
      </c>
      <c r="J37" s="257">
        <v>75</v>
      </c>
      <c r="K37" s="257">
        <v>0</v>
      </c>
      <c r="L37" s="258">
        <v>194</v>
      </c>
      <c r="M37" s="259">
        <v>194</v>
      </c>
      <c r="N37" s="253">
        <v>0</v>
      </c>
      <c r="O37" s="257">
        <v>0</v>
      </c>
      <c r="P37" s="254">
        <v>0</v>
      </c>
      <c r="Q37" s="256">
        <v>0</v>
      </c>
      <c r="R37" s="257">
        <v>0</v>
      </c>
      <c r="S37" s="257">
        <v>0</v>
      </c>
      <c r="T37" s="257">
        <v>0</v>
      </c>
      <c r="U37" s="257">
        <v>9</v>
      </c>
      <c r="V37" s="257">
        <v>0</v>
      </c>
      <c r="W37" s="254">
        <v>9</v>
      </c>
      <c r="X37" s="259">
        <v>9</v>
      </c>
      <c r="Y37" s="253">
        <v>0</v>
      </c>
      <c r="Z37" s="257">
        <v>0</v>
      </c>
      <c r="AA37" s="254">
        <v>0</v>
      </c>
      <c r="AB37" s="256">
        <v>0</v>
      </c>
      <c r="AC37" s="257">
        <v>4</v>
      </c>
      <c r="AD37" s="257">
        <v>0</v>
      </c>
      <c r="AE37" s="257">
        <v>0</v>
      </c>
      <c r="AF37" s="257">
        <v>0</v>
      </c>
      <c r="AG37" s="257">
        <v>0</v>
      </c>
      <c r="AH37" s="254">
        <v>4</v>
      </c>
      <c r="AI37" s="259">
        <v>4</v>
      </c>
      <c r="AJ37" s="253">
        <v>8</v>
      </c>
      <c r="AK37" s="257">
        <v>12</v>
      </c>
      <c r="AL37" s="254">
        <v>20</v>
      </c>
      <c r="AM37" s="256">
        <v>0</v>
      </c>
      <c r="AN37" s="257">
        <v>12</v>
      </c>
      <c r="AO37" s="257">
        <v>0</v>
      </c>
      <c r="AP37" s="257">
        <v>0</v>
      </c>
      <c r="AQ37" s="257">
        <v>0</v>
      </c>
      <c r="AR37" s="257">
        <v>0</v>
      </c>
      <c r="AS37" s="254">
        <v>12</v>
      </c>
      <c r="AT37" s="259">
        <v>32</v>
      </c>
      <c r="AU37" s="253">
        <v>0</v>
      </c>
      <c r="AV37" s="257">
        <v>0</v>
      </c>
      <c r="AW37" s="254">
        <v>0</v>
      </c>
      <c r="AX37" s="256">
        <v>0</v>
      </c>
      <c r="AY37" s="257">
        <v>26</v>
      </c>
      <c r="AZ37" s="257">
        <v>28</v>
      </c>
      <c r="BA37" s="257">
        <v>43</v>
      </c>
      <c r="BB37" s="257">
        <v>0</v>
      </c>
      <c r="BC37" s="257">
        <v>0</v>
      </c>
      <c r="BD37" s="258">
        <v>97</v>
      </c>
      <c r="BE37" s="259">
        <v>97</v>
      </c>
      <c r="BF37" s="253">
        <v>0</v>
      </c>
      <c r="BG37" s="257">
        <v>0</v>
      </c>
      <c r="BH37" s="254">
        <v>0</v>
      </c>
      <c r="BI37" s="256">
        <v>0</v>
      </c>
      <c r="BJ37" s="257">
        <v>21</v>
      </c>
      <c r="BK37" s="257">
        <v>0</v>
      </c>
      <c r="BL37" s="257">
        <v>8</v>
      </c>
      <c r="BM37" s="257">
        <v>12</v>
      </c>
      <c r="BN37" s="257">
        <v>0</v>
      </c>
      <c r="BO37" s="254">
        <v>41</v>
      </c>
      <c r="BP37" s="259">
        <v>41</v>
      </c>
      <c r="BQ37" s="253">
        <v>0</v>
      </c>
      <c r="BR37" s="257">
        <v>0</v>
      </c>
      <c r="BS37" s="254">
        <v>0</v>
      </c>
      <c r="BT37" s="256">
        <v>0</v>
      </c>
      <c r="BU37" s="257">
        <v>2</v>
      </c>
      <c r="BV37" s="257">
        <v>0</v>
      </c>
      <c r="BW37" s="257">
        <v>0</v>
      </c>
      <c r="BX37" s="257">
        <v>0</v>
      </c>
      <c r="BY37" s="257">
        <v>0</v>
      </c>
      <c r="BZ37" s="254">
        <v>2</v>
      </c>
      <c r="CA37" s="259">
        <v>2</v>
      </c>
      <c r="CB37" s="253">
        <v>0</v>
      </c>
      <c r="CC37" s="257">
        <v>0</v>
      </c>
      <c r="CD37" s="254">
        <v>0</v>
      </c>
      <c r="CE37" s="256">
        <v>0</v>
      </c>
      <c r="CF37" s="257">
        <v>0</v>
      </c>
      <c r="CG37" s="257">
        <v>0</v>
      </c>
      <c r="CH37" s="257">
        <v>0</v>
      </c>
      <c r="CI37" s="257">
        <v>0</v>
      </c>
      <c r="CJ37" s="257">
        <v>0</v>
      </c>
      <c r="CK37" s="254">
        <v>0</v>
      </c>
      <c r="CL37" s="259">
        <v>0</v>
      </c>
      <c r="CM37" s="253">
        <v>0</v>
      </c>
      <c r="CN37" s="257">
        <v>0</v>
      </c>
      <c r="CO37" s="254">
        <v>0</v>
      </c>
      <c r="CP37" s="256">
        <v>0</v>
      </c>
      <c r="CQ37" s="257">
        <v>0</v>
      </c>
      <c r="CR37" s="257">
        <v>0</v>
      </c>
      <c r="CS37" s="257">
        <v>0</v>
      </c>
      <c r="CT37" s="257">
        <v>0</v>
      </c>
      <c r="CU37" s="257">
        <v>0</v>
      </c>
      <c r="CV37" s="254">
        <v>0</v>
      </c>
      <c r="CW37" s="259">
        <v>0</v>
      </c>
      <c r="CX37" s="253">
        <v>0</v>
      </c>
      <c r="CY37" s="257">
        <v>0</v>
      </c>
      <c r="CZ37" s="254">
        <v>0</v>
      </c>
      <c r="DA37" s="256">
        <v>0</v>
      </c>
      <c r="DB37" s="257">
        <v>0</v>
      </c>
      <c r="DC37" s="257">
        <v>0</v>
      </c>
      <c r="DD37" s="257">
        <v>0</v>
      </c>
      <c r="DE37" s="257">
        <v>0</v>
      </c>
      <c r="DF37" s="257">
        <v>0</v>
      </c>
      <c r="DG37" s="254">
        <v>0</v>
      </c>
      <c r="DH37" s="259">
        <v>0</v>
      </c>
    </row>
    <row r="38" spans="2:112" ht="21" customHeight="1" x14ac:dyDescent="0.2">
      <c r="B38" s="437" t="s">
        <v>36</v>
      </c>
      <c r="C38" s="253">
        <v>0</v>
      </c>
      <c r="D38" s="257">
        <v>0</v>
      </c>
      <c r="E38" s="340">
        <v>0</v>
      </c>
      <c r="F38" s="256">
        <v>0</v>
      </c>
      <c r="G38" s="257">
        <v>13</v>
      </c>
      <c r="H38" s="257">
        <v>0</v>
      </c>
      <c r="I38" s="257">
        <v>8</v>
      </c>
      <c r="J38" s="257">
        <v>0</v>
      </c>
      <c r="K38" s="257">
        <v>201</v>
      </c>
      <c r="L38" s="258">
        <v>222</v>
      </c>
      <c r="M38" s="259">
        <v>222</v>
      </c>
      <c r="N38" s="253">
        <v>0</v>
      </c>
      <c r="O38" s="257">
        <v>0</v>
      </c>
      <c r="P38" s="254">
        <v>0</v>
      </c>
      <c r="Q38" s="256">
        <v>0</v>
      </c>
      <c r="R38" s="257">
        <v>0</v>
      </c>
      <c r="S38" s="257">
        <v>0</v>
      </c>
      <c r="T38" s="257">
        <v>0</v>
      </c>
      <c r="U38" s="257">
        <v>4</v>
      </c>
      <c r="V38" s="257">
        <v>0</v>
      </c>
      <c r="W38" s="254">
        <v>4</v>
      </c>
      <c r="X38" s="259">
        <v>4</v>
      </c>
      <c r="Y38" s="253">
        <v>8</v>
      </c>
      <c r="Z38" s="257">
        <v>0</v>
      </c>
      <c r="AA38" s="254">
        <v>8</v>
      </c>
      <c r="AB38" s="256">
        <v>0</v>
      </c>
      <c r="AC38" s="257">
        <v>8</v>
      </c>
      <c r="AD38" s="257">
        <v>0</v>
      </c>
      <c r="AE38" s="257">
        <v>13</v>
      </c>
      <c r="AF38" s="257">
        <v>14</v>
      </c>
      <c r="AG38" s="257">
        <v>0</v>
      </c>
      <c r="AH38" s="254">
        <v>35</v>
      </c>
      <c r="AI38" s="259">
        <v>43</v>
      </c>
      <c r="AJ38" s="253">
        <v>0</v>
      </c>
      <c r="AK38" s="257">
        <v>16</v>
      </c>
      <c r="AL38" s="254">
        <v>16</v>
      </c>
      <c r="AM38" s="256">
        <v>0</v>
      </c>
      <c r="AN38" s="257">
        <v>0</v>
      </c>
      <c r="AO38" s="257">
        <v>6</v>
      </c>
      <c r="AP38" s="257">
        <v>8</v>
      </c>
      <c r="AQ38" s="257">
        <v>8</v>
      </c>
      <c r="AR38" s="257">
        <v>0</v>
      </c>
      <c r="AS38" s="254">
        <v>22</v>
      </c>
      <c r="AT38" s="259">
        <v>38</v>
      </c>
      <c r="AU38" s="253">
        <v>0</v>
      </c>
      <c r="AV38" s="257">
        <v>0</v>
      </c>
      <c r="AW38" s="254">
        <v>0</v>
      </c>
      <c r="AX38" s="256">
        <v>0</v>
      </c>
      <c r="AY38" s="257">
        <v>13</v>
      </c>
      <c r="AZ38" s="257">
        <v>10</v>
      </c>
      <c r="BA38" s="257">
        <v>0</v>
      </c>
      <c r="BB38" s="257">
        <v>0</v>
      </c>
      <c r="BC38" s="257">
        <v>0</v>
      </c>
      <c r="BD38" s="258">
        <v>23</v>
      </c>
      <c r="BE38" s="259">
        <v>23</v>
      </c>
      <c r="BF38" s="253">
        <v>0</v>
      </c>
      <c r="BG38" s="257">
        <v>0</v>
      </c>
      <c r="BH38" s="254">
        <v>0</v>
      </c>
      <c r="BI38" s="256">
        <v>0</v>
      </c>
      <c r="BJ38" s="257">
        <v>0</v>
      </c>
      <c r="BK38" s="257">
        <v>0</v>
      </c>
      <c r="BL38" s="257">
        <v>0</v>
      </c>
      <c r="BM38" s="257">
        <v>7</v>
      </c>
      <c r="BN38" s="257">
        <v>0</v>
      </c>
      <c r="BO38" s="254">
        <v>7</v>
      </c>
      <c r="BP38" s="259">
        <v>7</v>
      </c>
      <c r="BQ38" s="253">
        <v>0</v>
      </c>
      <c r="BR38" s="257">
        <v>0</v>
      </c>
      <c r="BS38" s="254">
        <v>0</v>
      </c>
      <c r="BT38" s="256">
        <v>0</v>
      </c>
      <c r="BU38" s="257">
        <v>0</v>
      </c>
      <c r="BV38" s="257">
        <v>2</v>
      </c>
      <c r="BW38" s="257">
        <v>0</v>
      </c>
      <c r="BX38" s="257">
        <v>30</v>
      </c>
      <c r="BY38" s="257">
        <v>0</v>
      </c>
      <c r="BZ38" s="254">
        <v>32</v>
      </c>
      <c r="CA38" s="259">
        <v>32</v>
      </c>
      <c r="CB38" s="253">
        <v>0</v>
      </c>
      <c r="CC38" s="257">
        <v>0</v>
      </c>
      <c r="CD38" s="254">
        <v>0</v>
      </c>
      <c r="CE38" s="256">
        <v>0</v>
      </c>
      <c r="CF38" s="257">
        <v>0</v>
      </c>
      <c r="CG38" s="257">
        <v>0</v>
      </c>
      <c r="CH38" s="257">
        <v>0</v>
      </c>
      <c r="CI38" s="257">
        <v>0</v>
      </c>
      <c r="CJ38" s="257">
        <v>0</v>
      </c>
      <c r="CK38" s="254">
        <v>0</v>
      </c>
      <c r="CL38" s="259">
        <v>0</v>
      </c>
      <c r="CM38" s="253">
        <v>0</v>
      </c>
      <c r="CN38" s="257">
        <v>0</v>
      </c>
      <c r="CO38" s="254">
        <v>0</v>
      </c>
      <c r="CP38" s="256">
        <v>0</v>
      </c>
      <c r="CQ38" s="257">
        <v>0</v>
      </c>
      <c r="CR38" s="257">
        <v>0</v>
      </c>
      <c r="CS38" s="257">
        <v>0</v>
      </c>
      <c r="CT38" s="257">
        <v>0</v>
      </c>
      <c r="CU38" s="257">
        <v>0</v>
      </c>
      <c r="CV38" s="254">
        <v>0</v>
      </c>
      <c r="CW38" s="259">
        <v>0</v>
      </c>
      <c r="CX38" s="253">
        <v>0</v>
      </c>
      <c r="CY38" s="257">
        <v>0</v>
      </c>
      <c r="CZ38" s="254">
        <v>0</v>
      </c>
      <c r="DA38" s="256">
        <v>0</v>
      </c>
      <c r="DB38" s="257">
        <v>0</v>
      </c>
      <c r="DC38" s="257">
        <v>0</v>
      </c>
      <c r="DD38" s="257">
        <v>0</v>
      </c>
      <c r="DE38" s="257">
        <v>0</v>
      </c>
      <c r="DF38" s="257">
        <v>0</v>
      </c>
      <c r="DG38" s="254">
        <v>0</v>
      </c>
      <c r="DH38" s="259">
        <v>0</v>
      </c>
    </row>
    <row r="39" spans="2:112" ht="21" customHeight="1" thickBot="1" x14ac:dyDescent="0.25">
      <c r="B39" s="438" t="s">
        <v>37</v>
      </c>
      <c r="C39" s="260">
        <v>0</v>
      </c>
      <c r="D39" s="264">
        <v>0</v>
      </c>
      <c r="E39" s="341">
        <v>0</v>
      </c>
      <c r="F39" s="263">
        <v>0</v>
      </c>
      <c r="G39" s="264">
        <v>0</v>
      </c>
      <c r="H39" s="264">
        <v>0</v>
      </c>
      <c r="I39" s="264">
        <v>0</v>
      </c>
      <c r="J39" s="264">
        <v>0</v>
      </c>
      <c r="K39" s="264">
        <v>0</v>
      </c>
      <c r="L39" s="265">
        <v>0</v>
      </c>
      <c r="M39" s="266">
        <v>0</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0</v>
      </c>
      <c r="AG39" s="264">
        <v>0</v>
      </c>
      <c r="AH39" s="261">
        <v>0</v>
      </c>
      <c r="AI39" s="266">
        <v>0</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13</v>
      </c>
      <c r="BA39" s="264">
        <v>0</v>
      </c>
      <c r="BB39" s="264">
        <v>0</v>
      </c>
      <c r="BC39" s="264">
        <v>0</v>
      </c>
      <c r="BD39" s="265">
        <v>13</v>
      </c>
      <c r="BE39" s="266">
        <v>13</v>
      </c>
      <c r="BF39" s="260">
        <v>0</v>
      </c>
      <c r="BG39" s="264">
        <v>0</v>
      </c>
      <c r="BH39" s="261">
        <v>0</v>
      </c>
      <c r="BI39" s="263">
        <v>0</v>
      </c>
      <c r="BJ39" s="264">
        <v>3</v>
      </c>
      <c r="BK39" s="264">
        <v>0</v>
      </c>
      <c r="BL39" s="264">
        <v>4</v>
      </c>
      <c r="BM39" s="264">
        <v>0</v>
      </c>
      <c r="BN39" s="264">
        <v>0</v>
      </c>
      <c r="BO39" s="261">
        <v>7</v>
      </c>
      <c r="BP39" s="266">
        <v>7</v>
      </c>
      <c r="BQ39" s="260">
        <v>0</v>
      </c>
      <c r="BR39" s="264">
        <v>0</v>
      </c>
      <c r="BS39" s="261">
        <v>0</v>
      </c>
      <c r="BT39" s="263">
        <v>0</v>
      </c>
      <c r="BU39" s="264">
        <v>0</v>
      </c>
      <c r="BV39" s="264">
        <v>0</v>
      </c>
      <c r="BW39" s="264">
        <v>0</v>
      </c>
      <c r="BX39" s="264">
        <v>0</v>
      </c>
      <c r="BY39" s="264">
        <v>0</v>
      </c>
      <c r="BZ39" s="261">
        <v>0</v>
      </c>
      <c r="CA39" s="266">
        <v>0</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0</v>
      </c>
      <c r="CV39" s="261">
        <v>0</v>
      </c>
      <c r="CW39" s="266">
        <v>0</v>
      </c>
      <c r="CX39" s="260">
        <v>0</v>
      </c>
      <c r="CY39" s="264">
        <v>0</v>
      </c>
      <c r="CZ39" s="261">
        <v>0</v>
      </c>
      <c r="DA39" s="263">
        <v>0</v>
      </c>
      <c r="DB39" s="264">
        <v>0</v>
      </c>
      <c r="DC39" s="264">
        <v>0</v>
      </c>
      <c r="DD39" s="264">
        <v>0</v>
      </c>
      <c r="DE39" s="264">
        <v>0</v>
      </c>
      <c r="DF39" s="264">
        <v>0</v>
      </c>
      <c r="DG39" s="261">
        <v>0</v>
      </c>
      <c r="DH39" s="266">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5" width="9" style="238"/>
    <col min="6" max="6" width="7.77734375" style="238" customWidth="1"/>
    <col min="7" max="7" width="9" style="238"/>
    <col min="8" max="8" width="10.6640625" style="238" customWidth="1"/>
    <col min="9" max="16" width="9" style="238"/>
    <col min="17" max="17" width="7.88671875" style="238" customWidth="1"/>
    <col min="18" max="27" width="9" style="238"/>
    <col min="28" max="28" width="7.77734375" style="238" customWidth="1"/>
    <col min="29" max="38" width="9" style="238"/>
    <col min="39" max="39" width="7.5546875" style="238" customWidth="1"/>
    <col min="40" max="49" width="9" style="238"/>
    <col min="50" max="50" width="7.77734375" style="238" customWidth="1"/>
    <col min="51" max="60" width="9" style="238"/>
    <col min="61" max="61" width="7.44140625" style="238" customWidth="1"/>
    <col min="62" max="71" width="9" style="238"/>
    <col min="72" max="72" width="7.33203125" style="238" customWidth="1"/>
    <col min="73" max="82" width="9" style="238"/>
    <col min="83" max="83" width="7.44140625" style="238" customWidth="1"/>
    <col min="84" max="93" width="9" style="238"/>
    <col min="94" max="94" width="7.6640625" style="238" customWidth="1"/>
    <col min="95" max="16384" width="9" style="238"/>
  </cols>
  <sheetData>
    <row r="1" spans="2:112" ht="24" customHeight="1" x14ac:dyDescent="0.2">
      <c r="B1" s="267" t="s">
        <v>122</v>
      </c>
      <c r="J1" s="495">
        <f>第１表!F2</f>
        <v>6</v>
      </c>
      <c r="K1" s="495"/>
      <c r="L1" s="231">
        <f>第１表!G2</f>
        <v>2</v>
      </c>
      <c r="M1" s="499">
        <f>IF(L1&lt;3,L1+12-2,L1-2)</f>
        <v>12</v>
      </c>
      <c r="N1" s="499"/>
    </row>
    <row r="2" spans="2:112" ht="24" customHeight="1" thickBot="1" x14ac:dyDescent="0.25">
      <c r="B2" s="267" t="s">
        <v>152</v>
      </c>
    </row>
    <row r="3" spans="2:112" ht="21" customHeight="1" thickBot="1" x14ac:dyDescent="0.25">
      <c r="B3" s="519"/>
      <c r="C3" s="522" t="s">
        <v>112</v>
      </c>
      <c r="D3" s="522"/>
      <c r="E3" s="522"/>
      <c r="F3" s="522"/>
      <c r="G3" s="522"/>
      <c r="H3" s="522"/>
      <c r="I3" s="522"/>
      <c r="J3" s="522"/>
      <c r="K3" s="522"/>
      <c r="L3" s="522"/>
      <c r="M3" s="523"/>
      <c r="N3" s="517" t="s">
        <v>111</v>
      </c>
      <c r="O3" s="517"/>
      <c r="P3" s="517"/>
      <c r="Q3" s="517"/>
      <c r="R3" s="517"/>
      <c r="S3" s="517"/>
      <c r="T3" s="517"/>
      <c r="U3" s="517"/>
      <c r="V3" s="517"/>
      <c r="W3" s="517"/>
      <c r="X3" s="518"/>
      <c r="Y3" s="516" t="s">
        <v>110</v>
      </c>
      <c r="Z3" s="517"/>
      <c r="AA3" s="517"/>
      <c r="AB3" s="517"/>
      <c r="AC3" s="517"/>
      <c r="AD3" s="517"/>
      <c r="AE3" s="517"/>
      <c r="AF3" s="517"/>
      <c r="AG3" s="517"/>
      <c r="AH3" s="517"/>
      <c r="AI3" s="518"/>
      <c r="AJ3" s="516" t="s">
        <v>109</v>
      </c>
      <c r="AK3" s="517"/>
      <c r="AL3" s="517"/>
      <c r="AM3" s="517"/>
      <c r="AN3" s="517"/>
      <c r="AO3" s="517"/>
      <c r="AP3" s="517"/>
      <c r="AQ3" s="517"/>
      <c r="AR3" s="517"/>
      <c r="AS3" s="517"/>
      <c r="AT3" s="518"/>
      <c r="AU3" s="516" t="s">
        <v>108</v>
      </c>
      <c r="AV3" s="517"/>
      <c r="AW3" s="517"/>
      <c r="AX3" s="517"/>
      <c r="AY3" s="517"/>
      <c r="AZ3" s="517"/>
      <c r="BA3" s="517"/>
      <c r="BB3" s="517"/>
      <c r="BC3" s="517"/>
      <c r="BD3" s="517"/>
      <c r="BE3" s="518"/>
      <c r="BF3" s="516" t="s">
        <v>107</v>
      </c>
      <c r="BG3" s="517"/>
      <c r="BH3" s="517"/>
      <c r="BI3" s="517"/>
      <c r="BJ3" s="517"/>
      <c r="BK3" s="517"/>
      <c r="BL3" s="517"/>
      <c r="BM3" s="517"/>
      <c r="BN3" s="517"/>
      <c r="BO3" s="517"/>
      <c r="BP3" s="518"/>
      <c r="BQ3" s="516" t="s">
        <v>106</v>
      </c>
      <c r="BR3" s="517"/>
      <c r="BS3" s="517"/>
      <c r="BT3" s="517"/>
      <c r="BU3" s="517"/>
      <c r="BV3" s="517"/>
      <c r="BW3" s="517"/>
      <c r="BX3" s="517"/>
      <c r="BY3" s="517"/>
      <c r="BZ3" s="517"/>
      <c r="CA3" s="518"/>
      <c r="CB3" s="516" t="s">
        <v>126</v>
      </c>
      <c r="CC3" s="517"/>
      <c r="CD3" s="517"/>
      <c r="CE3" s="517"/>
      <c r="CF3" s="517"/>
      <c r="CG3" s="517"/>
      <c r="CH3" s="517"/>
      <c r="CI3" s="517"/>
      <c r="CJ3" s="517"/>
      <c r="CK3" s="517"/>
      <c r="CL3" s="518"/>
      <c r="CM3" s="516" t="s">
        <v>159</v>
      </c>
      <c r="CN3" s="517"/>
      <c r="CO3" s="517"/>
      <c r="CP3" s="517"/>
      <c r="CQ3" s="517"/>
      <c r="CR3" s="517"/>
      <c r="CS3" s="517"/>
      <c r="CT3" s="517"/>
      <c r="CU3" s="517"/>
      <c r="CV3" s="517"/>
      <c r="CW3" s="518"/>
      <c r="CX3" s="516" t="s">
        <v>155</v>
      </c>
      <c r="CY3" s="517"/>
      <c r="CZ3" s="517"/>
      <c r="DA3" s="517"/>
      <c r="DB3" s="517"/>
      <c r="DC3" s="517"/>
      <c r="DD3" s="517"/>
      <c r="DE3" s="517"/>
      <c r="DF3" s="517"/>
      <c r="DG3" s="517"/>
      <c r="DH3" s="518"/>
    </row>
    <row r="4" spans="2:112" ht="21" customHeight="1" x14ac:dyDescent="0.2">
      <c r="B4" s="520"/>
      <c r="C4" s="524" t="s">
        <v>61</v>
      </c>
      <c r="D4" s="507"/>
      <c r="E4" s="508"/>
      <c r="F4" s="506" t="s">
        <v>62</v>
      </c>
      <c r="G4" s="507"/>
      <c r="H4" s="507"/>
      <c r="I4" s="507"/>
      <c r="J4" s="507"/>
      <c r="K4" s="507"/>
      <c r="L4" s="515"/>
      <c r="M4" s="509" t="s">
        <v>52</v>
      </c>
      <c r="N4" s="524" t="s">
        <v>61</v>
      </c>
      <c r="O4" s="507"/>
      <c r="P4" s="508"/>
      <c r="Q4" s="506" t="s">
        <v>62</v>
      </c>
      <c r="R4" s="507"/>
      <c r="S4" s="507"/>
      <c r="T4" s="507"/>
      <c r="U4" s="507"/>
      <c r="V4" s="507"/>
      <c r="W4" s="508"/>
      <c r="X4" s="509" t="s">
        <v>52</v>
      </c>
      <c r="Y4" s="511" t="s">
        <v>61</v>
      </c>
      <c r="Z4" s="507"/>
      <c r="AA4" s="515"/>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15"/>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row>
    <row r="5" spans="2:112" ht="30" customHeight="1" thickBot="1" x14ac:dyDescent="0.25">
      <c r="B5" s="521"/>
      <c r="C5" s="241" t="s">
        <v>43</v>
      </c>
      <c r="D5" s="242" t="s">
        <v>44</v>
      </c>
      <c r="E5" s="243" t="s">
        <v>45</v>
      </c>
      <c r="F5" s="244" t="s">
        <v>83</v>
      </c>
      <c r="G5" s="239" t="s">
        <v>47</v>
      </c>
      <c r="H5" s="239" t="s">
        <v>48</v>
      </c>
      <c r="I5" s="239" t="s">
        <v>49</v>
      </c>
      <c r="J5" s="239" t="s">
        <v>50</v>
      </c>
      <c r="K5" s="239" t="s">
        <v>51</v>
      </c>
      <c r="L5" s="245" t="s">
        <v>45</v>
      </c>
      <c r="M5" s="510"/>
      <c r="N5" s="241" t="s">
        <v>43</v>
      </c>
      <c r="O5" s="239" t="s">
        <v>44</v>
      </c>
      <c r="P5" s="242" t="s">
        <v>45</v>
      </c>
      <c r="Q5" s="244" t="s">
        <v>83</v>
      </c>
      <c r="R5" s="239" t="s">
        <v>47</v>
      </c>
      <c r="S5" s="239" t="s">
        <v>48</v>
      </c>
      <c r="T5" s="239" t="s">
        <v>49</v>
      </c>
      <c r="U5" s="239" t="s">
        <v>50</v>
      </c>
      <c r="V5" s="239" t="s">
        <v>51</v>
      </c>
      <c r="W5" s="242" t="s">
        <v>45</v>
      </c>
      <c r="X5" s="510"/>
      <c r="Y5" s="309" t="s">
        <v>43</v>
      </c>
      <c r="Z5" s="239" t="s">
        <v>44</v>
      </c>
      <c r="AA5" s="245" t="s">
        <v>45</v>
      </c>
      <c r="AB5" s="244" t="s">
        <v>83</v>
      </c>
      <c r="AC5" s="239" t="s">
        <v>47</v>
      </c>
      <c r="AD5" s="239" t="s">
        <v>48</v>
      </c>
      <c r="AE5" s="239" t="s">
        <v>49</v>
      </c>
      <c r="AF5" s="239" t="s">
        <v>50</v>
      </c>
      <c r="AG5" s="239" t="s">
        <v>51</v>
      </c>
      <c r="AH5" s="242" t="s">
        <v>45</v>
      </c>
      <c r="AI5" s="510"/>
      <c r="AJ5" s="309" t="s">
        <v>43</v>
      </c>
      <c r="AK5" s="239" t="s">
        <v>44</v>
      </c>
      <c r="AL5" s="242" t="s">
        <v>45</v>
      </c>
      <c r="AM5" s="244" t="s">
        <v>83</v>
      </c>
      <c r="AN5" s="239" t="s">
        <v>47</v>
      </c>
      <c r="AO5" s="239" t="s">
        <v>48</v>
      </c>
      <c r="AP5" s="239" t="s">
        <v>49</v>
      </c>
      <c r="AQ5" s="239" t="s">
        <v>50</v>
      </c>
      <c r="AR5" s="239" t="s">
        <v>51</v>
      </c>
      <c r="AS5" s="242" t="s">
        <v>45</v>
      </c>
      <c r="AT5" s="510"/>
      <c r="AU5" s="309" t="s">
        <v>43</v>
      </c>
      <c r="AV5" s="239" t="s">
        <v>44</v>
      </c>
      <c r="AW5" s="245" t="s">
        <v>45</v>
      </c>
      <c r="AX5" s="244" t="s">
        <v>83</v>
      </c>
      <c r="AY5" s="239" t="s">
        <v>47</v>
      </c>
      <c r="AZ5" s="239" t="s">
        <v>48</v>
      </c>
      <c r="BA5" s="239" t="s">
        <v>49</v>
      </c>
      <c r="BB5" s="239" t="s">
        <v>50</v>
      </c>
      <c r="BC5" s="239" t="s">
        <v>51</v>
      </c>
      <c r="BD5" s="245" t="s">
        <v>45</v>
      </c>
      <c r="BE5" s="510"/>
      <c r="BF5" s="309" t="s">
        <v>43</v>
      </c>
      <c r="BG5" s="239" t="s">
        <v>44</v>
      </c>
      <c r="BH5" s="242" t="s">
        <v>45</v>
      </c>
      <c r="BI5" s="244" t="s">
        <v>83</v>
      </c>
      <c r="BJ5" s="239" t="s">
        <v>47</v>
      </c>
      <c r="BK5" s="239" t="s">
        <v>48</v>
      </c>
      <c r="BL5" s="239" t="s">
        <v>49</v>
      </c>
      <c r="BM5" s="239" t="s">
        <v>50</v>
      </c>
      <c r="BN5" s="239" t="s">
        <v>51</v>
      </c>
      <c r="BO5" s="242" t="s">
        <v>45</v>
      </c>
      <c r="BP5" s="510"/>
      <c r="BQ5" s="309" t="s">
        <v>43</v>
      </c>
      <c r="BR5" s="239" t="s">
        <v>44</v>
      </c>
      <c r="BS5" s="242" t="s">
        <v>45</v>
      </c>
      <c r="BT5" s="244" t="s">
        <v>83</v>
      </c>
      <c r="BU5" s="239" t="s">
        <v>47</v>
      </c>
      <c r="BV5" s="239" t="s">
        <v>48</v>
      </c>
      <c r="BW5" s="239" t="s">
        <v>49</v>
      </c>
      <c r="BX5" s="239" t="s">
        <v>50</v>
      </c>
      <c r="BY5" s="239" t="s">
        <v>51</v>
      </c>
      <c r="BZ5" s="242" t="s">
        <v>45</v>
      </c>
      <c r="CA5" s="510"/>
      <c r="CB5" s="309" t="s">
        <v>43</v>
      </c>
      <c r="CC5" s="239" t="s">
        <v>44</v>
      </c>
      <c r="CD5" s="242" t="s">
        <v>45</v>
      </c>
      <c r="CE5" s="244" t="s">
        <v>83</v>
      </c>
      <c r="CF5" s="239" t="s">
        <v>47</v>
      </c>
      <c r="CG5" s="239" t="s">
        <v>48</v>
      </c>
      <c r="CH5" s="239" t="s">
        <v>49</v>
      </c>
      <c r="CI5" s="239" t="s">
        <v>50</v>
      </c>
      <c r="CJ5" s="239" t="s">
        <v>51</v>
      </c>
      <c r="CK5" s="242" t="s">
        <v>45</v>
      </c>
      <c r="CL5" s="510"/>
      <c r="CM5" s="321" t="s">
        <v>43</v>
      </c>
      <c r="CN5" s="239" t="s">
        <v>44</v>
      </c>
      <c r="CO5" s="242" t="s">
        <v>45</v>
      </c>
      <c r="CP5" s="244" t="s">
        <v>83</v>
      </c>
      <c r="CQ5" s="239" t="s">
        <v>47</v>
      </c>
      <c r="CR5" s="239" t="s">
        <v>48</v>
      </c>
      <c r="CS5" s="239" t="s">
        <v>49</v>
      </c>
      <c r="CT5" s="239" t="s">
        <v>50</v>
      </c>
      <c r="CU5" s="239" t="s">
        <v>51</v>
      </c>
      <c r="CV5" s="242" t="s">
        <v>45</v>
      </c>
      <c r="CW5" s="510"/>
      <c r="CX5" s="321" t="s">
        <v>43</v>
      </c>
      <c r="CY5" s="239" t="s">
        <v>44</v>
      </c>
      <c r="CZ5" s="242" t="s">
        <v>45</v>
      </c>
      <c r="DA5" s="244" t="s">
        <v>83</v>
      </c>
      <c r="DB5" s="239" t="s">
        <v>47</v>
      </c>
      <c r="DC5" s="239" t="s">
        <v>48</v>
      </c>
      <c r="DD5" s="239" t="s">
        <v>49</v>
      </c>
      <c r="DE5" s="239" t="s">
        <v>50</v>
      </c>
      <c r="DF5" s="239" t="s">
        <v>51</v>
      </c>
      <c r="DG5" s="242" t="s">
        <v>45</v>
      </c>
      <c r="DH5" s="510"/>
    </row>
    <row r="6" spans="2:112" ht="21" customHeight="1" x14ac:dyDescent="0.2">
      <c r="B6" s="435" t="s">
        <v>4</v>
      </c>
      <c r="C6" s="246">
        <v>0</v>
      </c>
      <c r="D6" s="247">
        <v>4</v>
      </c>
      <c r="E6" s="248">
        <v>4</v>
      </c>
      <c r="F6" s="249">
        <v>0</v>
      </c>
      <c r="G6" s="250">
        <v>12760</v>
      </c>
      <c r="H6" s="250">
        <v>19092</v>
      </c>
      <c r="I6" s="250">
        <v>19778</v>
      </c>
      <c r="J6" s="250">
        <v>26058</v>
      </c>
      <c r="K6" s="250">
        <v>22063</v>
      </c>
      <c r="L6" s="251">
        <v>99751</v>
      </c>
      <c r="M6" s="252">
        <v>99755</v>
      </c>
      <c r="N6" s="246">
        <v>0</v>
      </c>
      <c r="O6" s="250">
        <v>9</v>
      </c>
      <c r="P6" s="247">
        <v>9</v>
      </c>
      <c r="Q6" s="249">
        <v>0</v>
      </c>
      <c r="R6" s="250">
        <v>49</v>
      </c>
      <c r="S6" s="250">
        <v>131</v>
      </c>
      <c r="T6" s="250">
        <v>246</v>
      </c>
      <c r="U6" s="250">
        <v>693</v>
      </c>
      <c r="V6" s="250">
        <v>1174</v>
      </c>
      <c r="W6" s="247">
        <v>2293</v>
      </c>
      <c r="X6" s="252">
        <v>2302</v>
      </c>
      <c r="Y6" s="246">
        <v>1332</v>
      </c>
      <c r="Z6" s="250">
        <v>3646</v>
      </c>
      <c r="AA6" s="247">
        <v>4978</v>
      </c>
      <c r="AB6" s="249">
        <v>0</v>
      </c>
      <c r="AC6" s="250">
        <v>9661</v>
      </c>
      <c r="AD6" s="250">
        <v>14644</v>
      </c>
      <c r="AE6" s="250">
        <v>8753</v>
      </c>
      <c r="AF6" s="250">
        <v>7436</v>
      </c>
      <c r="AG6" s="250">
        <v>5166</v>
      </c>
      <c r="AH6" s="247">
        <v>45660</v>
      </c>
      <c r="AI6" s="252">
        <v>50638</v>
      </c>
      <c r="AJ6" s="246">
        <v>239</v>
      </c>
      <c r="AK6" s="250">
        <v>792</v>
      </c>
      <c r="AL6" s="247">
        <v>1031</v>
      </c>
      <c r="AM6" s="249">
        <v>0</v>
      </c>
      <c r="AN6" s="250">
        <v>1042</v>
      </c>
      <c r="AO6" s="250">
        <v>1944</v>
      </c>
      <c r="AP6" s="250">
        <v>1048</v>
      </c>
      <c r="AQ6" s="250">
        <v>1138</v>
      </c>
      <c r="AR6" s="250">
        <v>575</v>
      </c>
      <c r="AS6" s="247">
        <v>5747</v>
      </c>
      <c r="AT6" s="252">
        <v>6778</v>
      </c>
      <c r="AU6" s="246">
        <v>0</v>
      </c>
      <c r="AV6" s="250">
        <v>3</v>
      </c>
      <c r="AW6" s="247">
        <v>3</v>
      </c>
      <c r="AX6" s="249">
        <v>0</v>
      </c>
      <c r="AY6" s="250">
        <v>10386</v>
      </c>
      <c r="AZ6" s="250">
        <v>10455</v>
      </c>
      <c r="BA6" s="250">
        <v>5630</v>
      </c>
      <c r="BB6" s="250">
        <v>3268</v>
      </c>
      <c r="BC6" s="250">
        <v>1329</v>
      </c>
      <c r="BD6" s="251">
        <v>31068</v>
      </c>
      <c r="BE6" s="252">
        <v>31071</v>
      </c>
      <c r="BF6" s="246">
        <v>0</v>
      </c>
      <c r="BG6" s="250">
        <v>0</v>
      </c>
      <c r="BH6" s="247">
        <v>0</v>
      </c>
      <c r="BI6" s="249">
        <v>0</v>
      </c>
      <c r="BJ6" s="250">
        <v>2519</v>
      </c>
      <c r="BK6" s="250">
        <v>3575</v>
      </c>
      <c r="BL6" s="250">
        <v>2200</v>
      </c>
      <c r="BM6" s="250">
        <v>1222</v>
      </c>
      <c r="BN6" s="250">
        <v>560</v>
      </c>
      <c r="BO6" s="247">
        <v>10076</v>
      </c>
      <c r="BP6" s="252">
        <v>10076</v>
      </c>
      <c r="BQ6" s="246">
        <v>13</v>
      </c>
      <c r="BR6" s="250">
        <v>107</v>
      </c>
      <c r="BS6" s="247">
        <v>120</v>
      </c>
      <c r="BT6" s="249">
        <v>0</v>
      </c>
      <c r="BU6" s="250">
        <v>1111</v>
      </c>
      <c r="BV6" s="250">
        <v>2049</v>
      </c>
      <c r="BW6" s="250">
        <v>2712</v>
      </c>
      <c r="BX6" s="250">
        <v>2060</v>
      </c>
      <c r="BY6" s="250">
        <v>1148</v>
      </c>
      <c r="BZ6" s="247">
        <v>9080</v>
      </c>
      <c r="CA6" s="252">
        <v>9200</v>
      </c>
      <c r="CB6" s="246">
        <v>3</v>
      </c>
      <c r="CC6" s="250">
        <v>22</v>
      </c>
      <c r="CD6" s="247">
        <v>25</v>
      </c>
      <c r="CE6" s="249">
        <v>0</v>
      </c>
      <c r="CF6" s="250">
        <v>150</v>
      </c>
      <c r="CG6" s="250">
        <v>396</v>
      </c>
      <c r="CH6" s="250">
        <v>375</v>
      </c>
      <c r="CI6" s="250">
        <v>352</v>
      </c>
      <c r="CJ6" s="250">
        <v>232</v>
      </c>
      <c r="CK6" s="247">
        <v>1505</v>
      </c>
      <c r="CL6" s="252">
        <v>1530</v>
      </c>
      <c r="CM6" s="246">
        <v>0</v>
      </c>
      <c r="CN6" s="250">
        <v>0</v>
      </c>
      <c r="CO6" s="247">
        <v>0</v>
      </c>
      <c r="CP6" s="249">
        <v>0</v>
      </c>
      <c r="CQ6" s="250">
        <v>0</v>
      </c>
      <c r="CR6" s="250">
        <v>0</v>
      </c>
      <c r="CS6" s="250">
        <v>0</v>
      </c>
      <c r="CT6" s="250">
        <v>0</v>
      </c>
      <c r="CU6" s="250">
        <v>0</v>
      </c>
      <c r="CV6" s="247">
        <v>0</v>
      </c>
      <c r="CW6" s="252">
        <v>0</v>
      </c>
      <c r="CX6" s="246">
        <v>0</v>
      </c>
      <c r="CY6" s="250">
        <v>0</v>
      </c>
      <c r="CZ6" s="247">
        <v>0</v>
      </c>
      <c r="DA6" s="249">
        <v>0</v>
      </c>
      <c r="DB6" s="250">
        <v>0</v>
      </c>
      <c r="DC6" s="250">
        <v>0</v>
      </c>
      <c r="DD6" s="250">
        <v>0</v>
      </c>
      <c r="DE6" s="250">
        <v>0</v>
      </c>
      <c r="DF6" s="250">
        <v>0</v>
      </c>
      <c r="DG6" s="247">
        <v>0</v>
      </c>
      <c r="DH6" s="252">
        <v>0</v>
      </c>
    </row>
    <row r="7" spans="2:112" ht="21" customHeight="1" x14ac:dyDescent="0.2">
      <c r="B7" s="436" t="s">
        <v>5</v>
      </c>
      <c r="C7" s="253">
        <v>0</v>
      </c>
      <c r="D7" s="254">
        <v>0</v>
      </c>
      <c r="E7" s="255">
        <v>0</v>
      </c>
      <c r="F7" s="256">
        <v>0</v>
      </c>
      <c r="G7" s="257">
        <v>4584</v>
      </c>
      <c r="H7" s="257">
        <v>9162</v>
      </c>
      <c r="I7" s="257">
        <v>7823</v>
      </c>
      <c r="J7" s="257">
        <v>10489</v>
      </c>
      <c r="K7" s="257">
        <v>9346</v>
      </c>
      <c r="L7" s="258">
        <v>41404</v>
      </c>
      <c r="M7" s="259">
        <v>41404</v>
      </c>
      <c r="N7" s="253">
        <v>0</v>
      </c>
      <c r="O7" s="257">
        <v>9</v>
      </c>
      <c r="P7" s="254">
        <v>9</v>
      </c>
      <c r="Q7" s="256">
        <v>0</v>
      </c>
      <c r="R7" s="257">
        <v>12</v>
      </c>
      <c r="S7" s="257">
        <v>50</v>
      </c>
      <c r="T7" s="257">
        <v>106</v>
      </c>
      <c r="U7" s="257">
        <v>265</v>
      </c>
      <c r="V7" s="257">
        <v>642</v>
      </c>
      <c r="W7" s="254">
        <v>1075</v>
      </c>
      <c r="X7" s="259">
        <v>1084</v>
      </c>
      <c r="Y7" s="253">
        <v>597</v>
      </c>
      <c r="Z7" s="257">
        <v>1980</v>
      </c>
      <c r="AA7" s="254">
        <v>2577</v>
      </c>
      <c r="AB7" s="256">
        <v>0</v>
      </c>
      <c r="AC7" s="257">
        <v>3272</v>
      </c>
      <c r="AD7" s="257">
        <v>8085</v>
      </c>
      <c r="AE7" s="257">
        <v>4166</v>
      </c>
      <c r="AF7" s="257">
        <v>3578</v>
      </c>
      <c r="AG7" s="257">
        <v>2516</v>
      </c>
      <c r="AH7" s="254">
        <v>21617</v>
      </c>
      <c r="AI7" s="259">
        <v>24194</v>
      </c>
      <c r="AJ7" s="253">
        <v>98</v>
      </c>
      <c r="AK7" s="257">
        <v>487</v>
      </c>
      <c r="AL7" s="254">
        <v>585</v>
      </c>
      <c r="AM7" s="256">
        <v>0</v>
      </c>
      <c r="AN7" s="257">
        <v>305</v>
      </c>
      <c r="AO7" s="257">
        <v>1004</v>
      </c>
      <c r="AP7" s="257">
        <v>432</v>
      </c>
      <c r="AQ7" s="257">
        <v>475</v>
      </c>
      <c r="AR7" s="257">
        <v>237</v>
      </c>
      <c r="AS7" s="254">
        <v>2453</v>
      </c>
      <c r="AT7" s="259">
        <v>3038</v>
      </c>
      <c r="AU7" s="253">
        <v>0</v>
      </c>
      <c r="AV7" s="257">
        <v>0</v>
      </c>
      <c r="AW7" s="254">
        <v>0</v>
      </c>
      <c r="AX7" s="256">
        <v>0</v>
      </c>
      <c r="AY7" s="257">
        <v>3457</v>
      </c>
      <c r="AZ7" s="257">
        <v>4452</v>
      </c>
      <c r="BA7" s="257">
        <v>2015</v>
      </c>
      <c r="BB7" s="257">
        <v>1245</v>
      </c>
      <c r="BC7" s="257">
        <v>524</v>
      </c>
      <c r="BD7" s="258">
        <v>11693</v>
      </c>
      <c r="BE7" s="259">
        <v>11693</v>
      </c>
      <c r="BF7" s="253">
        <v>0</v>
      </c>
      <c r="BG7" s="257">
        <v>0</v>
      </c>
      <c r="BH7" s="254">
        <v>0</v>
      </c>
      <c r="BI7" s="256">
        <v>0</v>
      </c>
      <c r="BJ7" s="257">
        <v>798</v>
      </c>
      <c r="BK7" s="257">
        <v>1768</v>
      </c>
      <c r="BL7" s="257">
        <v>941</v>
      </c>
      <c r="BM7" s="257">
        <v>537</v>
      </c>
      <c r="BN7" s="257">
        <v>258</v>
      </c>
      <c r="BO7" s="254">
        <v>4302</v>
      </c>
      <c r="BP7" s="259">
        <v>4302</v>
      </c>
      <c r="BQ7" s="253">
        <v>4</v>
      </c>
      <c r="BR7" s="257">
        <v>37</v>
      </c>
      <c r="BS7" s="254">
        <v>41</v>
      </c>
      <c r="BT7" s="256">
        <v>0</v>
      </c>
      <c r="BU7" s="257">
        <v>390</v>
      </c>
      <c r="BV7" s="257">
        <v>850</v>
      </c>
      <c r="BW7" s="257">
        <v>1134</v>
      </c>
      <c r="BX7" s="257">
        <v>871</v>
      </c>
      <c r="BY7" s="257">
        <v>525</v>
      </c>
      <c r="BZ7" s="254">
        <v>3770</v>
      </c>
      <c r="CA7" s="259">
        <v>3811</v>
      </c>
      <c r="CB7" s="253">
        <v>3</v>
      </c>
      <c r="CC7" s="257">
        <v>22</v>
      </c>
      <c r="CD7" s="254">
        <v>25</v>
      </c>
      <c r="CE7" s="256">
        <v>0</v>
      </c>
      <c r="CF7" s="257">
        <v>65</v>
      </c>
      <c r="CG7" s="257">
        <v>263</v>
      </c>
      <c r="CH7" s="257">
        <v>205</v>
      </c>
      <c r="CI7" s="257">
        <v>250</v>
      </c>
      <c r="CJ7" s="257">
        <v>128</v>
      </c>
      <c r="CK7" s="254">
        <v>911</v>
      </c>
      <c r="CL7" s="259">
        <v>936</v>
      </c>
      <c r="CM7" s="253">
        <v>0</v>
      </c>
      <c r="CN7" s="257">
        <v>0</v>
      </c>
      <c r="CO7" s="254">
        <v>0</v>
      </c>
      <c r="CP7" s="256">
        <v>0</v>
      </c>
      <c r="CQ7" s="257">
        <v>0</v>
      </c>
      <c r="CR7" s="257">
        <v>0</v>
      </c>
      <c r="CS7" s="257">
        <v>0</v>
      </c>
      <c r="CT7" s="257">
        <v>0</v>
      </c>
      <c r="CU7" s="257">
        <v>0</v>
      </c>
      <c r="CV7" s="254">
        <v>0</v>
      </c>
      <c r="CW7" s="259">
        <v>0</v>
      </c>
      <c r="CX7" s="253">
        <v>0</v>
      </c>
      <c r="CY7" s="257">
        <v>0</v>
      </c>
      <c r="CZ7" s="254">
        <v>0</v>
      </c>
      <c r="DA7" s="256">
        <v>0</v>
      </c>
      <c r="DB7" s="257">
        <v>0</v>
      </c>
      <c r="DC7" s="257">
        <v>0</v>
      </c>
      <c r="DD7" s="257">
        <v>0</v>
      </c>
      <c r="DE7" s="257">
        <v>0</v>
      </c>
      <c r="DF7" s="257">
        <v>0</v>
      </c>
      <c r="DG7" s="254">
        <v>0</v>
      </c>
      <c r="DH7" s="259">
        <v>0</v>
      </c>
    </row>
    <row r="8" spans="2:112" ht="21" customHeight="1" x14ac:dyDescent="0.2">
      <c r="B8" s="437" t="s">
        <v>6</v>
      </c>
      <c r="C8" s="253">
        <v>0</v>
      </c>
      <c r="D8" s="254">
        <v>4</v>
      </c>
      <c r="E8" s="255">
        <v>4</v>
      </c>
      <c r="F8" s="256">
        <v>0</v>
      </c>
      <c r="G8" s="257">
        <v>2264</v>
      </c>
      <c r="H8" s="257">
        <v>2515</v>
      </c>
      <c r="I8" s="257">
        <v>3104</v>
      </c>
      <c r="J8" s="257">
        <v>4906</v>
      </c>
      <c r="K8" s="257">
        <v>4412</v>
      </c>
      <c r="L8" s="258">
        <v>17201</v>
      </c>
      <c r="M8" s="259">
        <v>17205</v>
      </c>
      <c r="N8" s="253">
        <v>0</v>
      </c>
      <c r="O8" s="257">
        <v>0</v>
      </c>
      <c r="P8" s="254">
        <v>0</v>
      </c>
      <c r="Q8" s="256">
        <v>0</v>
      </c>
      <c r="R8" s="257">
        <v>9</v>
      </c>
      <c r="S8" s="257">
        <v>31</v>
      </c>
      <c r="T8" s="257">
        <v>62</v>
      </c>
      <c r="U8" s="257">
        <v>114</v>
      </c>
      <c r="V8" s="257">
        <v>118</v>
      </c>
      <c r="W8" s="254">
        <v>334</v>
      </c>
      <c r="X8" s="259">
        <v>334</v>
      </c>
      <c r="Y8" s="253">
        <v>296</v>
      </c>
      <c r="Z8" s="257">
        <v>672</v>
      </c>
      <c r="AA8" s="254">
        <v>968</v>
      </c>
      <c r="AB8" s="256">
        <v>0</v>
      </c>
      <c r="AC8" s="257">
        <v>2874</v>
      </c>
      <c r="AD8" s="257">
        <v>2305</v>
      </c>
      <c r="AE8" s="257">
        <v>1700</v>
      </c>
      <c r="AF8" s="257">
        <v>1285</v>
      </c>
      <c r="AG8" s="257">
        <v>677</v>
      </c>
      <c r="AH8" s="254">
        <v>8841</v>
      </c>
      <c r="AI8" s="259">
        <v>9809</v>
      </c>
      <c r="AJ8" s="253">
        <v>48</v>
      </c>
      <c r="AK8" s="257">
        <v>46</v>
      </c>
      <c r="AL8" s="254">
        <v>94</v>
      </c>
      <c r="AM8" s="256">
        <v>0</v>
      </c>
      <c r="AN8" s="257">
        <v>235</v>
      </c>
      <c r="AO8" s="257">
        <v>166</v>
      </c>
      <c r="AP8" s="257">
        <v>158</v>
      </c>
      <c r="AQ8" s="257">
        <v>199</v>
      </c>
      <c r="AR8" s="257">
        <v>50</v>
      </c>
      <c r="AS8" s="254">
        <v>808</v>
      </c>
      <c r="AT8" s="259">
        <v>902</v>
      </c>
      <c r="AU8" s="253">
        <v>0</v>
      </c>
      <c r="AV8" s="257">
        <v>3</v>
      </c>
      <c r="AW8" s="254">
        <v>3</v>
      </c>
      <c r="AX8" s="256">
        <v>0</v>
      </c>
      <c r="AY8" s="257">
        <v>1839</v>
      </c>
      <c r="AZ8" s="257">
        <v>1497</v>
      </c>
      <c r="BA8" s="257">
        <v>848</v>
      </c>
      <c r="BB8" s="257">
        <v>472</v>
      </c>
      <c r="BC8" s="257">
        <v>231</v>
      </c>
      <c r="BD8" s="258">
        <v>4887</v>
      </c>
      <c r="BE8" s="259">
        <v>4890</v>
      </c>
      <c r="BF8" s="253">
        <v>0</v>
      </c>
      <c r="BG8" s="257">
        <v>0</v>
      </c>
      <c r="BH8" s="254">
        <v>0</v>
      </c>
      <c r="BI8" s="256">
        <v>0</v>
      </c>
      <c r="BJ8" s="257">
        <v>438</v>
      </c>
      <c r="BK8" s="257">
        <v>401</v>
      </c>
      <c r="BL8" s="257">
        <v>350</v>
      </c>
      <c r="BM8" s="257">
        <v>185</v>
      </c>
      <c r="BN8" s="257">
        <v>67</v>
      </c>
      <c r="BO8" s="254">
        <v>1441</v>
      </c>
      <c r="BP8" s="259">
        <v>1441</v>
      </c>
      <c r="BQ8" s="253">
        <v>0</v>
      </c>
      <c r="BR8" s="257">
        <v>3</v>
      </c>
      <c r="BS8" s="254">
        <v>3</v>
      </c>
      <c r="BT8" s="256">
        <v>0</v>
      </c>
      <c r="BU8" s="257">
        <v>95</v>
      </c>
      <c r="BV8" s="257">
        <v>199</v>
      </c>
      <c r="BW8" s="257">
        <v>353</v>
      </c>
      <c r="BX8" s="257">
        <v>213</v>
      </c>
      <c r="BY8" s="257">
        <v>117</v>
      </c>
      <c r="BZ8" s="254">
        <v>977</v>
      </c>
      <c r="CA8" s="259">
        <v>980</v>
      </c>
      <c r="CB8" s="253">
        <v>0</v>
      </c>
      <c r="CC8" s="257">
        <v>0</v>
      </c>
      <c r="CD8" s="254">
        <v>0</v>
      </c>
      <c r="CE8" s="256">
        <v>0</v>
      </c>
      <c r="CF8" s="257">
        <v>37</v>
      </c>
      <c r="CG8" s="257">
        <v>46</v>
      </c>
      <c r="CH8" s="257">
        <v>75</v>
      </c>
      <c r="CI8" s="257">
        <v>60</v>
      </c>
      <c r="CJ8" s="257">
        <v>52</v>
      </c>
      <c r="CK8" s="254">
        <v>270</v>
      </c>
      <c r="CL8" s="259">
        <v>270</v>
      </c>
      <c r="CM8" s="253">
        <v>0</v>
      </c>
      <c r="CN8" s="257">
        <v>0</v>
      </c>
      <c r="CO8" s="254">
        <v>0</v>
      </c>
      <c r="CP8" s="256">
        <v>0</v>
      </c>
      <c r="CQ8" s="257">
        <v>0</v>
      </c>
      <c r="CR8" s="257">
        <v>0</v>
      </c>
      <c r="CS8" s="257">
        <v>0</v>
      </c>
      <c r="CT8" s="257">
        <v>0</v>
      </c>
      <c r="CU8" s="257">
        <v>0</v>
      </c>
      <c r="CV8" s="254">
        <v>0</v>
      </c>
      <c r="CW8" s="259">
        <v>0</v>
      </c>
      <c r="CX8" s="253">
        <v>0</v>
      </c>
      <c r="CY8" s="257">
        <v>0</v>
      </c>
      <c r="CZ8" s="254">
        <v>0</v>
      </c>
      <c r="DA8" s="256">
        <v>0</v>
      </c>
      <c r="DB8" s="257">
        <v>0</v>
      </c>
      <c r="DC8" s="257">
        <v>0</v>
      </c>
      <c r="DD8" s="257">
        <v>0</v>
      </c>
      <c r="DE8" s="257">
        <v>0</v>
      </c>
      <c r="DF8" s="257">
        <v>0</v>
      </c>
      <c r="DG8" s="254">
        <v>0</v>
      </c>
      <c r="DH8" s="259">
        <v>0</v>
      </c>
    </row>
    <row r="9" spans="2:112" ht="21" customHeight="1" x14ac:dyDescent="0.2">
      <c r="B9" s="437" t="s">
        <v>14</v>
      </c>
      <c r="C9" s="253">
        <v>0</v>
      </c>
      <c r="D9" s="254">
        <v>0</v>
      </c>
      <c r="E9" s="255">
        <v>0</v>
      </c>
      <c r="F9" s="256">
        <v>0</v>
      </c>
      <c r="G9" s="257">
        <v>481</v>
      </c>
      <c r="H9" s="257">
        <v>1412</v>
      </c>
      <c r="I9" s="257">
        <v>814</v>
      </c>
      <c r="J9" s="257">
        <v>1581</v>
      </c>
      <c r="K9" s="257">
        <v>1045</v>
      </c>
      <c r="L9" s="258">
        <v>5333</v>
      </c>
      <c r="M9" s="259">
        <v>5333</v>
      </c>
      <c r="N9" s="253">
        <v>0</v>
      </c>
      <c r="O9" s="257">
        <v>0</v>
      </c>
      <c r="P9" s="254">
        <v>0</v>
      </c>
      <c r="Q9" s="256">
        <v>0</v>
      </c>
      <c r="R9" s="257">
        <v>0</v>
      </c>
      <c r="S9" s="257">
        <v>9</v>
      </c>
      <c r="T9" s="257">
        <v>12</v>
      </c>
      <c r="U9" s="257">
        <v>57</v>
      </c>
      <c r="V9" s="257">
        <v>70</v>
      </c>
      <c r="W9" s="254">
        <v>148</v>
      </c>
      <c r="X9" s="259">
        <v>148</v>
      </c>
      <c r="Y9" s="253">
        <v>52</v>
      </c>
      <c r="Z9" s="257">
        <v>119</v>
      </c>
      <c r="AA9" s="254">
        <v>171</v>
      </c>
      <c r="AB9" s="256">
        <v>0</v>
      </c>
      <c r="AC9" s="257">
        <v>349</v>
      </c>
      <c r="AD9" s="257">
        <v>884</v>
      </c>
      <c r="AE9" s="257">
        <v>391</v>
      </c>
      <c r="AF9" s="257">
        <v>429</v>
      </c>
      <c r="AG9" s="257">
        <v>350</v>
      </c>
      <c r="AH9" s="254">
        <v>2403</v>
      </c>
      <c r="AI9" s="259">
        <v>2574</v>
      </c>
      <c r="AJ9" s="253">
        <v>0</v>
      </c>
      <c r="AK9" s="257">
        <v>32</v>
      </c>
      <c r="AL9" s="254">
        <v>32</v>
      </c>
      <c r="AM9" s="256">
        <v>0</v>
      </c>
      <c r="AN9" s="257">
        <v>59</v>
      </c>
      <c r="AO9" s="257">
        <v>46</v>
      </c>
      <c r="AP9" s="257">
        <v>42</v>
      </c>
      <c r="AQ9" s="257">
        <v>0</v>
      </c>
      <c r="AR9" s="257">
        <v>8</v>
      </c>
      <c r="AS9" s="254">
        <v>155</v>
      </c>
      <c r="AT9" s="259">
        <v>187</v>
      </c>
      <c r="AU9" s="253">
        <v>0</v>
      </c>
      <c r="AV9" s="257">
        <v>0</v>
      </c>
      <c r="AW9" s="254">
        <v>0</v>
      </c>
      <c r="AX9" s="256">
        <v>0</v>
      </c>
      <c r="AY9" s="257">
        <v>726</v>
      </c>
      <c r="AZ9" s="257">
        <v>886</v>
      </c>
      <c r="BA9" s="257">
        <v>717</v>
      </c>
      <c r="BB9" s="257">
        <v>211</v>
      </c>
      <c r="BC9" s="257">
        <v>98</v>
      </c>
      <c r="BD9" s="258">
        <v>2638</v>
      </c>
      <c r="BE9" s="259">
        <v>2638</v>
      </c>
      <c r="BF9" s="253">
        <v>0</v>
      </c>
      <c r="BG9" s="257">
        <v>0</v>
      </c>
      <c r="BH9" s="254">
        <v>0</v>
      </c>
      <c r="BI9" s="256">
        <v>0</v>
      </c>
      <c r="BJ9" s="257">
        <v>46</v>
      </c>
      <c r="BK9" s="257">
        <v>196</v>
      </c>
      <c r="BL9" s="257">
        <v>67</v>
      </c>
      <c r="BM9" s="257">
        <v>48</v>
      </c>
      <c r="BN9" s="257">
        <v>25</v>
      </c>
      <c r="BO9" s="254">
        <v>382</v>
      </c>
      <c r="BP9" s="259">
        <v>382</v>
      </c>
      <c r="BQ9" s="253">
        <v>0</v>
      </c>
      <c r="BR9" s="257">
        <v>0</v>
      </c>
      <c r="BS9" s="254">
        <v>0</v>
      </c>
      <c r="BT9" s="256">
        <v>0</v>
      </c>
      <c r="BU9" s="257">
        <v>62</v>
      </c>
      <c r="BV9" s="257">
        <v>231</v>
      </c>
      <c r="BW9" s="257">
        <v>135</v>
      </c>
      <c r="BX9" s="257">
        <v>230</v>
      </c>
      <c r="BY9" s="257">
        <v>73</v>
      </c>
      <c r="BZ9" s="254">
        <v>731</v>
      </c>
      <c r="CA9" s="259">
        <v>731</v>
      </c>
      <c r="CB9" s="253">
        <v>0</v>
      </c>
      <c r="CC9" s="257">
        <v>0</v>
      </c>
      <c r="CD9" s="254">
        <v>0</v>
      </c>
      <c r="CE9" s="256">
        <v>0</v>
      </c>
      <c r="CF9" s="257">
        <v>0</v>
      </c>
      <c r="CG9" s="257">
        <v>0</v>
      </c>
      <c r="CH9" s="257">
        <v>23</v>
      </c>
      <c r="CI9" s="257">
        <v>3</v>
      </c>
      <c r="CJ9" s="257">
        <v>0</v>
      </c>
      <c r="CK9" s="254">
        <v>26</v>
      </c>
      <c r="CL9" s="259">
        <v>26</v>
      </c>
      <c r="CM9" s="253">
        <v>0</v>
      </c>
      <c r="CN9" s="257">
        <v>0</v>
      </c>
      <c r="CO9" s="254">
        <v>0</v>
      </c>
      <c r="CP9" s="256">
        <v>0</v>
      </c>
      <c r="CQ9" s="257">
        <v>0</v>
      </c>
      <c r="CR9" s="257">
        <v>0</v>
      </c>
      <c r="CS9" s="257">
        <v>0</v>
      </c>
      <c r="CT9" s="257">
        <v>0</v>
      </c>
      <c r="CU9" s="257">
        <v>0</v>
      </c>
      <c r="CV9" s="254">
        <v>0</v>
      </c>
      <c r="CW9" s="259">
        <v>0</v>
      </c>
      <c r="CX9" s="253">
        <v>0</v>
      </c>
      <c r="CY9" s="257">
        <v>0</v>
      </c>
      <c r="CZ9" s="254">
        <v>0</v>
      </c>
      <c r="DA9" s="256">
        <v>0</v>
      </c>
      <c r="DB9" s="257">
        <v>0</v>
      </c>
      <c r="DC9" s="257">
        <v>0</v>
      </c>
      <c r="DD9" s="257">
        <v>0</v>
      </c>
      <c r="DE9" s="257">
        <v>0</v>
      </c>
      <c r="DF9" s="257">
        <v>0</v>
      </c>
      <c r="DG9" s="254">
        <v>0</v>
      </c>
      <c r="DH9" s="259">
        <v>0</v>
      </c>
    </row>
    <row r="10" spans="2:112" ht="21" customHeight="1" x14ac:dyDescent="0.2">
      <c r="B10" s="437" t="s">
        <v>7</v>
      </c>
      <c r="C10" s="253">
        <v>0</v>
      </c>
      <c r="D10" s="254">
        <v>0</v>
      </c>
      <c r="E10" s="255">
        <v>0</v>
      </c>
      <c r="F10" s="256">
        <v>0</v>
      </c>
      <c r="G10" s="257">
        <v>716</v>
      </c>
      <c r="H10" s="257">
        <v>638</v>
      </c>
      <c r="I10" s="257">
        <v>562</v>
      </c>
      <c r="J10" s="257">
        <v>953</v>
      </c>
      <c r="K10" s="257">
        <v>440</v>
      </c>
      <c r="L10" s="258">
        <v>3309</v>
      </c>
      <c r="M10" s="259">
        <v>3309</v>
      </c>
      <c r="N10" s="253">
        <v>0</v>
      </c>
      <c r="O10" s="257">
        <v>0</v>
      </c>
      <c r="P10" s="254">
        <v>0</v>
      </c>
      <c r="Q10" s="256">
        <v>0</v>
      </c>
      <c r="R10" s="257">
        <v>4</v>
      </c>
      <c r="S10" s="257">
        <v>13</v>
      </c>
      <c r="T10" s="257">
        <v>4</v>
      </c>
      <c r="U10" s="257">
        <v>40</v>
      </c>
      <c r="V10" s="257">
        <v>48</v>
      </c>
      <c r="W10" s="254">
        <v>109</v>
      </c>
      <c r="X10" s="259">
        <v>109</v>
      </c>
      <c r="Y10" s="253">
        <v>4</v>
      </c>
      <c r="Z10" s="257">
        <v>33</v>
      </c>
      <c r="AA10" s="254">
        <v>37</v>
      </c>
      <c r="AB10" s="256">
        <v>0</v>
      </c>
      <c r="AC10" s="257">
        <v>210</v>
      </c>
      <c r="AD10" s="257">
        <v>208</v>
      </c>
      <c r="AE10" s="257">
        <v>212</v>
      </c>
      <c r="AF10" s="257">
        <v>156</v>
      </c>
      <c r="AG10" s="257">
        <v>157</v>
      </c>
      <c r="AH10" s="254">
        <v>943</v>
      </c>
      <c r="AI10" s="259">
        <v>980</v>
      </c>
      <c r="AJ10" s="253">
        <v>8</v>
      </c>
      <c r="AK10" s="257">
        <v>0</v>
      </c>
      <c r="AL10" s="254">
        <v>8</v>
      </c>
      <c r="AM10" s="256">
        <v>0</v>
      </c>
      <c r="AN10" s="257">
        <v>31</v>
      </c>
      <c r="AO10" s="257">
        <v>88</v>
      </c>
      <c r="AP10" s="257">
        <v>29</v>
      </c>
      <c r="AQ10" s="257">
        <v>57</v>
      </c>
      <c r="AR10" s="257">
        <v>0</v>
      </c>
      <c r="AS10" s="254">
        <v>205</v>
      </c>
      <c r="AT10" s="259">
        <v>213</v>
      </c>
      <c r="AU10" s="253">
        <v>0</v>
      </c>
      <c r="AV10" s="257">
        <v>0</v>
      </c>
      <c r="AW10" s="254">
        <v>0</v>
      </c>
      <c r="AX10" s="256">
        <v>0</v>
      </c>
      <c r="AY10" s="257">
        <v>561</v>
      </c>
      <c r="AZ10" s="257">
        <v>299</v>
      </c>
      <c r="BA10" s="257">
        <v>132</v>
      </c>
      <c r="BB10" s="257">
        <v>85</v>
      </c>
      <c r="BC10" s="257">
        <v>42</v>
      </c>
      <c r="BD10" s="258">
        <v>1119</v>
      </c>
      <c r="BE10" s="259">
        <v>1119</v>
      </c>
      <c r="BF10" s="253">
        <v>0</v>
      </c>
      <c r="BG10" s="257">
        <v>0</v>
      </c>
      <c r="BH10" s="254">
        <v>0</v>
      </c>
      <c r="BI10" s="256">
        <v>0</v>
      </c>
      <c r="BJ10" s="257">
        <v>114</v>
      </c>
      <c r="BK10" s="257">
        <v>102</v>
      </c>
      <c r="BL10" s="257">
        <v>77</v>
      </c>
      <c r="BM10" s="257">
        <v>41</v>
      </c>
      <c r="BN10" s="257">
        <v>9</v>
      </c>
      <c r="BO10" s="254">
        <v>343</v>
      </c>
      <c r="BP10" s="259">
        <v>343</v>
      </c>
      <c r="BQ10" s="253">
        <v>0</v>
      </c>
      <c r="BR10" s="257">
        <v>0</v>
      </c>
      <c r="BS10" s="254">
        <v>0</v>
      </c>
      <c r="BT10" s="256">
        <v>0</v>
      </c>
      <c r="BU10" s="257">
        <v>77</v>
      </c>
      <c r="BV10" s="257">
        <v>81</v>
      </c>
      <c r="BW10" s="257">
        <v>50</v>
      </c>
      <c r="BX10" s="257">
        <v>75</v>
      </c>
      <c r="BY10" s="257">
        <v>32</v>
      </c>
      <c r="BZ10" s="254">
        <v>315</v>
      </c>
      <c r="CA10" s="259">
        <v>315</v>
      </c>
      <c r="CB10" s="253">
        <v>0</v>
      </c>
      <c r="CC10" s="257">
        <v>0</v>
      </c>
      <c r="CD10" s="254">
        <v>0</v>
      </c>
      <c r="CE10" s="256">
        <v>0</v>
      </c>
      <c r="CF10" s="257">
        <v>0</v>
      </c>
      <c r="CG10" s="257">
        <v>24</v>
      </c>
      <c r="CH10" s="257">
        <v>1</v>
      </c>
      <c r="CI10" s="257">
        <v>0</v>
      </c>
      <c r="CJ10" s="257">
        <v>0</v>
      </c>
      <c r="CK10" s="254">
        <v>25</v>
      </c>
      <c r="CL10" s="259">
        <v>25</v>
      </c>
      <c r="CM10" s="253">
        <v>0</v>
      </c>
      <c r="CN10" s="257">
        <v>0</v>
      </c>
      <c r="CO10" s="254">
        <v>0</v>
      </c>
      <c r="CP10" s="256">
        <v>0</v>
      </c>
      <c r="CQ10" s="257">
        <v>0</v>
      </c>
      <c r="CR10" s="257">
        <v>0</v>
      </c>
      <c r="CS10" s="257">
        <v>0</v>
      </c>
      <c r="CT10" s="257">
        <v>0</v>
      </c>
      <c r="CU10" s="257">
        <v>0</v>
      </c>
      <c r="CV10" s="254">
        <v>0</v>
      </c>
      <c r="CW10" s="259">
        <v>0</v>
      </c>
      <c r="CX10" s="253">
        <v>0</v>
      </c>
      <c r="CY10" s="257">
        <v>0</v>
      </c>
      <c r="CZ10" s="254">
        <v>0</v>
      </c>
      <c r="DA10" s="256">
        <v>0</v>
      </c>
      <c r="DB10" s="257">
        <v>0</v>
      </c>
      <c r="DC10" s="257">
        <v>0</v>
      </c>
      <c r="DD10" s="257">
        <v>0</v>
      </c>
      <c r="DE10" s="257">
        <v>0</v>
      </c>
      <c r="DF10" s="257">
        <v>0</v>
      </c>
      <c r="DG10" s="254">
        <v>0</v>
      </c>
      <c r="DH10" s="259">
        <v>0</v>
      </c>
    </row>
    <row r="11" spans="2:112" ht="21" customHeight="1" x14ac:dyDescent="0.2">
      <c r="B11" s="437" t="s">
        <v>8</v>
      </c>
      <c r="C11" s="253">
        <v>0</v>
      </c>
      <c r="D11" s="254">
        <v>0</v>
      </c>
      <c r="E11" s="255">
        <v>0</v>
      </c>
      <c r="F11" s="256">
        <v>0</v>
      </c>
      <c r="G11" s="257">
        <v>310</v>
      </c>
      <c r="H11" s="257">
        <v>204</v>
      </c>
      <c r="I11" s="257">
        <v>438</v>
      </c>
      <c r="J11" s="257">
        <v>326</v>
      </c>
      <c r="K11" s="257">
        <v>436</v>
      </c>
      <c r="L11" s="258">
        <v>1714</v>
      </c>
      <c r="M11" s="259">
        <v>1714</v>
      </c>
      <c r="N11" s="253">
        <v>0</v>
      </c>
      <c r="O11" s="257">
        <v>0</v>
      </c>
      <c r="P11" s="254">
        <v>0</v>
      </c>
      <c r="Q11" s="256">
        <v>0</v>
      </c>
      <c r="R11" s="257">
        <v>3</v>
      </c>
      <c r="S11" s="257">
        <v>0</v>
      </c>
      <c r="T11" s="257">
        <v>2</v>
      </c>
      <c r="U11" s="257">
        <v>7</v>
      </c>
      <c r="V11" s="257">
        <v>12</v>
      </c>
      <c r="W11" s="254">
        <v>24</v>
      </c>
      <c r="X11" s="259">
        <v>24</v>
      </c>
      <c r="Y11" s="253">
        <v>10</v>
      </c>
      <c r="Z11" s="257">
        <v>46</v>
      </c>
      <c r="AA11" s="254">
        <v>56</v>
      </c>
      <c r="AB11" s="256">
        <v>0</v>
      </c>
      <c r="AC11" s="257">
        <v>122</v>
      </c>
      <c r="AD11" s="257">
        <v>198</v>
      </c>
      <c r="AE11" s="257">
        <v>120</v>
      </c>
      <c r="AF11" s="257">
        <v>116</v>
      </c>
      <c r="AG11" s="257">
        <v>49</v>
      </c>
      <c r="AH11" s="254">
        <v>605</v>
      </c>
      <c r="AI11" s="259">
        <v>661</v>
      </c>
      <c r="AJ11" s="253">
        <v>10</v>
      </c>
      <c r="AK11" s="257">
        <v>34</v>
      </c>
      <c r="AL11" s="254">
        <v>44</v>
      </c>
      <c r="AM11" s="256">
        <v>0</v>
      </c>
      <c r="AN11" s="257">
        <v>40</v>
      </c>
      <c r="AO11" s="257">
        <v>94</v>
      </c>
      <c r="AP11" s="257">
        <v>47</v>
      </c>
      <c r="AQ11" s="257">
        <v>22</v>
      </c>
      <c r="AR11" s="257">
        <v>52</v>
      </c>
      <c r="AS11" s="254">
        <v>255</v>
      </c>
      <c r="AT11" s="259">
        <v>299</v>
      </c>
      <c r="AU11" s="253">
        <v>0</v>
      </c>
      <c r="AV11" s="257">
        <v>0</v>
      </c>
      <c r="AW11" s="254">
        <v>0</v>
      </c>
      <c r="AX11" s="256">
        <v>0</v>
      </c>
      <c r="AY11" s="257">
        <v>248</v>
      </c>
      <c r="AZ11" s="257">
        <v>346</v>
      </c>
      <c r="BA11" s="257">
        <v>153</v>
      </c>
      <c r="BB11" s="257">
        <v>103</v>
      </c>
      <c r="BC11" s="257">
        <v>31</v>
      </c>
      <c r="BD11" s="258">
        <v>881</v>
      </c>
      <c r="BE11" s="259">
        <v>881</v>
      </c>
      <c r="BF11" s="253">
        <v>0</v>
      </c>
      <c r="BG11" s="257">
        <v>0</v>
      </c>
      <c r="BH11" s="254">
        <v>0</v>
      </c>
      <c r="BI11" s="256">
        <v>0</v>
      </c>
      <c r="BJ11" s="257">
        <v>100</v>
      </c>
      <c r="BK11" s="257">
        <v>64</v>
      </c>
      <c r="BL11" s="257">
        <v>84</v>
      </c>
      <c r="BM11" s="257">
        <v>41</v>
      </c>
      <c r="BN11" s="257">
        <v>31</v>
      </c>
      <c r="BO11" s="254">
        <v>320</v>
      </c>
      <c r="BP11" s="259">
        <v>320</v>
      </c>
      <c r="BQ11" s="253">
        <v>0</v>
      </c>
      <c r="BR11" s="257">
        <v>0</v>
      </c>
      <c r="BS11" s="254">
        <v>0</v>
      </c>
      <c r="BT11" s="256">
        <v>0</v>
      </c>
      <c r="BU11" s="257">
        <v>21</v>
      </c>
      <c r="BV11" s="257">
        <v>104</v>
      </c>
      <c r="BW11" s="257">
        <v>93</v>
      </c>
      <c r="BX11" s="257">
        <v>51</v>
      </c>
      <c r="BY11" s="257">
        <v>88</v>
      </c>
      <c r="BZ11" s="254">
        <v>357</v>
      </c>
      <c r="CA11" s="259">
        <v>357</v>
      </c>
      <c r="CB11" s="253">
        <v>0</v>
      </c>
      <c r="CC11" s="257">
        <v>0</v>
      </c>
      <c r="CD11" s="254">
        <v>0</v>
      </c>
      <c r="CE11" s="256">
        <v>0</v>
      </c>
      <c r="CF11" s="257">
        <v>0</v>
      </c>
      <c r="CG11" s="257">
        <v>0</v>
      </c>
      <c r="CH11" s="257">
        <v>0</v>
      </c>
      <c r="CI11" s="257">
        <v>3</v>
      </c>
      <c r="CJ11" s="257">
        <v>0</v>
      </c>
      <c r="CK11" s="254">
        <v>3</v>
      </c>
      <c r="CL11" s="259">
        <v>3</v>
      </c>
      <c r="CM11" s="253">
        <v>0</v>
      </c>
      <c r="CN11" s="257">
        <v>0</v>
      </c>
      <c r="CO11" s="254">
        <v>0</v>
      </c>
      <c r="CP11" s="256">
        <v>0</v>
      </c>
      <c r="CQ11" s="257">
        <v>0</v>
      </c>
      <c r="CR11" s="257">
        <v>0</v>
      </c>
      <c r="CS11" s="257">
        <v>0</v>
      </c>
      <c r="CT11" s="257">
        <v>0</v>
      </c>
      <c r="CU11" s="257">
        <v>0</v>
      </c>
      <c r="CV11" s="254">
        <v>0</v>
      </c>
      <c r="CW11" s="259">
        <v>0</v>
      </c>
      <c r="CX11" s="253">
        <v>0</v>
      </c>
      <c r="CY11" s="257">
        <v>0</v>
      </c>
      <c r="CZ11" s="254">
        <v>0</v>
      </c>
      <c r="DA11" s="256">
        <v>0</v>
      </c>
      <c r="DB11" s="257">
        <v>0</v>
      </c>
      <c r="DC11" s="257">
        <v>0</v>
      </c>
      <c r="DD11" s="257">
        <v>0</v>
      </c>
      <c r="DE11" s="257">
        <v>0</v>
      </c>
      <c r="DF11" s="257">
        <v>0</v>
      </c>
      <c r="DG11" s="254">
        <v>0</v>
      </c>
      <c r="DH11" s="259">
        <v>0</v>
      </c>
    </row>
    <row r="12" spans="2:112" ht="21" customHeight="1" x14ac:dyDescent="0.2">
      <c r="B12" s="437" t="s">
        <v>9</v>
      </c>
      <c r="C12" s="253">
        <v>0</v>
      </c>
      <c r="D12" s="254">
        <v>0</v>
      </c>
      <c r="E12" s="255">
        <v>0</v>
      </c>
      <c r="F12" s="256">
        <v>0</v>
      </c>
      <c r="G12" s="257">
        <v>638</v>
      </c>
      <c r="H12" s="257">
        <v>821</v>
      </c>
      <c r="I12" s="257">
        <v>1022</v>
      </c>
      <c r="J12" s="257">
        <v>1956</v>
      </c>
      <c r="K12" s="257">
        <v>1071</v>
      </c>
      <c r="L12" s="258">
        <v>5508</v>
      </c>
      <c r="M12" s="259">
        <v>5508</v>
      </c>
      <c r="N12" s="253">
        <v>0</v>
      </c>
      <c r="O12" s="257">
        <v>0</v>
      </c>
      <c r="P12" s="254">
        <v>0</v>
      </c>
      <c r="Q12" s="256">
        <v>0</v>
      </c>
      <c r="R12" s="257">
        <v>5</v>
      </c>
      <c r="S12" s="257">
        <v>1</v>
      </c>
      <c r="T12" s="257">
        <v>15</v>
      </c>
      <c r="U12" s="257">
        <v>61</v>
      </c>
      <c r="V12" s="257">
        <v>55</v>
      </c>
      <c r="W12" s="254">
        <v>137</v>
      </c>
      <c r="X12" s="259">
        <v>137</v>
      </c>
      <c r="Y12" s="253">
        <v>84</v>
      </c>
      <c r="Z12" s="257">
        <v>41</v>
      </c>
      <c r="AA12" s="254">
        <v>125</v>
      </c>
      <c r="AB12" s="256">
        <v>0</v>
      </c>
      <c r="AC12" s="257">
        <v>450</v>
      </c>
      <c r="AD12" s="257">
        <v>571</v>
      </c>
      <c r="AE12" s="257">
        <v>335</v>
      </c>
      <c r="AF12" s="257">
        <v>304</v>
      </c>
      <c r="AG12" s="257">
        <v>196</v>
      </c>
      <c r="AH12" s="254">
        <v>1856</v>
      </c>
      <c r="AI12" s="259">
        <v>1981</v>
      </c>
      <c r="AJ12" s="253">
        <v>8</v>
      </c>
      <c r="AK12" s="257">
        <v>22</v>
      </c>
      <c r="AL12" s="254">
        <v>30</v>
      </c>
      <c r="AM12" s="256">
        <v>0</v>
      </c>
      <c r="AN12" s="257">
        <v>32</v>
      </c>
      <c r="AO12" s="257">
        <v>101</v>
      </c>
      <c r="AP12" s="257">
        <v>87</v>
      </c>
      <c r="AQ12" s="257">
        <v>116</v>
      </c>
      <c r="AR12" s="257">
        <v>25</v>
      </c>
      <c r="AS12" s="254">
        <v>361</v>
      </c>
      <c r="AT12" s="259">
        <v>391</v>
      </c>
      <c r="AU12" s="253">
        <v>0</v>
      </c>
      <c r="AV12" s="257">
        <v>0</v>
      </c>
      <c r="AW12" s="254">
        <v>0</v>
      </c>
      <c r="AX12" s="256">
        <v>0</v>
      </c>
      <c r="AY12" s="257">
        <v>467</v>
      </c>
      <c r="AZ12" s="257">
        <v>189</v>
      </c>
      <c r="BA12" s="257">
        <v>213</v>
      </c>
      <c r="BB12" s="257">
        <v>122</v>
      </c>
      <c r="BC12" s="257">
        <v>12</v>
      </c>
      <c r="BD12" s="258">
        <v>1003</v>
      </c>
      <c r="BE12" s="259">
        <v>1003</v>
      </c>
      <c r="BF12" s="253">
        <v>0</v>
      </c>
      <c r="BG12" s="257">
        <v>0</v>
      </c>
      <c r="BH12" s="254">
        <v>0</v>
      </c>
      <c r="BI12" s="256">
        <v>0</v>
      </c>
      <c r="BJ12" s="257">
        <v>129</v>
      </c>
      <c r="BK12" s="257">
        <v>139</v>
      </c>
      <c r="BL12" s="257">
        <v>96</v>
      </c>
      <c r="BM12" s="257">
        <v>24</v>
      </c>
      <c r="BN12" s="257">
        <v>9</v>
      </c>
      <c r="BO12" s="254">
        <v>397</v>
      </c>
      <c r="BP12" s="259">
        <v>397</v>
      </c>
      <c r="BQ12" s="253">
        <v>0</v>
      </c>
      <c r="BR12" s="257">
        <v>3</v>
      </c>
      <c r="BS12" s="254">
        <v>3</v>
      </c>
      <c r="BT12" s="256">
        <v>0</v>
      </c>
      <c r="BU12" s="257">
        <v>64</v>
      </c>
      <c r="BV12" s="257">
        <v>58</v>
      </c>
      <c r="BW12" s="257">
        <v>72</v>
      </c>
      <c r="BX12" s="257">
        <v>48</v>
      </c>
      <c r="BY12" s="257">
        <v>47</v>
      </c>
      <c r="BZ12" s="254">
        <v>289</v>
      </c>
      <c r="CA12" s="259">
        <v>292</v>
      </c>
      <c r="CB12" s="253">
        <v>0</v>
      </c>
      <c r="CC12" s="257">
        <v>0</v>
      </c>
      <c r="CD12" s="254">
        <v>0</v>
      </c>
      <c r="CE12" s="256">
        <v>0</v>
      </c>
      <c r="CF12" s="257">
        <v>3</v>
      </c>
      <c r="CG12" s="257">
        <v>6</v>
      </c>
      <c r="CH12" s="257">
        <v>28</v>
      </c>
      <c r="CI12" s="257">
        <v>0</v>
      </c>
      <c r="CJ12" s="257">
        <v>0</v>
      </c>
      <c r="CK12" s="254">
        <v>37</v>
      </c>
      <c r="CL12" s="259">
        <v>37</v>
      </c>
      <c r="CM12" s="253">
        <v>0</v>
      </c>
      <c r="CN12" s="257">
        <v>0</v>
      </c>
      <c r="CO12" s="254">
        <v>0</v>
      </c>
      <c r="CP12" s="256">
        <v>0</v>
      </c>
      <c r="CQ12" s="257">
        <v>0</v>
      </c>
      <c r="CR12" s="257">
        <v>0</v>
      </c>
      <c r="CS12" s="257">
        <v>0</v>
      </c>
      <c r="CT12" s="257">
        <v>0</v>
      </c>
      <c r="CU12" s="257">
        <v>0</v>
      </c>
      <c r="CV12" s="254">
        <v>0</v>
      </c>
      <c r="CW12" s="259">
        <v>0</v>
      </c>
      <c r="CX12" s="253">
        <v>0</v>
      </c>
      <c r="CY12" s="257">
        <v>0</v>
      </c>
      <c r="CZ12" s="254">
        <v>0</v>
      </c>
      <c r="DA12" s="256">
        <v>0</v>
      </c>
      <c r="DB12" s="257">
        <v>0</v>
      </c>
      <c r="DC12" s="257">
        <v>0</v>
      </c>
      <c r="DD12" s="257">
        <v>0</v>
      </c>
      <c r="DE12" s="257">
        <v>0</v>
      </c>
      <c r="DF12" s="257">
        <v>0</v>
      </c>
      <c r="DG12" s="254">
        <v>0</v>
      </c>
      <c r="DH12" s="259">
        <v>0</v>
      </c>
    </row>
    <row r="13" spans="2:112" ht="21" customHeight="1" x14ac:dyDescent="0.2">
      <c r="B13" s="437" t="s">
        <v>10</v>
      </c>
      <c r="C13" s="253">
        <v>0</v>
      </c>
      <c r="D13" s="254">
        <v>0</v>
      </c>
      <c r="E13" s="255">
        <v>0</v>
      </c>
      <c r="F13" s="256">
        <v>0</v>
      </c>
      <c r="G13" s="257">
        <v>1307</v>
      </c>
      <c r="H13" s="257">
        <v>1006</v>
      </c>
      <c r="I13" s="257">
        <v>1743</v>
      </c>
      <c r="J13" s="257">
        <v>1508</v>
      </c>
      <c r="K13" s="257">
        <v>1501</v>
      </c>
      <c r="L13" s="258">
        <v>7065</v>
      </c>
      <c r="M13" s="259">
        <v>7065</v>
      </c>
      <c r="N13" s="253">
        <v>0</v>
      </c>
      <c r="O13" s="257">
        <v>0</v>
      </c>
      <c r="P13" s="254">
        <v>0</v>
      </c>
      <c r="Q13" s="256">
        <v>0</v>
      </c>
      <c r="R13" s="257">
        <v>0</v>
      </c>
      <c r="S13" s="257">
        <v>10</v>
      </c>
      <c r="T13" s="257">
        <v>12</v>
      </c>
      <c r="U13" s="257">
        <v>22</v>
      </c>
      <c r="V13" s="257">
        <v>20</v>
      </c>
      <c r="W13" s="254">
        <v>64</v>
      </c>
      <c r="X13" s="259">
        <v>64</v>
      </c>
      <c r="Y13" s="253">
        <v>76</v>
      </c>
      <c r="Z13" s="257">
        <v>182</v>
      </c>
      <c r="AA13" s="254">
        <v>258</v>
      </c>
      <c r="AB13" s="256">
        <v>0</v>
      </c>
      <c r="AC13" s="257">
        <v>589</v>
      </c>
      <c r="AD13" s="257">
        <v>507</v>
      </c>
      <c r="AE13" s="257">
        <v>196</v>
      </c>
      <c r="AF13" s="257">
        <v>213</v>
      </c>
      <c r="AG13" s="257">
        <v>128</v>
      </c>
      <c r="AH13" s="254">
        <v>1633</v>
      </c>
      <c r="AI13" s="259">
        <v>1891</v>
      </c>
      <c r="AJ13" s="253">
        <v>24</v>
      </c>
      <c r="AK13" s="257">
        <v>59</v>
      </c>
      <c r="AL13" s="254">
        <v>83</v>
      </c>
      <c r="AM13" s="256">
        <v>0</v>
      </c>
      <c r="AN13" s="257">
        <v>86</v>
      </c>
      <c r="AO13" s="257">
        <v>135</v>
      </c>
      <c r="AP13" s="257">
        <v>32</v>
      </c>
      <c r="AQ13" s="257">
        <v>8</v>
      </c>
      <c r="AR13" s="257">
        <v>42</v>
      </c>
      <c r="AS13" s="254">
        <v>303</v>
      </c>
      <c r="AT13" s="259">
        <v>386</v>
      </c>
      <c r="AU13" s="253">
        <v>0</v>
      </c>
      <c r="AV13" s="257">
        <v>0</v>
      </c>
      <c r="AW13" s="254">
        <v>0</v>
      </c>
      <c r="AX13" s="256">
        <v>0</v>
      </c>
      <c r="AY13" s="257">
        <v>947</v>
      </c>
      <c r="AZ13" s="257">
        <v>642</v>
      </c>
      <c r="BA13" s="257">
        <v>377</v>
      </c>
      <c r="BB13" s="257">
        <v>161</v>
      </c>
      <c r="BC13" s="257">
        <v>53</v>
      </c>
      <c r="BD13" s="258">
        <v>2180</v>
      </c>
      <c r="BE13" s="259">
        <v>2180</v>
      </c>
      <c r="BF13" s="253">
        <v>0</v>
      </c>
      <c r="BG13" s="257">
        <v>0</v>
      </c>
      <c r="BH13" s="254">
        <v>0</v>
      </c>
      <c r="BI13" s="256">
        <v>0</v>
      </c>
      <c r="BJ13" s="257">
        <v>204</v>
      </c>
      <c r="BK13" s="257">
        <v>109</v>
      </c>
      <c r="BL13" s="257">
        <v>32</v>
      </c>
      <c r="BM13" s="257">
        <v>11</v>
      </c>
      <c r="BN13" s="257">
        <v>11</v>
      </c>
      <c r="BO13" s="254">
        <v>367</v>
      </c>
      <c r="BP13" s="259">
        <v>367</v>
      </c>
      <c r="BQ13" s="253">
        <v>0</v>
      </c>
      <c r="BR13" s="257">
        <v>38</v>
      </c>
      <c r="BS13" s="254">
        <v>38</v>
      </c>
      <c r="BT13" s="256">
        <v>0</v>
      </c>
      <c r="BU13" s="257">
        <v>115</v>
      </c>
      <c r="BV13" s="257">
        <v>104</v>
      </c>
      <c r="BW13" s="257">
        <v>161</v>
      </c>
      <c r="BX13" s="257">
        <v>146</v>
      </c>
      <c r="BY13" s="257">
        <v>3</v>
      </c>
      <c r="BZ13" s="254">
        <v>529</v>
      </c>
      <c r="CA13" s="259">
        <v>567</v>
      </c>
      <c r="CB13" s="253">
        <v>0</v>
      </c>
      <c r="CC13" s="257">
        <v>0</v>
      </c>
      <c r="CD13" s="254">
        <v>0</v>
      </c>
      <c r="CE13" s="256">
        <v>0</v>
      </c>
      <c r="CF13" s="257">
        <v>15</v>
      </c>
      <c r="CG13" s="257">
        <v>6</v>
      </c>
      <c r="CH13" s="257">
        <v>0</v>
      </c>
      <c r="CI13" s="257">
        <v>0</v>
      </c>
      <c r="CJ13" s="257">
        <v>0</v>
      </c>
      <c r="CK13" s="254">
        <v>21</v>
      </c>
      <c r="CL13" s="259">
        <v>21</v>
      </c>
      <c r="CM13" s="253">
        <v>0</v>
      </c>
      <c r="CN13" s="257">
        <v>0</v>
      </c>
      <c r="CO13" s="254">
        <v>0</v>
      </c>
      <c r="CP13" s="256">
        <v>0</v>
      </c>
      <c r="CQ13" s="257">
        <v>0</v>
      </c>
      <c r="CR13" s="257">
        <v>0</v>
      </c>
      <c r="CS13" s="257">
        <v>0</v>
      </c>
      <c r="CT13" s="257">
        <v>0</v>
      </c>
      <c r="CU13" s="257">
        <v>0</v>
      </c>
      <c r="CV13" s="254">
        <v>0</v>
      </c>
      <c r="CW13" s="259">
        <v>0</v>
      </c>
      <c r="CX13" s="253">
        <v>0</v>
      </c>
      <c r="CY13" s="257">
        <v>0</v>
      </c>
      <c r="CZ13" s="254">
        <v>0</v>
      </c>
      <c r="DA13" s="256">
        <v>0</v>
      </c>
      <c r="DB13" s="257">
        <v>0</v>
      </c>
      <c r="DC13" s="257">
        <v>0</v>
      </c>
      <c r="DD13" s="257">
        <v>0</v>
      </c>
      <c r="DE13" s="257">
        <v>0</v>
      </c>
      <c r="DF13" s="257">
        <v>0</v>
      </c>
      <c r="DG13" s="254">
        <v>0</v>
      </c>
      <c r="DH13" s="259">
        <v>0</v>
      </c>
    </row>
    <row r="14" spans="2:112" ht="21" customHeight="1" x14ac:dyDescent="0.2">
      <c r="B14" s="437" t="s">
        <v>11</v>
      </c>
      <c r="C14" s="253">
        <v>0</v>
      </c>
      <c r="D14" s="254">
        <v>0</v>
      </c>
      <c r="E14" s="255">
        <v>0</v>
      </c>
      <c r="F14" s="256">
        <v>0</v>
      </c>
      <c r="G14" s="257">
        <v>90</v>
      </c>
      <c r="H14" s="257">
        <v>84</v>
      </c>
      <c r="I14" s="257">
        <v>334</v>
      </c>
      <c r="J14" s="257">
        <v>498</v>
      </c>
      <c r="K14" s="257">
        <v>35</v>
      </c>
      <c r="L14" s="258">
        <v>1041</v>
      </c>
      <c r="M14" s="259">
        <v>1041</v>
      </c>
      <c r="N14" s="253">
        <v>0</v>
      </c>
      <c r="O14" s="257">
        <v>0</v>
      </c>
      <c r="P14" s="254">
        <v>0</v>
      </c>
      <c r="Q14" s="256">
        <v>0</v>
      </c>
      <c r="R14" s="257">
        <v>0</v>
      </c>
      <c r="S14" s="257">
        <v>0</v>
      </c>
      <c r="T14" s="257">
        <v>0</v>
      </c>
      <c r="U14" s="257">
        <v>29</v>
      </c>
      <c r="V14" s="257">
        <v>13</v>
      </c>
      <c r="W14" s="254">
        <v>42</v>
      </c>
      <c r="X14" s="259">
        <v>42</v>
      </c>
      <c r="Y14" s="253">
        <v>28</v>
      </c>
      <c r="Z14" s="257">
        <v>9</v>
      </c>
      <c r="AA14" s="254">
        <v>37</v>
      </c>
      <c r="AB14" s="256">
        <v>0</v>
      </c>
      <c r="AC14" s="257">
        <v>391</v>
      </c>
      <c r="AD14" s="257">
        <v>157</v>
      </c>
      <c r="AE14" s="257">
        <v>232</v>
      </c>
      <c r="AF14" s="257">
        <v>444</v>
      </c>
      <c r="AG14" s="257">
        <v>44</v>
      </c>
      <c r="AH14" s="254">
        <v>1268</v>
      </c>
      <c r="AI14" s="259">
        <v>1305</v>
      </c>
      <c r="AJ14" s="253">
        <v>0</v>
      </c>
      <c r="AK14" s="257">
        <v>3</v>
      </c>
      <c r="AL14" s="254">
        <v>3</v>
      </c>
      <c r="AM14" s="256">
        <v>0</v>
      </c>
      <c r="AN14" s="257">
        <v>55</v>
      </c>
      <c r="AO14" s="257">
        <v>20</v>
      </c>
      <c r="AP14" s="257">
        <v>0</v>
      </c>
      <c r="AQ14" s="257">
        <v>12</v>
      </c>
      <c r="AR14" s="257">
        <v>42</v>
      </c>
      <c r="AS14" s="254">
        <v>129</v>
      </c>
      <c r="AT14" s="259">
        <v>132</v>
      </c>
      <c r="AU14" s="253">
        <v>0</v>
      </c>
      <c r="AV14" s="257">
        <v>0</v>
      </c>
      <c r="AW14" s="254">
        <v>0</v>
      </c>
      <c r="AX14" s="256">
        <v>0</v>
      </c>
      <c r="AY14" s="257">
        <v>154</v>
      </c>
      <c r="AZ14" s="257">
        <v>84</v>
      </c>
      <c r="BA14" s="257">
        <v>97</v>
      </c>
      <c r="BB14" s="257">
        <v>115</v>
      </c>
      <c r="BC14" s="257">
        <v>24</v>
      </c>
      <c r="BD14" s="258">
        <v>474</v>
      </c>
      <c r="BE14" s="259">
        <v>474</v>
      </c>
      <c r="BF14" s="253">
        <v>0</v>
      </c>
      <c r="BG14" s="257">
        <v>0</v>
      </c>
      <c r="BH14" s="254">
        <v>0</v>
      </c>
      <c r="BI14" s="256">
        <v>0</v>
      </c>
      <c r="BJ14" s="257">
        <v>79</v>
      </c>
      <c r="BK14" s="257">
        <v>47</v>
      </c>
      <c r="BL14" s="257">
        <v>97</v>
      </c>
      <c r="BM14" s="257">
        <v>12</v>
      </c>
      <c r="BN14" s="257">
        <v>9</v>
      </c>
      <c r="BO14" s="254">
        <v>244</v>
      </c>
      <c r="BP14" s="259">
        <v>244</v>
      </c>
      <c r="BQ14" s="253">
        <v>0</v>
      </c>
      <c r="BR14" s="257">
        <v>0</v>
      </c>
      <c r="BS14" s="254">
        <v>0</v>
      </c>
      <c r="BT14" s="256">
        <v>0</v>
      </c>
      <c r="BU14" s="257">
        <v>20</v>
      </c>
      <c r="BV14" s="257">
        <v>10</v>
      </c>
      <c r="BW14" s="257">
        <v>31</v>
      </c>
      <c r="BX14" s="257">
        <v>16</v>
      </c>
      <c r="BY14" s="257">
        <v>34</v>
      </c>
      <c r="BZ14" s="254">
        <v>111</v>
      </c>
      <c r="CA14" s="259">
        <v>111</v>
      </c>
      <c r="CB14" s="253">
        <v>0</v>
      </c>
      <c r="CC14" s="257">
        <v>0</v>
      </c>
      <c r="CD14" s="254">
        <v>0</v>
      </c>
      <c r="CE14" s="256">
        <v>0</v>
      </c>
      <c r="CF14" s="257">
        <v>0</v>
      </c>
      <c r="CG14" s="257">
        <v>10</v>
      </c>
      <c r="CH14" s="257">
        <v>8</v>
      </c>
      <c r="CI14" s="257">
        <v>0</v>
      </c>
      <c r="CJ14" s="257">
        <v>30</v>
      </c>
      <c r="CK14" s="254">
        <v>48</v>
      </c>
      <c r="CL14" s="259">
        <v>48</v>
      </c>
      <c r="CM14" s="253">
        <v>0</v>
      </c>
      <c r="CN14" s="257">
        <v>0</v>
      </c>
      <c r="CO14" s="254">
        <v>0</v>
      </c>
      <c r="CP14" s="256">
        <v>0</v>
      </c>
      <c r="CQ14" s="257">
        <v>0</v>
      </c>
      <c r="CR14" s="257">
        <v>0</v>
      </c>
      <c r="CS14" s="257">
        <v>0</v>
      </c>
      <c r="CT14" s="257">
        <v>0</v>
      </c>
      <c r="CU14" s="257">
        <v>0</v>
      </c>
      <c r="CV14" s="254">
        <v>0</v>
      </c>
      <c r="CW14" s="259">
        <v>0</v>
      </c>
      <c r="CX14" s="253">
        <v>0</v>
      </c>
      <c r="CY14" s="257">
        <v>0</v>
      </c>
      <c r="CZ14" s="254">
        <v>0</v>
      </c>
      <c r="DA14" s="256">
        <v>0</v>
      </c>
      <c r="DB14" s="257">
        <v>0</v>
      </c>
      <c r="DC14" s="257">
        <v>0</v>
      </c>
      <c r="DD14" s="257">
        <v>0</v>
      </c>
      <c r="DE14" s="257">
        <v>0</v>
      </c>
      <c r="DF14" s="257">
        <v>0</v>
      </c>
      <c r="DG14" s="254">
        <v>0</v>
      </c>
      <c r="DH14" s="259">
        <v>0</v>
      </c>
    </row>
    <row r="15" spans="2:112" ht="21" customHeight="1" x14ac:dyDescent="0.2">
      <c r="B15" s="437" t="s">
        <v>12</v>
      </c>
      <c r="C15" s="253">
        <v>0</v>
      </c>
      <c r="D15" s="254">
        <v>0</v>
      </c>
      <c r="E15" s="255">
        <v>0</v>
      </c>
      <c r="F15" s="256">
        <v>0</v>
      </c>
      <c r="G15" s="257">
        <v>536</v>
      </c>
      <c r="H15" s="257">
        <v>543</v>
      </c>
      <c r="I15" s="257">
        <v>1010</v>
      </c>
      <c r="J15" s="257">
        <v>724</v>
      </c>
      <c r="K15" s="257">
        <v>911</v>
      </c>
      <c r="L15" s="258">
        <v>3724</v>
      </c>
      <c r="M15" s="259">
        <v>3724</v>
      </c>
      <c r="N15" s="253">
        <v>0</v>
      </c>
      <c r="O15" s="257">
        <v>0</v>
      </c>
      <c r="P15" s="254">
        <v>0</v>
      </c>
      <c r="Q15" s="256">
        <v>0</v>
      </c>
      <c r="R15" s="257">
        <v>0</v>
      </c>
      <c r="S15" s="257">
        <v>8</v>
      </c>
      <c r="T15" s="257">
        <v>8</v>
      </c>
      <c r="U15" s="257">
        <v>26</v>
      </c>
      <c r="V15" s="257">
        <v>26</v>
      </c>
      <c r="W15" s="254">
        <v>68</v>
      </c>
      <c r="X15" s="259">
        <v>68</v>
      </c>
      <c r="Y15" s="253">
        <v>54</v>
      </c>
      <c r="Z15" s="257">
        <v>198</v>
      </c>
      <c r="AA15" s="254">
        <v>252</v>
      </c>
      <c r="AB15" s="256">
        <v>0</v>
      </c>
      <c r="AC15" s="257">
        <v>167</v>
      </c>
      <c r="AD15" s="257">
        <v>180</v>
      </c>
      <c r="AE15" s="257">
        <v>141</v>
      </c>
      <c r="AF15" s="257">
        <v>158</v>
      </c>
      <c r="AG15" s="257">
        <v>215</v>
      </c>
      <c r="AH15" s="254">
        <v>861</v>
      </c>
      <c r="AI15" s="259">
        <v>1113</v>
      </c>
      <c r="AJ15" s="253">
        <v>15</v>
      </c>
      <c r="AK15" s="257">
        <v>10</v>
      </c>
      <c r="AL15" s="254">
        <v>25</v>
      </c>
      <c r="AM15" s="256">
        <v>0</v>
      </c>
      <c r="AN15" s="257">
        <v>10</v>
      </c>
      <c r="AO15" s="257">
        <v>34</v>
      </c>
      <c r="AP15" s="257">
        <v>34</v>
      </c>
      <c r="AQ15" s="257">
        <v>27</v>
      </c>
      <c r="AR15" s="257">
        <v>0</v>
      </c>
      <c r="AS15" s="254">
        <v>105</v>
      </c>
      <c r="AT15" s="259">
        <v>130</v>
      </c>
      <c r="AU15" s="253">
        <v>0</v>
      </c>
      <c r="AV15" s="257">
        <v>0</v>
      </c>
      <c r="AW15" s="254">
        <v>0</v>
      </c>
      <c r="AX15" s="256">
        <v>0</v>
      </c>
      <c r="AY15" s="257">
        <v>316</v>
      </c>
      <c r="AZ15" s="257">
        <v>275</v>
      </c>
      <c r="BA15" s="257">
        <v>162</v>
      </c>
      <c r="BB15" s="257">
        <v>150</v>
      </c>
      <c r="BC15" s="257">
        <v>65</v>
      </c>
      <c r="BD15" s="258">
        <v>968</v>
      </c>
      <c r="BE15" s="259">
        <v>968</v>
      </c>
      <c r="BF15" s="253">
        <v>0</v>
      </c>
      <c r="BG15" s="257">
        <v>0</v>
      </c>
      <c r="BH15" s="254">
        <v>0</v>
      </c>
      <c r="BI15" s="256">
        <v>0</v>
      </c>
      <c r="BJ15" s="257">
        <v>68</v>
      </c>
      <c r="BK15" s="257">
        <v>55</v>
      </c>
      <c r="BL15" s="257">
        <v>106</v>
      </c>
      <c r="BM15" s="257">
        <v>36</v>
      </c>
      <c r="BN15" s="257">
        <v>0</v>
      </c>
      <c r="BO15" s="254">
        <v>265</v>
      </c>
      <c r="BP15" s="259">
        <v>265</v>
      </c>
      <c r="BQ15" s="253">
        <v>0</v>
      </c>
      <c r="BR15" s="257">
        <v>2</v>
      </c>
      <c r="BS15" s="254">
        <v>2</v>
      </c>
      <c r="BT15" s="256">
        <v>0</v>
      </c>
      <c r="BU15" s="257">
        <v>69</v>
      </c>
      <c r="BV15" s="257">
        <v>42</v>
      </c>
      <c r="BW15" s="257">
        <v>125</v>
      </c>
      <c r="BX15" s="257">
        <v>60</v>
      </c>
      <c r="BY15" s="257">
        <v>53</v>
      </c>
      <c r="BZ15" s="254">
        <v>349</v>
      </c>
      <c r="CA15" s="259">
        <v>351</v>
      </c>
      <c r="CB15" s="253">
        <v>0</v>
      </c>
      <c r="CC15" s="257">
        <v>0</v>
      </c>
      <c r="CD15" s="254">
        <v>0</v>
      </c>
      <c r="CE15" s="256">
        <v>0</v>
      </c>
      <c r="CF15" s="257">
        <v>24</v>
      </c>
      <c r="CG15" s="257">
        <v>0</v>
      </c>
      <c r="CH15" s="257">
        <v>3</v>
      </c>
      <c r="CI15" s="257">
        <v>0</v>
      </c>
      <c r="CJ15" s="257">
        <v>0</v>
      </c>
      <c r="CK15" s="254">
        <v>27</v>
      </c>
      <c r="CL15" s="259">
        <v>27</v>
      </c>
      <c r="CM15" s="253">
        <v>0</v>
      </c>
      <c r="CN15" s="257">
        <v>0</v>
      </c>
      <c r="CO15" s="254">
        <v>0</v>
      </c>
      <c r="CP15" s="256">
        <v>0</v>
      </c>
      <c r="CQ15" s="257">
        <v>0</v>
      </c>
      <c r="CR15" s="257">
        <v>0</v>
      </c>
      <c r="CS15" s="257">
        <v>0</v>
      </c>
      <c r="CT15" s="257">
        <v>0</v>
      </c>
      <c r="CU15" s="257">
        <v>0</v>
      </c>
      <c r="CV15" s="254">
        <v>0</v>
      </c>
      <c r="CW15" s="259">
        <v>0</v>
      </c>
      <c r="CX15" s="253">
        <v>0</v>
      </c>
      <c r="CY15" s="257">
        <v>0</v>
      </c>
      <c r="CZ15" s="254">
        <v>0</v>
      </c>
      <c r="DA15" s="256">
        <v>0</v>
      </c>
      <c r="DB15" s="257">
        <v>0</v>
      </c>
      <c r="DC15" s="257">
        <v>0</v>
      </c>
      <c r="DD15" s="257">
        <v>0</v>
      </c>
      <c r="DE15" s="257">
        <v>0</v>
      </c>
      <c r="DF15" s="257">
        <v>0</v>
      </c>
      <c r="DG15" s="254">
        <v>0</v>
      </c>
      <c r="DH15" s="259">
        <v>0</v>
      </c>
    </row>
    <row r="16" spans="2:112" ht="21" customHeight="1" x14ac:dyDescent="0.2">
      <c r="B16" s="437" t="s">
        <v>13</v>
      </c>
      <c r="C16" s="253">
        <v>0</v>
      </c>
      <c r="D16" s="254">
        <v>0</v>
      </c>
      <c r="E16" s="255">
        <v>0</v>
      </c>
      <c r="F16" s="256">
        <v>0</v>
      </c>
      <c r="G16" s="257">
        <v>317</v>
      </c>
      <c r="H16" s="257">
        <v>436</v>
      </c>
      <c r="I16" s="257">
        <v>372</v>
      </c>
      <c r="J16" s="257">
        <v>390</v>
      </c>
      <c r="K16" s="257">
        <v>650</v>
      </c>
      <c r="L16" s="258">
        <v>2165</v>
      </c>
      <c r="M16" s="259">
        <v>2165</v>
      </c>
      <c r="N16" s="253">
        <v>0</v>
      </c>
      <c r="O16" s="257">
        <v>0</v>
      </c>
      <c r="P16" s="254">
        <v>0</v>
      </c>
      <c r="Q16" s="256">
        <v>0</v>
      </c>
      <c r="R16" s="257">
        <v>0</v>
      </c>
      <c r="S16" s="257">
        <v>0</v>
      </c>
      <c r="T16" s="257">
        <v>0</v>
      </c>
      <c r="U16" s="257">
        <v>7</v>
      </c>
      <c r="V16" s="257">
        <v>11</v>
      </c>
      <c r="W16" s="254">
        <v>18</v>
      </c>
      <c r="X16" s="259">
        <v>18</v>
      </c>
      <c r="Y16" s="253">
        <v>9</v>
      </c>
      <c r="Z16" s="257">
        <v>46</v>
      </c>
      <c r="AA16" s="254">
        <v>55</v>
      </c>
      <c r="AB16" s="256">
        <v>0</v>
      </c>
      <c r="AC16" s="257">
        <v>122</v>
      </c>
      <c r="AD16" s="257">
        <v>169</v>
      </c>
      <c r="AE16" s="257">
        <v>122</v>
      </c>
      <c r="AF16" s="257">
        <v>79</v>
      </c>
      <c r="AG16" s="257">
        <v>125</v>
      </c>
      <c r="AH16" s="254">
        <v>617</v>
      </c>
      <c r="AI16" s="259">
        <v>672</v>
      </c>
      <c r="AJ16" s="253">
        <v>0</v>
      </c>
      <c r="AK16" s="257">
        <v>0</v>
      </c>
      <c r="AL16" s="254">
        <v>0</v>
      </c>
      <c r="AM16" s="256">
        <v>0</v>
      </c>
      <c r="AN16" s="257">
        <v>8</v>
      </c>
      <c r="AO16" s="257">
        <v>35</v>
      </c>
      <c r="AP16" s="257">
        <v>0</v>
      </c>
      <c r="AQ16" s="257">
        <v>21</v>
      </c>
      <c r="AR16" s="257">
        <v>27</v>
      </c>
      <c r="AS16" s="254">
        <v>91</v>
      </c>
      <c r="AT16" s="259">
        <v>91</v>
      </c>
      <c r="AU16" s="253">
        <v>0</v>
      </c>
      <c r="AV16" s="257">
        <v>0</v>
      </c>
      <c r="AW16" s="254">
        <v>0</v>
      </c>
      <c r="AX16" s="256">
        <v>0</v>
      </c>
      <c r="AY16" s="257">
        <v>105</v>
      </c>
      <c r="AZ16" s="257">
        <v>136</v>
      </c>
      <c r="BA16" s="257">
        <v>81</v>
      </c>
      <c r="BB16" s="257">
        <v>8</v>
      </c>
      <c r="BC16" s="257">
        <v>1</v>
      </c>
      <c r="BD16" s="258">
        <v>331</v>
      </c>
      <c r="BE16" s="259">
        <v>331</v>
      </c>
      <c r="BF16" s="253">
        <v>0</v>
      </c>
      <c r="BG16" s="257">
        <v>0</v>
      </c>
      <c r="BH16" s="254">
        <v>0</v>
      </c>
      <c r="BI16" s="256">
        <v>0</v>
      </c>
      <c r="BJ16" s="257">
        <v>26</v>
      </c>
      <c r="BK16" s="257">
        <v>24</v>
      </c>
      <c r="BL16" s="257">
        <v>24</v>
      </c>
      <c r="BM16" s="257">
        <v>26</v>
      </c>
      <c r="BN16" s="257">
        <v>7</v>
      </c>
      <c r="BO16" s="254">
        <v>107</v>
      </c>
      <c r="BP16" s="259">
        <v>107</v>
      </c>
      <c r="BQ16" s="253">
        <v>0</v>
      </c>
      <c r="BR16" s="257">
        <v>0</v>
      </c>
      <c r="BS16" s="254">
        <v>0</v>
      </c>
      <c r="BT16" s="256">
        <v>0</v>
      </c>
      <c r="BU16" s="257">
        <v>5</v>
      </c>
      <c r="BV16" s="257">
        <v>13</v>
      </c>
      <c r="BW16" s="257">
        <v>35</v>
      </c>
      <c r="BX16" s="257">
        <v>12</v>
      </c>
      <c r="BY16" s="257">
        <v>0</v>
      </c>
      <c r="BZ16" s="254">
        <v>65</v>
      </c>
      <c r="CA16" s="259">
        <v>65</v>
      </c>
      <c r="CB16" s="253">
        <v>0</v>
      </c>
      <c r="CC16" s="257">
        <v>0</v>
      </c>
      <c r="CD16" s="254">
        <v>0</v>
      </c>
      <c r="CE16" s="256">
        <v>0</v>
      </c>
      <c r="CF16" s="257">
        <v>0</v>
      </c>
      <c r="CG16" s="257">
        <v>12</v>
      </c>
      <c r="CH16" s="257">
        <v>0</v>
      </c>
      <c r="CI16" s="257">
        <v>0</v>
      </c>
      <c r="CJ16" s="257">
        <v>0</v>
      </c>
      <c r="CK16" s="254">
        <v>12</v>
      </c>
      <c r="CL16" s="259">
        <v>12</v>
      </c>
      <c r="CM16" s="253">
        <v>0</v>
      </c>
      <c r="CN16" s="257">
        <v>0</v>
      </c>
      <c r="CO16" s="254">
        <v>0</v>
      </c>
      <c r="CP16" s="256">
        <v>0</v>
      </c>
      <c r="CQ16" s="257">
        <v>0</v>
      </c>
      <c r="CR16" s="257">
        <v>0</v>
      </c>
      <c r="CS16" s="257">
        <v>0</v>
      </c>
      <c r="CT16" s="257">
        <v>0</v>
      </c>
      <c r="CU16" s="257">
        <v>0</v>
      </c>
      <c r="CV16" s="254">
        <v>0</v>
      </c>
      <c r="CW16" s="259">
        <v>0</v>
      </c>
      <c r="CX16" s="253">
        <v>0</v>
      </c>
      <c r="CY16" s="257">
        <v>0</v>
      </c>
      <c r="CZ16" s="254">
        <v>0</v>
      </c>
      <c r="DA16" s="256">
        <v>0</v>
      </c>
      <c r="DB16" s="257">
        <v>0</v>
      </c>
      <c r="DC16" s="257">
        <v>0</v>
      </c>
      <c r="DD16" s="257">
        <v>0</v>
      </c>
      <c r="DE16" s="257">
        <v>0</v>
      </c>
      <c r="DF16" s="257">
        <v>0</v>
      </c>
      <c r="DG16" s="254">
        <v>0</v>
      </c>
      <c r="DH16" s="259">
        <v>0</v>
      </c>
    </row>
    <row r="17" spans="2:112" ht="21" customHeight="1" x14ac:dyDescent="0.2">
      <c r="B17" s="437" t="s">
        <v>15</v>
      </c>
      <c r="C17" s="253">
        <v>0</v>
      </c>
      <c r="D17" s="254">
        <v>0</v>
      </c>
      <c r="E17" s="255">
        <v>0</v>
      </c>
      <c r="F17" s="256">
        <v>0</v>
      </c>
      <c r="G17" s="257">
        <v>59</v>
      </c>
      <c r="H17" s="257">
        <v>117</v>
      </c>
      <c r="I17" s="257">
        <v>0</v>
      </c>
      <c r="J17" s="257">
        <v>118</v>
      </c>
      <c r="K17" s="257">
        <v>23</v>
      </c>
      <c r="L17" s="258">
        <v>317</v>
      </c>
      <c r="M17" s="259">
        <v>317</v>
      </c>
      <c r="N17" s="253">
        <v>0</v>
      </c>
      <c r="O17" s="257">
        <v>0</v>
      </c>
      <c r="P17" s="254">
        <v>0</v>
      </c>
      <c r="Q17" s="256">
        <v>0</v>
      </c>
      <c r="R17" s="257">
        <v>0</v>
      </c>
      <c r="S17" s="257">
        <v>0</v>
      </c>
      <c r="T17" s="257">
        <v>0</v>
      </c>
      <c r="U17" s="257">
        <v>4</v>
      </c>
      <c r="V17" s="257">
        <v>12</v>
      </c>
      <c r="W17" s="254">
        <v>16</v>
      </c>
      <c r="X17" s="259">
        <v>16</v>
      </c>
      <c r="Y17" s="253">
        <v>0</v>
      </c>
      <c r="Z17" s="257">
        <v>7</v>
      </c>
      <c r="AA17" s="254">
        <v>7</v>
      </c>
      <c r="AB17" s="256">
        <v>0</v>
      </c>
      <c r="AC17" s="257">
        <v>18</v>
      </c>
      <c r="AD17" s="257">
        <v>24</v>
      </c>
      <c r="AE17" s="257">
        <v>0</v>
      </c>
      <c r="AF17" s="257">
        <v>48</v>
      </c>
      <c r="AG17" s="257">
        <v>44</v>
      </c>
      <c r="AH17" s="254">
        <v>134</v>
      </c>
      <c r="AI17" s="259">
        <v>141</v>
      </c>
      <c r="AJ17" s="253">
        <v>0</v>
      </c>
      <c r="AK17" s="257">
        <v>0</v>
      </c>
      <c r="AL17" s="254">
        <v>0</v>
      </c>
      <c r="AM17" s="256">
        <v>0</v>
      </c>
      <c r="AN17" s="257">
        <v>0</v>
      </c>
      <c r="AO17" s="257">
        <v>12</v>
      </c>
      <c r="AP17" s="257">
        <v>0</v>
      </c>
      <c r="AQ17" s="257">
        <v>0</v>
      </c>
      <c r="AR17" s="257">
        <v>9</v>
      </c>
      <c r="AS17" s="254">
        <v>21</v>
      </c>
      <c r="AT17" s="259">
        <v>21</v>
      </c>
      <c r="AU17" s="253">
        <v>0</v>
      </c>
      <c r="AV17" s="257">
        <v>0</v>
      </c>
      <c r="AW17" s="254">
        <v>0</v>
      </c>
      <c r="AX17" s="256">
        <v>0</v>
      </c>
      <c r="AY17" s="257">
        <v>27</v>
      </c>
      <c r="AZ17" s="257">
        <v>35</v>
      </c>
      <c r="BA17" s="257">
        <v>48</v>
      </c>
      <c r="BB17" s="257">
        <v>10</v>
      </c>
      <c r="BC17" s="257">
        <v>0</v>
      </c>
      <c r="BD17" s="258">
        <v>120</v>
      </c>
      <c r="BE17" s="259">
        <v>120</v>
      </c>
      <c r="BF17" s="253">
        <v>0</v>
      </c>
      <c r="BG17" s="257">
        <v>0</v>
      </c>
      <c r="BH17" s="254">
        <v>0</v>
      </c>
      <c r="BI17" s="256">
        <v>0</v>
      </c>
      <c r="BJ17" s="257">
        <v>2</v>
      </c>
      <c r="BK17" s="257">
        <v>15</v>
      </c>
      <c r="BL17" s="257">
        <v>15</v>
      </c>
      <c r="BM17" s="257">
        <v>16</v>
      </c>
      <c r="BN17" s="257">
        <v>8</v>
      </c>
      <c r="BO17" s="254">
        <v>56</v>
      </c>
      <c r="BP17" s="259">
        <v>56</v>
      </c>
      <c r="BQ17" s="253">
        <v>0</v>
      </c>
      <c r="BR17" s="257">
        <v>0</v>
      </c>
      <c r="BS17" s="254">
        <v>0</v>
      </c>
      <c r="BT17" s="256">
        <v>0</v>
      </c>
      <c r="BU17" s="257">
        <v>0</v>
      </c>
      <c r="BV17" s="257">
        <v>23</v>
      </c>
      <c r="BW17" s="257">
        <v>36</v>
      </c>
      <c r="BX17" s="257">
        <v>6</v>
      </c>
      <c r="BY17" s="257">
        <v>7</v>
      </c>
      <c r="BZ17" s="254">
        <v>72</v>
      </c>
      <c r="CA17" s="259">
        <v>72</v>
      </c>
      <c r="CB17" s="253">
        <v>0</v>
      </c>
      <c r="CC17" s="257">
        <v>0</v>
      </c>
      <c r="CD17" s="254">
        <v>0</v>
      </c>
      <c r="CE17" s="256">
        <v>0</v>
      </c>
      <c r="CF17" s="257">
        <v>0</v>
      </c>
      <c r="CG17" s="257">
        <v>0</v>
      </c>
      <c r="CH17" s="257">
        <v>4</v>
      </c>
      <c r="CI17" s="257">
        <v>0</v>
      </c>
      <c r="CJ17" s="257">
        <v>0</v>
      </c>
      <c r="CK17" s="254">
        <v>4</v>
      </c>
      <c r="CL17" s="259">
        <v>4</v>
      </c>
      <c r="CM17" s="253">
        <v>0</v>
      </c>
      <c r="CN17" s="257">
        <v>0</v>
      </c>
      <c r="CO17" s="254">
        <v>0</v>
      </c>
      <c r="CP17" s="256">
        <v>0</v>
      </c>
      <c r="CQ17" s="257">
        <v>0</v>
      </c>
      <c r="CR17" s="257">
        <v>0</v>
      </c>
      <c r="CS17" s="257">
        <v>0</v>
      </c>
      <c r="CT17" s="257">
        <v>0</v>
      </c>
      <c r="CU17" s="257">
        <v>0</v>
      </c>
      <c r="CV17" s="254">
        <v>0</v>
      </c>
      <c r="CW17" s="259">
        <v>0</v>
      </c>
      <c r="CX17" s="253">
        <v>0</v>
      </c>
      <c r="CY17" s="257">
        <v>0</v>
      </c>
      <c r="CZ17" s="254">
        <v>0</v>
      </c>
      <c r="DA17" s="256">
        <v>0</v>
      </c>
      <c r="DB17" s="257">
        <v>0</v>
      </c>
      <c r="DC17" s="257">
        <v>0</v>
      </c>
      <c r="DD17" s="257">
        <v>0</v>
      </c>
      <c r="DE17" s="257">
        <v>0</v>
      </c>
      <c r="DF17" s="257">
        <v>0</v>
      </c>
      <c r="DG17" s="254">
        <v>0</v>
      </c>
      <c r="DH17" s="259">
        <v>0</v>
      </c>
    </row>
    <row r="18" spans="2:112" ht="21" customHeight="1" x14ac:dyDescent="0.2">
      <c r="B18" s="437" t="s">
        <v>16</v>
      </c>
      <c r="C18" s="253">
        <v>0</v>
      </c>
      <c r="D18" s="254">
        <v>0</v>
      </c>
      <c r="E18" s="255">
        <v>0</v>
      </c>
      <c r="F18" s="256">
        <v>0</v>
      </c>
      <c r="G18" s="257">
        <v>137</v>
      </c>
      <c r="H18" s="257">
        <v>316</v>
      </c>
      <c r="I18" s="257">
        <v>144</v>
      </c>
      <c r="J18" s="257">
        <v>160</v>
      </c>
      <c r="K18" s="257">
        <v>96</v>
      </c>
      <c r="L18" s="258">
        <v>853</v>
      </c>
      <c r="M18" s="259">
        <v>853</v>
      </c>
      <c r="N18" s="253">
        <v>0</v>
      </c>
      <c r="O18" s="257">
        <v>0</v>
      </c>
      <c r="P18" s="254">
        <v>0</v>
      </c>
      <c r="Q18" s="256">
        <v>0</v>
      </c>
      <c r="R18" s="257">
        <v>0</v>
      </c>
      <c r="S18" s="257">
        <v>0</v>
      </c>
      <c r="T18" s="257">
        <v>0</v>
      </c>
      <c r="U18" s="257">
        <v>0</v>
      </c>
      <c r="V18" s="257">
        <v>18</v>
      </c>
      <c r="W18" s="254">
        <v>18</v>
      </c>
      <c r="X18" s="259">
        <v>18</v>
      </c>
      <c r="Y18" s="253">
        <v>3</v>
      </c>
      <c r="Z18" s="257">
        <v>27</v>
      </c>
      <c r="AA18" s="254">
        <v>30</v>
      </c>
      <c r="AB18" s="256">
        <v>0</v>
      </c>
      <c r="AC18" s="257">
        <v>29</v>
      </c>
      <c r="AD18" s="257">
        <v>128</v>
      </c>
      <c r="AE18" s="257">
        <v>110</v>
      </c>
      <c r="AF18" s="257">
        <v>27</v>
      </c>
      <c r="AG18" s="257">
        <v>43</v>
      </c>
      <c r="AH18" s="254">
        <v>337</v>
      </c>
      <c r="AI18" s="259">
        <v>367</v>
      </c>
      <c r="AJ18" s="253">
        <v>0</v>
      </c>
      <c r="AK18" s="257">
        <v>0</v>
      </c>
      <c r="AL18" s="254">
        <v>0</v>
      </c>
      <c r="AM18" s="256">
        <v>0</v>
      </c>
      <c r="AN18" s="257">
        <v>0</v>
      </c>
      <c r="AO18" s="257">
        <v>30</v>
      </c>
      <c r="AP18" s="257">
        <v>36</v>
      </c>
      <c r="AQ18" s="257">
        <v>0</v>
      </c>
      <c r="AR18" s="257">
        <v>15</v>
      </c>
      <c r="AS18" s="254">
        <v>81</v>
      </c>
      <c r="AT18" s="259">
        <v>81</v>
      </c>
      <c r="AU18" s="253">
        <v>0</v>
      </c>
      <c r="AV18" s="257">
        <v>0</v>
      </c>
      <c r="AW18" s="254">
        <v>0</v>
      </c>
      <c r="AX18" s="256">
        <v>0</v>
      </c>
      <c r="AY18" s="257">
        <v>186</v>
      </c>
      <c r="AZ18" s="257">
        <v>126</v>
      </c>
      <c r="BA18" s="257">
        <v>87</v>
      </c>
      <c r="BB18" s="257">
        <v>26</v>
      </c>
      <c r="BC18" s="257">
        <v>13</v>
      </c>
      <c r="BD18" s="258">
        <v>438</v>
      </c>
      <c r="BE18" s="259">
        <v>438</v>
      </c>
      <c r="BF18" s="253">
        <v>0</v>
      </c>
      <c r="BG18" s="257">
        <v>0</v>
      </c>
      <c r="BH18" s="254">
        <v>0</v>
      </c>
      <c r="BI18" s="256">
        <v>0</v>
      </c>
      <c r="BJ18" s="257">
        <v>35</v>
      </c>
      <c r="BK18" s="257">
        <v>152</v>
      </c>
      <c r="BL18" s="257">
        <v>50</v>
      </c>
      <c r="BM18" s="257">
        <v>18</v>
      </c>
      <c r="BN18" s="257">
        <v>8</v>
      </c>
      <c r="BO18" s="254">
        <v>263</v>
      </c>
      <c r="BP18" s="259">
        <v>263</v>
      </c>
      <c r="BQ18" s="253">
        <v>0</v>
      </c>
      <c r="BR18" s="257">
        <v>0</v>
      </c>
      <c r="BS18" s="254">
        <v>0</v>
      </c>
      <c r="BT18" s="256">
        <v>0</v>
      </c>
      <c r="BU18" s="257">
        <v>9</v>
      </c>
      <c r="BV18" s="257">
        <v>54</v>
      </c>
      <c r="BW18" s="257">
        <v>49</v>
      </c>
      <c r="BX18" s="257">
        <v>12</v>
      </c>
      <c r="BY18" s="257">
        <v>0</v>
      </c>
      <c r="BZ18" s="254">
        <v>124</v>
      </c>
      <c r="CA18" s="259">
        <v>124</v>
      </c>
      <c r="CB18" s="253">
        <v>0</v>
      </c>
      <c r="CC18" s="257">
        <v>0</v>
      </c>
      <c r="CD18" s="254">
        <v>0</v>
      </c>
      <c r="CE18" s="256">
        <v>0</v>
      </c>
      <c r="CF18" s="257">
        <v>0</v>
      </c>
      <c r="CG18" s="257">
        <v>15</v>
      </c>
      <c r="CH18" s="257">
        <v>0</v>
      </c>
      <c r="CI18" s="257">
        <v>0</v>
      </c>
      <c r="CJ18" s="257">
        <v>0</v>
      </c>
      <c r="CK18" s="254">
        <v>15</v>
      </c>
      <c r="CL18" s="259">
        <v>15</v>
      </c>
      <c r="CM18" s="253">
        <v>0</v>
      </c>
      <c r="CN18" s="257">
        <v>0</v>
      </c>
      <c r="CO18" s="254">
        <v>0</v>
      </c>
      <c r="CP18" s="256">
        <v>0</v>
      </c>
      <c r="CQ18" s="257">
        <v>0</v>
      </c>
      <c r="CR18" s="257">
        <v>0</v>
      </c>
      <c r="CS18" s="257">
        <v>0</v>
      </c>
      <c r="CT18" s="257">
        <v>0</v>
      </c>
      <c r="CU18" s="257">
        <v>0</v>
      </c>
      <c r="CV18" s="254">
        <v>0</v>
      </c>
      <c r="CW18" s="259">
        <v>0</v>
      </c>
      <c r="CX18" s="253">
        <v>0</v>
      </c>
      <c r="CY18" s="257">
        <v>0</v>
      </c>
      <c r="CZ18" s="254">
        <v>0</v>
      </c>
      <c r="DA18" s="256">
        <v>0</v>
      </c>
      <c r="DB18" s="257">
        <v>0</v>
      </c>
      <c r="DC18" s="257">
        <v>0</v>
      </c>
      <c r="DD18" s="257">
        <v>0</v>
      </c>
      <c r="DE18" s="257">
        <v>0</v>
      </c>
      <c r="DF18" s="257">
        <v>0</v>
      </c>
      <c r="DG18" s="254">
        <v>0</v>
      </c>
      <c r="DH18" s="259">
        <v>0</v>
      </c>
    </row>
    <row r="19" spans="2:112" ht="21" customHeight="1" x14ac:dyDescent="0.2">
      <c r="B19" s="437" t="s">
        <v>17</v>
      </c>
      <c r="C19" s="253">
        <v>0</v>
      </c>
      <c r="D19" s="254">
        <v>0</v>
      </c>
      <c r="E19" s="255">
        <v>0</v>
      </c>
      <c r="F19" s="256">
        <v>0</v>
      </c>
      <c r="G19" s="257">
        <v>138</v>
      </c>
      <c r="H19" s="257">
        <v>375</v>
      </c>
      <c r="I19" s="257">
        <v>650</v>
      </c>
      <c r="J19" s="257">
        <v>335</v>
      </c>
      <c r="K19" s="257">
        <v>618</v>
      </c>
      <c r="L19" s="258">
        <v>2116</v>
      </c>
      <c r="M19" s="259">
        <v>2116</v>
      </c>
      <c r="N19" s="253">
        <v>0</v>
      </c>
      <c r="O19" s="257">
        <v>0</v>
      </c>
      <c r="P19" s="254">
        <v>0</v>
      </c>
      <c r="Q19" s="256">
        <v>0</v>
      </c>
      <c r="R19" s="257">
        <v>0</v>
      </c>
      <c r="S19" s="257">
        <v>0</v>
      </c>
      <c r="T19" s="257">
        <v>2</v>
      </c>
      <c r="U19" s="257">
        <v>10</v>
      </c>
      <c r="V19" s="257">
        <v>8</v>
      </c>
      <c r="W19" s="254">
        <v>20</v>
      </c>
      <c r="X19" s="259">
        <v>20</v>
      </c>
      <c r="Y19" s="253">
        <v>22</v>
      </c>
      <c r="Z19" s="257">
        <v>47</v>
      </c>
      <c r="AA19" s="254">
        <v>69</v>
      </c>
      <c r="AB19" s="256">
        <v>0</v>
      </c>
      <c r="AC19" s="257">
        <v>81</v>
      </c>
      <c r="AD19" s="257">
        <v>203</v>
      </c>
      <c r="AE19" s="257">
        <v>213</v>
      </c>
      <c r="AF19" s="257">
        <v>87</v>
      </c>
      <c r="AG19" s="257">
        <v>71</v>
      </c>
      <c r="AH19" s="254">
        <v>655</v>
      </c>
      <c r="AI19" s="259">
        <v>724</v>
      </c>
      <c r="AJ19" s="253">
        <v>0</v>
      </c>
      <c r="AK19" s="257">
        <v>0</v>
      </c>
      <c r="AL19" s="254">
        <v>0</v>
      </c>
      <c r="AM19" s="256">
        <v>0</v>
      </c>
      <c r="AN19" s="257">
        <v>0</v>
      </c>
      <c r="AO19" s="257">
        <v>30</v>
      </c>
      <c r="AP19" s="257">
        <v>36</v>
      </c>
      <c r="AQ19" s="257">
        <v>19</v>
      </c>
      <c r="AR19" s="257">
        <v>40</v>
      </c>
      <c r="AS19" s="254">
        <v>125</v>
      </c>
      <c r="AT19" s="259">
        <v>125</v>
      </c>
      <c r="AU19" s="253">
        <v>0</v>
      </c>
      <c r="AV19" s="257">
        <v>0</v>
      </c>
      <c r="AW19" s="254">
        <v>0</v>
      </c>
      <c r="AX19" s="256">
        <v>0</v>
      </c>
      <c r="AY19" s="257">
        <v>162</v>
      </c>
      <c r="AZ19" s="257">
        <v>270</v>
      </c>
      <c r="BA19" s="257">
        <v>162</v>
      </c>
      <c r="BB19" s="257">
        <v>127</v>
      </c>
      <c r="BC19" s="257">
        <v>29</v>
      </c>
      <c r="BD19" s="258">
        <v>750</v>
      </c>
      <c r="BE19" s="259">
        <v>750</v>
      </c>
      <c r="BF19" s="253">
        <v>0</v>
      </c>
      <c r="BG19" s="257">
        <v>0</v>
      </c>
      <c r="BH19" s="254">
        <v>0</v>
      </c>
      <c r="BI19" s="256">
        <v>0</v>
      </c>
      <c r="BJ19" s="257">
        <v>27</v>
      </c>
      <c r="BK19" s="257">
        <v>101</v>
      </c>
      <c r="BL19" s="257">
        <v>62</v>
      </c>
      <c r="BM19" s="257">
        <v>36</v>
      </c>
      <c r="BN19" s="257">
        <v>16</v>
      </c>
      <c r="BO19" s="254">
        <v>242</v>
      </c>
      <c r="BP19" s="259">
        <v>242</v>
      </c>
      <c r="BQ19" s="253">
        <v>0</v>
      </c>
      <c r="BR19" s="257">
        <v>3</v>
      </c>
      <c r="BS19" s="254">
        <v>3</v>
      </c>
      <c r="BT19" s="256">
        <v>0</v>
      </c>
      <c r="BU19" s="257">
        <v>12</v>
      </c>
      <c r="BV19" s="257">
        <v>49</v>
      </c>
      <c r="BW19" s="257">
        <v>58</v>
      </c>
      <c r="BX19" s="257">
        <v>116</v>
      </c>
      <c r="BY19" s="257">
        <v>44</v>
      </c>
      <c r="BZ19" s="254">
        <v>279</v>
      </c>
      <c r="CA19" s="259">
        <v>282</v>
      </c>
      <c r="CB19" s="253">
        <v>0</v>
      </c>
      <c r="CC19" s="257">
        <v>0</v>
      </c>
      <c r="CD19" s="254">
        <v>0</v>
      </c>
      <c r="CE19" s="256">
        <v>0</v>
      </c>
      <c r="CF19" s="257">
        <v>0</v>
      </c>
      <c r="CG19" s="257">
        <v>10</v>
      </c>
      <c r="CH19" s="257">
        <v>0</v>
      </c>
      <c r="CI19" s="257">
        <v>0</v>
      </c>
      <c r="CJ19" s="257">
        <v>0</v>
      </c>
      <c r="CK19" s="254">
        <v>10</v>
      </c>
      <c r="CL19" s="259">
        <v>10</v>
      </c>
      <c r="CM19" s="253">
        <v>0</v>
      </c>
      <c r="CN19" s="257">
        <v>0</v>
      </c>
      <c r="CO19" s="254">
        <v>0</v>
      </c>
      <c r="CP19" s="256">
        <v>0</v>
      </c>
      <c r="CQ19" s="257">
        <v>0</v>
      </c>
      <c r="CR19" s="257">
        <v>0</v>
      </c>
      <c r="CS19" s="257">
        <v>0</v>
      </c>
      <c r="CT19" s="257">
        <v>0</v>
      </c>
      <c r="CU19" s="257">
        <v>0</v>
      </c>
      <c r="CV19" s="254">
        <v>0</v>
      </c>
      <c r="CW19" s="259">
        <v>0</v>
      </c>
      <c r="CX19" s="253">
        <v>0</v>
      </c>
      <c r="CY19" s="257">
        <v>0</v>
      </c>
      <c r="CZ19" s="254">
        <v>0</v>
      </c>
      <c r="DA19" s="256">
        <v>0</v>
      </c>
      <c r="DB19" s="257">
        <v>0</v>
      </c>
      <c r="DC19" s="257">
        <v>0</v>
      </c>
      <c r="DD19" s="257">
        <v>0</v>
      </c>
      <c r="DE19" s="257">
        <v>0</v>
      </c>
      <c r="DF19" s="257">
        <v>0</v>
      </c>
      <c r="DG19" s="254">
        <v>0</v>
      </c>
      <c r="DH19" s="259">
        <v>0</v>
      </c>
    </row>
    <row r="20" spans="2:112" ht="21" customHeight="1" x14ac:dyDescent="0.2">
      <c r="B20" s="437" t="s">
        <v>18</v>
      </c>
      <c r="C20" s="253">
        <v>0</v>
      </c>
      <c r="D20" s="254">
        <v>0</v>
      </c>
      <c r="E20" s="255">
        <v>0</v>
      </c>
      <c r="F20" s="256">
        <v>0</v>
      </c>
      <c r="G20" s="257">
        <v>288</v>
      </c>
      <c r="H20" s="257">
        <v>439</v>
      </c>
      <c r="I20" s="257">
        <v>670</v>
      </c>
      <c r="J20" s="257">
        <v>975</v>
      </c>
      <c r="K20" s="257">
        <v>290</v>
      </c>
      <c r="L20" s="258">
        <v>2662</v>
      </c>
      <c r="M20" s="259">
        <v>2662</v>
      </c>
      <c r="N20" s="253">
        <v>0</v>
      </c>
      <c r="O20" s="257">
        <v>0</v>
      </c>
      <c r="P20" s="254">
        <v>0</v>
      </c>
      <c r="Q20" s="256">
        <v>0</v>
      </c>
      <c r="R20" s="257">
        <v>0</v>
      </c>
      <c r="S20" s="257">
        <v>0</v>
      </c>
      <c r="T20" s="257">
        <v>5</v>
      </c>
      <c r="U20" s="257">
        <v>15</v>
      </c>
      <c r="V20" s="257">
        <v>8</v>
      </c>
      <c r="W20" s="254">
        <v>28</v>
      </c>
      <c r="X20" s="259">
        <v>28</v>
      </c>
      <c r="Y20" s="253">
        <v>20</v>
      </c>
      <c r="Z20" s="257">
        <v>40</v>
      </c>
      <c r="AA20" s="254">
        <v>60</v>
      </c>
      <c r="AB20" s="256">
        <v>0</v>
      </c>
      <c r="AC20" s="257">
        <v>175</v>
      </c>
      <c r="AD20" s="257">
        <v>318</v>
      </c>
      <c r="AE20" s="257">
        <v>271</v>
      </c>
      <c r="AF20" s="257">
        <v>167</v>
      </c>
      <c r="AG20" s="257">
        <v>87</v>
      </c>
      <c r="AH20" s="254">
        <v>1018</v>
      </c>
      <c r="AI20" s="259">
        <v>1078</v>
      </c>
      <c r="AJ20" s="253">
        <v>12</v>
      </c>
      <c r="AK20" s="257">
        <v>6</v>
      </c>
      <c r="AL20" s="254">
        <v>18</v>
      </c>
      <c r="AM20" s="256">
        <v>0</v>
      </c>
      <c r="AN20" s="257">
        <v>29</v>
      </c>
      <c r="AO20" s="257">
        <v>20</v>
      </c>
      <c r="AP20" s="257">
        <v>28</v>
      </c>
      <c r="AQ20" s="257">
        <v>24</v>
      </c>
      <c r="AR20" s="257">
        <v>0</v>
      </c>
      <c r="AS20" s="254">
        <v>101</v>
      </c>
      <c r="AT20" s="259">
        <v>119</v>
      </c>
      <c r="AU20" s="253">
        <v>0</v>
      </c>
      <c r="AV20" s="257">
        <v>0</v>
      </c>
      <c r="AW20" s="254">
        <v>0</v>
      </c>
      <c r="AX20" s="256">
        <v>0</v>
      </c>
      <c r="AY20" s="257">
        <v>316</v>
      </c>
      <c r="AZ20" s="257">
        <v>399</v>
      </c>
      <c r="BA20" s="257">
        <v>112</v>
      </c>
      <c r="BB20" s="257">
        <v>140</v>
      </c>
      <c r="BC20" s="257">
        <v>73</v>
      </c>
      <c r="BD20" s="258">
        <v>1040</v>
      </c>
      <c r="BE20" s="259">
        <v>1040</v>
      </c>
      <c r="BF20" s="253">
        <v>0</v>
      </c>
      <c r="BG20" s="257">
        <v>0</v>
      </c>
      <c r="BH20" s="254">
        <v>0</v>
      </c>
      <c r="BI20" s="256">
        <v>0</v>
      </c>
      <c r="BJ20" s="257">
        <v>101</v>
      </c>
      <c r="BK20" s="257">
        <v>138</v>
      </c>
      <c r="BL20" s="257">
        <v>50</v>
      </c>
      <c r="BM20" s="257">
        <v>59</v>
      </c>
      <c r="BN20" s="257">
        <v>5</v>
      </c>
      <c r="BO20" s="254">
        <v>353</v>
      </c>
      <c r="BP20" s="259">
        <v>353</v>
      </c>
      <c r="BQ20" s="253">
        <v>0</v>
      </c>
      <c r="BR20" s="257">
        <v>0</v>
      </c>
      <c r="BS20" s="254">
        <v>0</v>
      </c>
      <c r="BT20" s="256">
        <v>0</v>
      </c>
      <c r="BU20" s="257">
        <v>40</v>
      </c>
      <c r="BV20" s="257">
        <v>82</v>
      </c>
      <c r="BW20" s="257">
        <v>89</v>
      </c>
      <c r="BX20" s="257">
        <v>62</v>
      </c>
      <c r="BY20" s="257">
        <v>58</v>
      </c>
      <c r="BZ20" s="254">
        <v>331</v>
      </c>
      <c r="CA20" s="259">
        <v>331</v>
      </c>
      <c r="CB20" s="253">
        <v>0</v>
      </c>
      <c r="CC20" s="257">
        <v>0</v>
      </c>
      <c r="CD20" s="254">
        <v>0</v>
      </c>
      <c r="CE20" s="256">
        <v>0</v>
      </c>
      <c r="CF20" s="257">
        <v>0</v>
      </c>
      <c r="CG20" s="257">
        <v>0</v>
      </c>
      <c r="CH20" s="257">
        <v>0</v>
      </c>
      <c r="CI20" s="257">
        <v>0</v>
      </c>
      <c r="CJ20" s="257">
        <v>3</v>
      </c>
      <c r="CK20" s="254">
        <v>3</v>
      </c>
      <c r="CL20" s="259">
        <v>3</v>
      </c>
      <c r="CM20" s="253">
        <v>0</v>
      </c>
      <c r="CN20" s="257">
        <v>0</v>
      </c>
      <c r="CO20" s="254">
        <v>0</v>
      </c>
      <c r="CP20" s="256">
        <v>0</v>
      </c>
      <c r="CQ20" s="257">
        <v>0</v>
      </c>
      <c r="CR20" s="257">
        <v>0</v>
      </c>
      <c r="CS20" s="257">
        <v>0</v>
      </c>
      <c r="CT20" s="257">
        <v>0</v>
      </c>
      <c r="CU20" s="257">
        <v>0</v>
      </c>
      <c r="CV20" s="254">
        <v>0</v>
      </c>
      <c r="CW20" s="259">
        <v>0</v>
      </c>
      <c r="CX20" s="253">
        <v>0</v>
      </c>
      <c r="CY20" s="257">
        <v>0</v>
      </c>
      <c r="CZ20" s="254">
        <v>0</v>
      </c>
      <c r="DA20" s="256">
        <v>0</v>
      </c>
      <c r="DB20" s="257">
        <v>0</v>
      </c>
      <c r="DC20" s="257">
        <v>0</v>
      </c>
      <c r="DD20" s="257">
        <v>0</v>
      </c>
      <c r="DE20" s="257">
        <v>0</v>
      </c>
      <c r="DF20" s="257">
        <v>0</v>
      </c>
      <c r="DG20" s="254">
        <v>0</v>
      </c>
      <c r="DH20" s="259">
        <v>0</v>
      </c>
    </row>
    <row r="21" spans="2:112" ht="21" customHeight="1" x14ac:dyDescent="0.2">
      <c r="B21" s="437" t="s">
        <v>19</v>
      </c>
      <c r="C21" s="253">
        <v>0</v>
      </c>
      <c r="D21" s="254">
        <v>0</v>
      </c>
      <c r="E21" s="255">
        <v>0</v>
      </c>
      <c r="F21" s="256">
        <v>0</v>
      </c>
      <c r="G21" s="257">
        <v>101</v>
      </c>
      <c r="H21" s="257">
        <v>149</v>
      </c>
      <c r="I21" s="257">
        <v>173</v>
      </c>
      <c r="J21" s="257">
        <v>26</v>
      </c>
      <c r="K21" s="257">
        <v>7</v>
      </c>
      <c r="L21" s="258">
        <v>456</v>
      </c>
      <c r="M21" s="259">
        <v>456</v>
      </c>
      <c r="N21" s="253">
        <v>0</v>
      </c>
      <c r="O21" s="257">
        <v>0</v>
      </c>
      <c r="P21" s="254">
        <v>0</v>
      </c>
      <c r="Q21" s="256">
        <v>0</v>
      </c>
      <c r="R21" s="257">
        <v>0</v>
      </c>
      <c r="S21" s="257">
        <v>0</v>
      </c>
      <c r="T21" s="257">
        <v>4</v>
      </c>
      <c r="U21" s="257">
        <v>5</v>
      </c>
      <c r="V21" s="257">
        <v>8</v>
      </c>
      <c r="W21" s="254">
        <v>17</v>
      </c>
      <c r="X21" s="259">
        <v>17</v>
      </c>
      <c r="Y21" s="253">
        <v>22</v>
      </c>
      <c r="Z21" s="257">
        <v>41</v>
      </c>
      <c r="AA21" s="254">
        <v>63</v>
      </c>
      <c r="AB21" s="256">
        <v>0</v>
      </c>
      <c r="AC21" s="257">
        <v>176</v>
      </c>
      <c r="AD21" s="257">
        <v>82</v>
      </c>
      <c r="AE21" s="257">
        <v>53</v>
      </c>
      <c r="AF21" s="257">
        <v>25</v>
      </c>
      <c r="AG21" s="257">
        <v>13</v>
      </c>
      <c r="AH21" s="254">
        <v>349</v>
      </c>
      <c r="AI21" s="259">
        <v>412</v>
      </c>
      <c r="AJ21" s="253">
        <v>0</v>
      </c>
      <c r="AK21" s="257">
        <v>0</v>
      </c>
      <c r="AL21" s="254">
        <v>0</v>
      </c>
      <c r="AM21" s="256">
        <v>0</v>
      </c>
      <c r="AN21" s="257">
        <v>29</v>
      </c>
      <c r="AO21" s="257">
        <v>0</v>
      </c>
      <c r="AP21" s="257">
        <v>0</v>
      </c>
      <c r="AQ21" s="257">
        <v>27</v>
      </c>
      <c r="AR21" s="257">
        <v>0</v>
      </c>
      <c r="AS21" s="254">
        <v>56</v>
      </c>
      <c r="AT21" s="259">
        <v>56</v>
      </c>
      <c r="AU21" s="253">
        <v>0</v>
      </c>
      <c r="AV21" s="257">
        <v>0</v>
      </c>
      <c r="AW21" s="254">
        <v>0</v>
      </c>
      <c r="AX21" s="256">
        <v>0</v>
      </c>
      <c r="AY21" s="257">
        <v>117</v>
      </c>
      <c r="AZ21" s="257">
        <v>117</v>
      </c>
      <c r="BA21" s="257">
        <v>27</v>
      </c>
      <c r="BB21" s="257">
        <v>0</v>
      </c>
      <c r="BC21" s="257">
        <v>49</v>
      </c>
      <c r="BD21" s="258">
        <v>310</v>
      </c>
      <c r="BE21" s="259">
        <v>310</v>
      </c>
      <c r="BF21" s="253">
        <v>0</v>
      </c>
      <c r="BG21" s="257">
        <v>0</v>
      </c>
      <c r="BH21" s="254">
        <v>0</v>
      </c>
      <c r="BI21" s="256">
        <v>0</v>
      </c>
      <c r="BJ21" s="257">
        <v>110</v>
      </c>
      <c r="BK21" s="257">
        <v>33</v>
      </c>
      <c r="BL21" s="257">
        <v>44</v>
      </c>
      <c r="BM21" s="257">
        <v>17</v>
      </c>
      <c r="BN21" s="257">
        <v>12</v>
      </c>
      <c r="BO21" s="254">
        <v>216</v>
      </c>
      <c r="BP21" s="259">
        <v>216</v>
      </c>
      <c r="BQ21" s="253">
        <v>0</v>
      </c>
      <c r="BR21" s="257">
        <v>3</v>
      </c>
      <c r="BS21" s="254">
        <v>3</v>
      </c>
      <c r="BT21" s="256">
        <v>0</v>
      </c>
      <c r="BU21" s="257">
        <v>9</v>
      </c>
      <c r="BV21" s="257">
        <v>5</v>
      </c>
      <c r="BW21" s="257">
        <v>55</v>
      </c>
      <c r="BX21" s="257">
        <v>0</v>
      </c>
      <c r="BY21" s="257">
        <v>0</v>
      </c>
      <c r="BZ21" s="254">
        <v>69</v>
      </c>
      <c r="CA21" s="259">
        <v>72</v>
      </c>
      <c r="CB21" s="253">
        <v>0</v>
      </c>
      <c r="CC21" s="257">
        <v>0</v>
      </c>
      <c r="CD21" s="254">
        <v>0</v>
      </c>
      <c r="CE21" s="256">
        <v>0</v>
      </c>
      <c r="CF21" s="257">
        <v>0</v>
      </c>
      <c r="CG21" s="257">
        <v>0</v>
      </c>
      <c r="CH21" s="257">
        <v>0</v>
      </c>
      <c r="CI21" s="257">
        <v>10</v>
      </c>
      <c r="CJ21" s="257">
        <v>0</v>
      </c>
      <c r="CK21" s="254">
        <v>10</v>
      </c>
      <c r="CL21" s="259">
        <v>10</v>
      </c>
      <c r="CM21" s="253">
        <v>0</v>
      </c>
      <c r="CN21" s="257">
        <v>0</v>
      </c>
      <c r="CO21" s="254">
        <v>0</v>
      </c>
      <c r="CP21" s="256">
        <v>0</v>
      </c>
      <c r="CQ21" s="257">
        <v>0</v>
      </c>
      <c r="CR21" s="257">
        <v>0</v>
      </c>
      <c r="CS21" s="257">
        <v>0</v>
      </c>
      <c r="CT21" s="257">
        <v>0</v>
      </c>
      <c r="CU21" s="257">
        <v>0</v>
      </c>
      <c r="CV21" s="254">
        <v>0</v>
      </c>
      <c r="CW21" s="259">
        <v>0</v>
      </c>
      <c r="CX21" s="253">
        <v>0</v>
      </c>
      <c r="CY21" s="257">
        <v>0</v>
      </c>
      <c r="CZ21" s="254">
        <v>0</v>
      </c>
      <c r="DA21" s="256">
        <v>0</v>
      </c>
      <c r="DB21" s="257">
        <v>0</v>
      </c>
      <c r="DC21" s="257">
        <v>0</v>
      </c>
      <c r="DD21" s="257">
        <v>0</v>
      </c>
      <c r="DE21" s="257">
        <v>0</v>
      </c>
      <c r="DF21" s="257">
        <v>0</v>
      </c>
      <c r="DG21" s="254">
        <v>0</v>
      </c>
      <c r="DH21" s="259">
        <v>0</v>
      </c>
    </row>
    <row r="22" spans="2:112" ht="21" customHeight="1" x14ac:dyDescent="0.2">
      <c r="B22" s="437" t="s">
        <v>20</v>
      </c>
      <c r="C22" s="253">
        <v>0</v>
      </c>
      <c r="D22" s="254">
        <v>0</v>
      </c>
      <c r="E22" s="255">
        <v>0</v>
      </c>
      <c r="F22" s="256">
        <v>0</v>
      </c>
      <c r="G22" s="257">
        <v>95</v>
      </c>
      <c r="H22" s="257">
        <v>175</v>
      </c>
      <c r="I22" s="257">
        <v>101</v>
      </c>
      <c r="J22" s="257">
        <v>307</v>
      </c>
      <c r="K22" s="257">
        <v>396</v>
      </c>
      <c r="L22" s="258">
        <v>1074</v>
      </c>
      <c r="M22" s="259">
        <v>1074</v>
      </c>
      <c r="N22" s="253">
        <v>0</v>
      </c>
      <c r="O22" s="257">
        <v>0</v>
      </c>
      <c r="P22" s="254">
        <v>0</v>
      </c>
      <c r="Q22" s="256">
        <v>0</v>
      </c>
      <c r="R22" s="257">
        <v>4</v>
      </c>
      <c r="S22" s="257">
        <v>0</v>
      </c>
      <c r="T22" s="257">
        <v>0</v>
      </c>
      <c r="U22" s="257">
        <v>26</v>
      </c>
      <c r="V22" s="257">
        <v>15</v>
      </c>
      <c r="W22" s="254">
        <v>45</v>
      </c>
      <c r="X22" s="259">
        <v>45</v>
      </c>
      <c r="Y22" s="253">
        <v>13</v>
      </c>
      <c r="Z22" s="257">
        <v>22</v>
      </c>
      <c r="AA22" s="254">
        <v>35</v>
      </c>
      <c r="AB22" s="256">
        <v>0</v>
      </c>
      <c r="AC22" s="257">
        <v>156</v>
      </c>
      <c r="AD22" s="257">
        <v>101</v>
      </c>
      <c r="AE22" s="257">
        <v>161</v>
      </c>
      <c r="AF22" s="257">
        <v>103</v>
      </c>
      <c r="AG22" s="257">
        <v>65</v>
      </c>
      <c r="AH22" s="254">
        <v>586</v>
      </c>
      <c r="AI22" s="259">
        <v>621</v>
      </c>
      <c r="AJ22" s="253">
        <v>0</v>
      </c>
      <c r="AK22" s="257">
        <v>30</v>
      </c>
      <c r="AL22" s="254">
        <v>30</v>
      </c>
      <c r="AM22" s="256">
        <v>0</v>
      </c>
      <c r="AN22" s="257">
        <v>32</v>
      </c>
      <c r="AO22" s="257">
        <v>33</v>
      </c>
      <c r="AP22" s="257">
        <v>51</v>
      </c>
      <c r="AQ22" s="257">
        <v>36</v>
      </c>
      <c r="AR22" s="257">
        <v>8</v>
      </c>
      <c r="AS22" s="254">
        <v>160</v>
      </c>
      <c r="AT22" s="259">
        <v>190</v>
      </c>
      <c r="AU22" s="253">
        <v>0</v>
      </c>
      <c r="AV22" s="257">
        <v>0</v>
      </c>
      <c r="AW22" s="254">
        <v>0</v>
      </c>
      <c r="AX22" s="256">
        <v>0</v>
      </c>
      <c r="AY22" s="257">
        <v>160</v>
      </c>
      <c r="AZ22" s="257">
        <v>122</v>
      </c>
      <c r="BA22" s="257">
        <v>114</v>
      </c>
      <c r="BB22" s="257">
        <v>57</v>
      </c>
      <c r="BC22" s="257">
        <v>28</v>
      </c>
      <c r="BD22" s="258">
        <v>481</v>
      </c>
      <c r="BE22" s="259">
        <v>481</v>
      </c>
      <c r="BF22" s="253">
        <v>0</v>
      </c>
      <c r="BG22" s="257">
        <v>0</v>
      </c>
      <c r="BH22" s="254">
        <v>0</v>
      </c>
      <c r="BI22" s="256">
        <v>0</v>
      </c>
      <c r="BJ22" s="257">
        <v>22</v>
      </c>
      <c r="BK22" s="257">
        <v>86</v>
      </c>
      <c r="BL22" s="257">
        <v>22</v>
      </c>
      <c r="BM22" s="257">
        <v>29</v>
      </c>
      <c r="BN22" s="257">
        <v>16</v>
      </c>
      <c r="BO22" s="254">
        <v>175</v>
      </c>
      <c r="BP22" s="259">
        <v>175</v>
      </c>
      <c r="BQ22" s="253">
        <v>0</v>
      </c>
      <c r="BR22" s="257">
        <v>10</v>
      </c>
      <c r="BS22" s="254">
        <v>10</v>
      </c>
      <c r="BT22" s="256">
        <v>0</v>
      </c>
      <c r="BU22" s="257">
        <v>51</v>
      </c>
      <c r="BV22" s="257">
        <v>24</v>
      </c>
      <c r="BW22" s="257">
        <v>81</v>
      </c>
      <c r="BX22" s="257">
        <v>39</v>
      </c>
      <c r="BY22" s="257">
        <v>6</v>
      </c>
      <c r="BZ22" s="254">
        <v>201</v>
      </c>
      <c r="CA22" s="259">
        <v>211</v>
      </c>
      <c r="CB22" s="253">
        <v>0</v>
      </c>
      <c r="CC22" s="257">
        <v>0</v>
      </c>
      <c r="CD22" s="254">
        <v>0</v>
      </c>
      <c r="CE22" s="256">
        <v>0</v>
      </c>
      <c r="CF22" s="257">
        <v>0</v>
      </c>
      <c r="CG22" s="257">
        <v>4</v>
      </c>
      <c r="CH22" s="257">
        <v>0</v>
      </c>
      <c r="CI22" s="257">
        <v>12</v>
      </c>
      <c r="CJ22" s="257">
        <v>0</v>
      </c>
      <c r="CK22" s="254">
        <v>16</v>
      </c>
      <c r="CL22" s="259">
        <v>16</v>
      </c>
      <c r="CM22" s="253">
        <v>0</v>
      </c>
      <c r="CN22" s="257">
        <v>0</v>
      </c>
      <c r="CO22" s="254">
        <v>0</v>
      </c>
      <c r="CP22" s="256">
        <v>0</v>
      </c>
      <c r="CQ22" s="257">
        <v>0</v>
      </c>
      <c r="CR22" s="257">
        <v>0</v>
      </c>
      <c r="CS22" s="257">
        <v>0</v>
      </c>
      <c r="CT22" s="257">
        <v>0</v>
      </c>
      <c r="CU22" s="257">
        <v>0</v>
      </c>
      <c r="CV22" s="254">
        <v>0</v>
      </c>
      <c r="CW22" s="259">
        <v>0</v>
      </c>
      <c r="CX22" s="253">
        <v>0</v>
      </c>
      <c r="CY22" s="257">
        <v>0</v>
      </c>
      <c r="CZ22" s="254">
        <v>0</v>
      </c>
      <c r="DA22" s="256">
        <v>0</v>
      </c>
      <c r="DB22" s="257">
        <v>0</v>
      </c>
      <c r="DC22" s="257">
        <v>0</v>
      </c>
      <c r="DD22" s="257">
        <v>0</v>
      </c>
      <c r="DE22" s="257">
        <v>0</v>
      </c>
      <c r="DF22" s="257">
        <v>0</v>
      </c>
      <c r="DG22" s="254">
        <v>0</v>
      </c>
      <c r="DH22" s="259">
        <v>0</v>
      </c>
    </row>
    <row r="23" spans="2:112" ht="21" customHeight="1" x14ac:dyDescent="0.2">
      <c r="B23" s="437" t="s">
        <v>21</v>
      </c>
      <c r="C23" s="253">
        <v>0</v>
      </c>
      <c r="D23" s="254">
        <v>0</v>
      </c>
      <c r="E23" s="255">
        <v>0</v>
      </c>
      <c r="F23" s="256">
        <v>0</v>
      </c>
      <c r="G23" s="257">
        <v>130</v>
      </c>
      <c r="H23" s="257">
        <v>217</v>
      </c>
      <c r="I23" s="257">
        <v>237</v>
      </c>
      <c r="J23" s="257">
        <v>216</v>
      </c>
      <c r="K23" s="257">
        <v>88</v>
      </c>
      <c r="L23" s="258">
        <v>888</v>
      </c>
      <c r="M23" s="259">
        <v>888</v>
      </c>
      <c r="N23" s="253">
        <v>0</v>
      </c>
      <c r="O23" s="257">
        <v>0</v>
      </c>
      <c r="P23" s="254">
        <v>0</v>
      </c>
      <c r="Q23" s="256">
        <v>0</v>
      </c>
      <c r="R23" s="257">
        <v>0</v>
      </c>
      <c r="S23" s="257">
        <v>0</v>
      </c>
      <c r="T23" s="257">
        <v>0</v>
      </c>
      <c r="U23" s="257">
        <v>0</v>
      </c>
      <c r="V23" s="257">
        <v>14</v>
      </c>
      <c r="W23" s="254">
        <v>14</v>
      </c>
      <c r="X23" s="259">
        <v>14</v>
      </c>
      <c r="Y23" s="253">
        <v>0</v>
      </c>
      <c r="Z23" s="257">
        <v>9</v>
      </c>
      <c r="AA23" s="254">
        <v>9</v>
      </c>
      <c r="AB23" s="256">
        <v>0</v>
      </c>
      <c r="AC23" s="257">
        <v>85</v>
      </c>
      <c r="AD23" s="257">
        <v>125</v>
      </c>
      <c r="AE23" s="257">
        <v>67</v>
      </c>
      <c r="AF23" s="257">
        <v>11</v>
      </c>
      <c r="AG23" s="257">
        <v>68</v>
      </c>
      <c r="AH23" s="254">
        <v>356</v>
      </c>
      <c r="AI23" s="259">
        <v>365</v>
      </c>
      <c r="AJ23" s="253">
        <v>0</v>
      </c>
      <c r="AK23" s="257">
        <v>27</v>
      </c>
      <c r="AL23" s="254">
        <v>27</v>
      </c>
      <c r="AM23" s="256">
        <v>0</v>
      </c>
      <c r="AN23" s="257">
        <v>0</v>
      </c>
      <c r="AO23" s="257">
        <v>2</v>
      </c>
      <c r="AP23" s="257">
        <v>18</v>
      </c>
      <c r="AQ23" s="257">
        <v>0</v>
      </c>
      <c r="AR23" s="257">
        <v>12</v>
      </c>
      <c r="AS23" s="254">
        <v>32</v>
      </c>
      <c r="AT23" s="259">
        <v>59</v>
      </c>
      <c r="AU23" s="253">
        <v>0</v>
      </c>
      <c r="AV23" s="257">
        <v>0</v>
      </c>
      <c r="AW23" s="254">
        <v>0</v>
      </c>
      <c r="AX23" s="256">
        <v>0</v>
      </c>
      <c r="AY23" s="257">
        <v>172</v>
      </c>
      <c r="AZ23" s="257">
        <v>68</v>
      </c>
      <c r="BA23" s="257">
        <v>67</v>
      </c>
      <c r="BB23" s="257">
        <v>31</v>
      </c>
      <c r="BC23" s="257">
        <v>4</v>
      </c>
      <c r="BD23" s="258">
        <v>342</v>
      </c>
      <c r="BE23" s="259">
        <v>342</v>
      </c>
      <c r="BF23" s="253">
        <v>0</v>
      </c>
      <c r="BG23" s="257">
        <v>0</v>
      </c>
      <c r="BH23" s="254">
        <v>0</v>
      </c>
      <c r="BI23" s="256">
        <v>0</v>
      </c>
      <c r="BJ23" s="257">
        <v>30</v>
      </c>
      <c r="BK23" s="257">
        <v>17</v>
      </c>
      <c r="BL23" s="257">
        <v>18</v>
      </c>
      <c r="BM23" s="257">
        <v>0</v>
      </c>
      <c r="BN23" s="257">
        <v>13</v>
      </c>
      <c r="BO23" s="254">
        <v>78</v>
      </c>
      <c r="BP23" s="259">
        <v>78</v>
      </c>
      <c r="BQ23" s="253">
        <v>5</v>
      </c>
      <c r="BR23" s="257">
        <v>8</v>
      </c>
      <c r="BS23" s="254">
        <v>13</v>
      </c>
      <c r="BT23" s="256">
        <v>0</v>
      </c>
      <c r="BU23" s="257">
        <v>12</v>
      </c>
      <c r="BV23" s="257">
        <v>13</v>
      </c>
      <c r="BW23" s="257">
        <v>45</v>
      </c>
      <c r="BX23" s="257">
        <v>4</v>
      </c>
      <c r="BY23" s="257">
        <v>0</v>
      </c>
      <c r="BZ23" s="254">
        <v>74</v>
      </c>
      <c r="CA23" s="259">
        <v>87</v>
      </c>
      <c r="CB23" s="253">
        <v>0</v>
      </c>
      <c r="CC23" s="257">
        <v>0</v>
      </c>
      <c r="CD23" s="254">
        <v>0</v>
      </c>
      <c r="CE23" s="256">
        <v>0</v>
      </c>
      <c r="CF23" s="257">
        <v>4</v>
      </c>
      <c r="CG23" s="257">
        <v>0</v>
      </c>
      <c r="CH23" s="257">
        <v>4</v>
      </c>
      <c r="CI23" s="257">
        <v>0</v>
      </c>
      <c r="CJ23" s="257">
        <v>0</v>
      </c>
      <c r="CK23" s="254">
        <v>8</v>
      </c>
      <c r="CL23" s="259">
        <v>8</v>
      </c>
      <c r="CM23" s="253">
        <v>0</v>
      </c>
      <c r="CN23" s="257">
        <v>0</v>
      </c>
      <c r="CO23" s="254">
        <v>0</v>
      </c>
      <c r="CP23" s="256">
        <v>0</v>
      </c>
      <c r="CQ23" s="257">
        <v>0</v>
      </c>
      <c r="CR23" s="257">
        <v>0</v>
      </c>
      <c r="CS23" s="257">
        <v>0</v>
      </c>
      <c r="CT23" s="257">
        <v>0</v>
      </c>
      <c r="CU23" s="257">
        <v>0</v>
      </c>
      <c r="CV23" s="254">
        <v>0</v>
      </c>
      <c r="CW23" s="259">
        <v>0</v>
      </c>
      <c r="CX23" s="253">
        <v>0</v>
      </c>
      <c r="CY23" s="257">
        <v>0</v>
      </c>
      <c r="CZ23" s="254">
        <v>0</v>
      </c>
      <c r="DA23" s="256">
        <v>0</v>
      </c>
      <c r="DB23" s="257">
        <v>0</v>
      </c>
      <c r="DC23" s="257">
        <v>0</v>
      </c>
      <c r="DD23" s="257">
        <v>0</v>
      </c>
      <c r="DE23" s="257">
        <v>0</v>
      </c>
      <c r="DF23" s="257">
        <v>0</v>
      </c>
      <c r="DG23" s="254">
        <v>0</v>
      </c>
      <c r="DH23" s="259">
        <v>0</v>
      </c>
    </row>
    <row r="24" spans="2:112" ht="21" customHeight="1" x14ac:dyDescent="0.2">
      <c r="B24" s="437" t="s">
        <v>22</v>
      </c>
      <c r="C24" s="253">
        <v>0</v>
      </c>
      <c r="D24" s="254">
        <v>0</v>
      </c>
      <c r="E24" s="255">
        <v>0</v>
      </c>
      <c r="F24" s="256">
        <v>0</v>
      </c>
      <c r="G24" s="257">
        <v>132</v>
      </c>
      <c r="H24" s="257">
        <v>44</v>
      </c>
      <c r="I24" s="257">
        <v>42</v>
      </c>
      <c r="J24" s="257">
        <v>25</v>
      </c>
      <c r="K24" s="257">
        <v>146</v>
      </c>
      <c r="L24" s="258">
        <v>389</v>
      </c>
      <c r="M24" s="259">
        <v>389</v>
      </c>
      <c r="N24" s="253">
        <v>0</v>
      </c>
      <c r="O24" s="257">
        <v>0</v>
      </c>
      <c r="P24" s="254">
        <v>0</v>
      </c>
      <c r="Q24" s="256">
        <v>0</v>
      </c>
      <c r="R24" s="257">
        <v>0</v>
      </c>
      <c r="S24" s="257">
        <v>0</v>
      </c>
      <c r="T24" s="257">
        <v>0</v>
      </c>
      <c r="U24" s="257">
        <v>0</v>
      </c>
      <c r="V24" s="257">
        <v>46</v>
      </c>
      <c r="W24" s="254">
        <v>46</v>
      </c>
      <c r="X24" s="259">
        <v>46</v>
      </c>
      <c r="Y24" s="253">
        <v>0</v>
      </c>
      <c r="Z24" s="257">
        <v>0</v>
      </c>
      <c r="AA24" s="254">
        <v>0</v>
      </c>
      <c r="AB24" s="256">
        <v>0</v>
      </c>
      <c r="AC24" s="257">
        <v>17</v>
      </c>
      <c r="AD24" s="257">
        <v>25</v>
      </c>
      <c r="AE24" s="257">
        <v>16</v>
      </c>
      <c r="AF24" s="257">
        <v>20</v>
      </c>
      <c r="AG24" s="257">
        <v>125</v>
      </c>
      <c r="AH24" s="254">
        <v>203</v>
      </c>
      <c r="AI24" s="259">
        <v>203</v>
      </c>
      <c r="AJ24" s="253">
        <v>0</v>
      </c>
      <c r="AK24" s="257">
        <v>0</v>
      </c>
      <c r="AL24" s="254">
        <v>0</v>
      </c>
      <c r="AM24" s="256">
        <v>0</v>
      </c>
      <c r="AN24" s="257">
        <v>24</v>
      </c>
      <c r="AO24" s="257">
        <v>18</v>
      </c>
      <c r="AP24" s="257">
        <v>0</v>
      </c>
      <c r="AQ24" s="257">
        <v>49</v>
      </c>
      <c r="AR24" s="257">
        <v>0</v>
      </c>
      <c r="AS24" s="254">
        <v>91</v>
      </c>
      <c r="AT24" s="259">
        <v>91</v>
      </c>
      <c r="AU24" s="253">
        <v>0</v>
      </c>
      <c r="AV24" s="257">
        <v>0</v>
      </c>
      <c r="AW24" s="254">
        <v>0</v>
      </c>
      <c r="AX24" s="256">
        <v>0</v>
      </c>
      <c r="AY24" s="257">
        <v>19</v>
      </c>
      <c r="AZ24" s="257">
        <v>70</v>
      </c>
      <c r="BA24" s="257">
        <v>41</v>
      </c>
      <c r="BB24" s="257">
        <v>92</v>
      </c>
      <c r="BC24" s="257">
        <v>18</v>
      </c>
      <c r="BD24" s="258">
        <v>240</v>
      </c>
      <c r="BE24" s="259">
        <v>240</v>
      </c>
      <c r="BF24" s="253">
        <v>0</v>
      </c>
      <c r="BG24" s="257">
        <v>0</v>
      </c>
      <c r="BH24" s="254">
        <v>0</v>
      </c>
      <c r="BI24" s="256">
        <v>0</v>
      </c>
      <c r="BJ24" s="257">
        <v>14</v>
      </c>
      <c r="BK24" s="257">
        <v>23</v>
      </c>
      <c r="BL24" s="257">
        <v>0</v>
      </c>
      <c r="BM24" s="257">
        <v>14</v>
      </c>
      <c r="BN24" s="257">
        <v>0</v>
      </c>
      <c r="BO24" s="254">
        <v>51</v>
      </c>
      <c r="BP24" s="259">
        <v>51</v>
      </c>
      <c r="BQ24" s="253">
        <v>0</v>
      </c>
      <c r="BR24" s="257">
        <v>0</v>
      </c>
      <c r="BS24" s="254">
        <v>0</v>
      </c>
      <c r="BT24" s="256">
        <v>0</v>
      </c>
      <c r="BU24" s="257">
        <v>0</v>
      </c>
      <c r="BV24" s="257">
        <v>27</v>
      </c>
      <c r="BW24" s="257">
        <v>4</v>
      </c>
      <c r="BX24" s="257">
        <v>12</v>
      </c>
      <c r="BY24" s="257">
        <v>25</v>
      </c>
      <c r="BZ24" s="254">
        <v>68</v>
      </c>
      <c r="CA24" s="259">
        <v>68</v>
      </c>
      <c r="CB24" s="253">
        <v>0</v>
      </c>
      <c r="CC24" s="257">
        <v>0</v>
      </c>
      <c r="CD24" s="254">
        <v>0</v>
      </c>
      <c r="CE24" s="256">
        <v>0</v>
      </c>
      <c r="CF24" s="257">
        <v>0</v>
      </c>
      <c r="CG24" s="257">
        <v>0</v>
      </c>
      <c r="CH24" s="257">
        <v>0</v>
      </c>
      <c r="CI24" s="257">
        <v>8</v>
      </c>
      <c r="CJ24" s="257">
        <v>6</v>
      </c>
      <c r="CK24" s="254">
        <v>14</v>
      </c>
      <c r="CL24" s="259">
        <v>14</v>
      </c>
      <c r="CM24" s="253">
        <v>0</v>
      </c>
      <c r="CN24" s="257">
        <v>0</v>
      </c>
      <c r="CO24" s="254">
        <v>0</v>
      </c>
      <c r="CP24" s="256">
        <v>0</v>
      </c>
      <c r="CQ24" s="257">
        <v>0</v>
      </c>
      <c r="CR24" s="257">
        <v>0</v>
      </c>
      <c r="CS24" s="257">
        <v>0</v>
      </c>
      <c r="CT24" s="257">
        <v>0</v>
      </c>
      <c r="CU24" s="257">
        <v>0</v>
      </c>
      <c r="CV24" s="254">
        <v>0</v>
      </c>
      <c r="CW24" s="259">
        <v>0</v>
      </c>
      <c r="CX24" s="253">
        <v>0</v>
      </c>
      <c r="CY24" s="257">
        <v>0</v>
      </c>
      <c r="CZ24" s="254">
        <v>0</v>
      </c>
      <c r="DA24" s="256">
        <v>0</v>
      </c>
      <c r="DB24" s="257">
        <v>0</v>
      </c>
      <c r="DC24" s="257">
        <v>0</v>
      </c>
      <c r="DD24" s="257">
        <v>0</v>
      </c>
      <c r="DE24" s="257">
        <v>0</v>
      </c>
      <c r="DF24" s="257">
        <v>0</v>
      </c>
      <c r="DG24" s="254">
        <v>0</v>
      </c>
      <c r="DH24" s="259">
        <v>0</v>
      </c>
    </row>
    <row r="25" spans="2:112" ht="21" customHeight="1" x14ac:dyDescent="0.2">
      <c r="B25" s="437" t="s">
        <v>23</v>
      </c>
      <c r="C25" s="253">
        <v>0</v>
      </c>
      <c r="D25" s="254">
        <v>0</v>
      </c>
      <c r="E25" s="255">
        <v>0</v>
      </c>
      <c r="F25" s="256">
        <v>0</v>
      </c>
      <c r="G25" s="257">
        <v>19</v>
      </c>
      <c r="H25" s="257">
        <v>88</v>
      </c>
      <c r="I25" s="257">
        <v>235</v>
      </c>
      <c r="J25" s="257">
        <v>23</v>
      </c>
      <c r="K25" s="257">
        <v>0</v>
      </c>
      <c r="L25" s="258">
        <v>365</v>
      </c>
      <c r="M25" s="259">
        <v>365</v>
      </c>
      <c r="N25" s="253">
        <v>0</v>
      </c>
      <c r="O25" s="257">
        <v>0</v>
      </c>
      <c r="P25" s="254">
        <v>0</v>
      </c>
      <c r="Q25" s="256">
        <v>0</v>
      </c>
      <c r="R25" s="257">
        <v>0</v>
      </c>
      <c r="S25" s="257">
        <v>9</v>
      </c>
      <c r="T25" s="257">
        <v>4</v>
      </c>
      <c r="U25" s="257">
        <v>0</v>
      </c>
      <c r="V25" s="257">
        <v>1</v>
      </c>
      <c r="W25" s="254">
        <v>14</v>
      </c>
      <c r="X25" s="259">
        <v>14</v>
      </c>
      <c r="Y25" s="253">
        <v>22</v>
      </c>
      <c r="Z25" s="257">
        <v>30</v>
      </c>
      <c r="AA25" s="254">
        <v>52</v>
      </c>
      <c r="AB25" s="256">
        <v>0</v>
      </c>
      <c r="AC25" s="257">
        <v>75</v>
      </c>
      <c r="AD25" s="257">
        <v>105</v>
      </c>
      <c r="AE25" s="257">
        <v>115</v>
      </c>
      <c r="AF25" s="257">
        <v>30</v>
      </c>
      <c r="AG25" s="257">
        <v>10</v>
      </c>
      <c r="AH25" s="254">
        <v>335</v>
      </c>
      <c r="AI25" s="259">
        <v>387</v>
      </c>
      <c r="AJ25" s="253">
        <v>8</v>
      </c>
      <c r="AK25" s="257">
        <v>9</v>
      </c>
      <c r="AL25" s="254">
        <v>17</v>
      </c>
      <c r="AM25" s="256">
        <v>0</v>
      </c>
      <c r="AN25" s="257">
        <v>0</v>
      </c>
      <c r="AO25" s="257">
        <v>24</v>
      </c>
      <c r="AP25" s="257">
        <v>0</v>
      </c>
      <c r="AQ25" s="257">
        <v>0</v>
      </c>
      <c r="AR25" s="257">
        <v>0</v>
      </c>
      <c r="AS25" s="254">
        <v>24</v>
      </c>
      <c r="AT25" s="259">
        <v>41</v>
      </c>
      <c r="AU25" s="253">
        <v>0</v>
      </c>
      <c r="AV25" s="257">
        <v>0</v>
      </c>
      <c r="AW25" s="254">
        <v>0</v>
      </c>
      <c r="AX25" s="256">
        <v>0</v>
      </c>
      <c r="AY25" s="257">
        <v>82</v>
      </c>
      <c r="AZ25" s="257">
        <v>124</v>
      </c>
      <c r="BA25" s="257">
        <v>61</v>
      </c>
      <c r="BB25" s="257">
        <v>45</v>
      </c>
      <c r="BC25" s="257">
        <v>0</v>
      </c>
      <c r="BD25" s="258">
        <v>312</v>
      </c>
      <c r="BE25" s="259">
        <v>312</v>
      </c>
      <c r="BF25" s="253">
        <v>0</v>
      </c>
      <c r="BG25" s="257">
        <v>0</v>
      </c>
      <c r="BH25" s="254">
        <v>0</v>
      </c>
      <c r="BI25" s="256">
        <v>0</v>
      </c>
      <c r="BJ25" s="257">
        <v>14</v>
      </c>
      <c r="BK25" s="257">
        <v>8</v>
      </c>
      <c r="BL25" s="257">
        <v>16</v>
      </c>
      <c r="BM25" s="257">
        <v>29</v>
      </c>
      <c r="BN25" s="257">
        <v>21</v>
      </c>
      <c r="BO25" s="254">
        <v>88</v>
      </c>
      <c r="BP25" s="259">
        <v>88</v>
      </c>
      <c r="BQ25" s="253">
        <v>0</v>
      </c>
      <c r="BR25" s="257">
        <v>0</v>
      </c>
      <c r="BS25" s="254">
        <v>0</v>
      </c>
      <c r="BT25" s="256">
        <v>0</v>
      </c>
      <c r="BU25" s="257">
        <v>16</v>
      </c>
      <c r="BV25" s="257">
        <v>33</v>
      </c>
      <c r="BW25" s="257">
        <v>47</v>
      </c>
      <c r="BX25" s="257">
        <v>14</v>
      </c>
      <c r="BY25" s="257">
        <v>16</v>
      </c>
      <c r="BZ25" s="254">
        <v>126</v>
      </c>
      <c r="CA25" s="259">
        <v>126</v>
      </c>
      <c r="CB25" s="253">
        <v>0</v>
      </c>
      <c r="CC25" s="257">
        <v>0</v>
      </c>
      <c r="CD25" s="254">
        <v>0</v>
      </c>
      <c r="CE25" s="256">
        <v>0</v>
      </c>
      <c r="CF25" s="257">
        <v>0</v>
      </c>
      <c r="CG25" s="257">
        <v>0</v>
      </c>
      <c r="CH25" s="257">
        <v>0</v>
      </c>
      <c r="CI25" s="257">
        <v>4</v>
      </c>
      <c r="CJ25" s="257">
        <v>0</v>
      </c>
      <c r="CK25" s="254">
        <v>4</v>
      </c>
      <c r="CL25" s="259">
        <v>4</v>
      </c>
      <c r="CM25" s="253">
        <v>0</v>
      </c>
      <c r="CN25" s="257">
        <v>0</v>
      </c>
      <c r="CO25" s="254">
        <v>0</v>
      </c>
      <c r="CP25" s="256">
        <v>0</v>
      </c>
      <c r="CQ25" s="257">
        <v>0</v>
      </c>
      <c r="CR25" s="257">
        <v>0</v>
      </c>
      <c r="CS25" s="257">
        <v>0</v>
      </c>
      <c r="CT25" s="257">
        <v>0</v>
      </c>
      <c r="CU25" s="257">
        <v>0</v>
      </c>
      <c r="CV25" s="254">
        <v>0</v>
      </c>
      <c r="CW25" s="259">
        <v>0</v>
      </c>
      <c r="CX25" s="253">
        <v>0</v>
      </c>
      <c r="CY25" s="257">
        <v>0</v>
      </c>
      <c r="CZ25" s="254">
        <v>0</v>
      </c>
      <c r="DA25" s="256">
        <v>0</v>
      </c>
      <c r="DB25" s="257">
        <v>0</v>
      </c>
      <c r="DC25" s="257">
        <v>0</v>
      </c>
      <c r="DD25" s="257">
        <v>0</v>
      </c>
      <c r="DE25" s="257">
        <v>0</v>
      </c>
      <c r="DF25" s="257">
        <v>0</v>
      </c>
      <c r="DG25" s="254">
        <v>0</v>
      </c>
      <c r="DH25" s="259">
        <v>0</v>
      </c>
    </row>
    <row r="26" spans="2:112" ht="21" customHeight="1" x14ac:dyDescent="0.2">
      <c r="B26" s="437" t="s">
        <v>24</v>
      </c>
      <c r="C26" s="253">
        <v>0</v>
      </c>
      <c r="D26" s="254">
        <v>0</v>
      </c>
      <c r="E26" s="255">
        <v>0</v>
      </c>
      <c r="F26" s="256">
        <v>0</v>
      </c>
      <c r="G26" s="257">
        <v>125</v>
      </c>
      <c r="H26" s="257">
        <v>110</v>
      </c>
      <c r="I26" s="257">
        <v>112</v>
      </c>
      <c r="J26" s="257">
        <v>138</v>
      </c>
      <c r="K26" s="257">
        <v>124</v>
      </c>
      <c r="L26" s="258">
        <v>609</v>
      </c>
      <c r="M26" s="259">
        <v>609</v>
      </c>
      <c r="N26" s="253">
        <v>0</v>
      </c>
      <c r="O26" s="257">
        <v>0</v>
      </c>
      <c r="P26" s="254">
        <v>0</v>
      </c>
      <c r="Q26" s="256">
        <v>0</v>
      </c>
      <c r="R26" s="257">
        <v>5</v>
      </c>
      <c r="S26" s="257">
        <v>0</v>
      </c>
      <c r="T26" s="257">
        <v>0</v>
      </c>
      <c r="U26" s="257">
        <v>0</v>
      </c>
      <c r="V26" s="257">
        <v>9</v>
      </c>
      <c r="W26" s="254">
        <v>14</v>
      </c>
      <c r="X26" s="259">
        <v>14</v>
      </c>
      <c r="Y26" s="253">
        <v>12</v>
      </c>
      <c r="Z26" s="257">
        <v>7</v>
      </c>
      <c r="AA26" s="254">
        <v>19</v>
      </c>
      <c r="AB26" s="256">
        <v>0</v>
      </c>
      <c r="AC26" s="257">
        <v>73</v>
      </c>
      <c r="AD26" s="257">
        <v>41</v>
      </c>
      <c r="AE26" s="257">
        <v>33</v>
      </c>
      <c r="AF26" s="257">
        <v>56</v>
      </c>
      <c r="AG26" s="257">
        <v>47</v>
      </c>
      <c r="AH26" s="254">
        <v>250</v>
      </c>
      <c r="AI26" s="259">
        <v>269</v>
      </c>
      <c r="AJ26" s="253">
        <v>0</v>
      </c>
      <c r="AK26" s="257">
        <v>0</v>
      </c>
      <c r="AL26" s="254">
        <v>0</v>
      </c>
      <c r="AM26" s="256">
        <v>0</v>
      </c>
      <c r="AN26" s="257">
        <v>0</v>
      </c>
      <c r="AO26" s="257">
        <v>0</v>
      </c>
      <c r="AP26" s="257">
        <v>0</v>
      </c>
      <c r="AQ26" s="257">
        <v>0</v>
      </c>
      <c r="AR26" s="257">
        <v>8</v>
      </c>
      <c r="AS26" s="254">
        <v>8</v>
      </c>
      <c r="AT26" s="259">
        <v>8</v>
      </c>
      <c r="AU26" s="253">
        <v>0</v>
      </c>
      <c r="AV26" s="257">
        <v>0</v>
      </c>
      <c r="AW26" s="254">
        <v>0</v>
      </c>
      <c r="AX26" s="256">
        <v>0</v>
      </c>
      <c r="AY26" s="257">
        <v>79</v>
      </c>
      <c r="AZ26" s="257">
        <v>53</v>
      </c>
      <c r="BA26" s="257">
        <v>18</v>
      </c>
      <c r="BB26" s="257">
        <v>0</v>
      </c>
      <c r="BC26" s="257">
        <v>9</v>
      </c>
      <c r="BD26" s="258">
        <v>159</v>
      </c>
      <c r="BE26" s="259">
        <v>159</v>
      </c>
      <c r="BF26" s="253">
        <v>0</v>
      </c>
      <c r="BG26" s="257">
        <v>0</v>
      </c>
      <c r="BH26" s="254">
        <v>0</v>
      </c>
      <c r="BI26" s="256">
        <v>0</v>
      </c>
      <c r="BJ26" s="257">
        <v>30</v>
      </c>
      <c r="BK26" s="257">
        <v>26</v>
      </c>
      <c r="BL26" s="257">
        <v>14</v>
      </c>
      <c r="BM26" s="257">
        <v>12</v>
      </c>
      <c r="BN26" s="257">
        <v>23</v>
      </c>
      <c r="BO26" s="254">
        <v>105</v>
      </c>
      <c r="BP26" s="259">
        <v>105</v>
      </c>
      <c r="BQ26" s="253">
        <v>4</v>
      </c>
      <c r="BR26" s="257">
        <v>0</v>
      </c>
      <c r="BS26" s="254">
        <v>4</v>
      </c>
      <c r="BT26" s="256">
        <v>0</v>
      </c>
      <c r="BU26" s="257">
        <v>0</v>
      </c>
      <c r="BV26" s="257">
        <v>0</v>
      </c>
      <c r="BW26" s="257">
        <v>3</v>
      </c>
      <c r="BX26" s="257">
        <v>0</v>
      </c>
      <c r="BY26" s="257">
        <v>5</v>
      </c>
      <c r="BZ26" s="254">
        <v>8</v>
      </c>
      <c r="CA26" s="259">
        <v>12</v>
      </c>
      <c r="CB26" s="253">
        <v>0</v>
      </c>
      <c r="CC26" s="257">
        <v>0</v>
      </c>
      <c r="CD26" s="254">
        <v>0</v>
      </c>
      <c r="CE26" s="256">
        <v>0</v>
      </c>
      <c r="CF26" s="257">
        <v>0</v>
      </c>
      <c r="CG26" s="257">
        <v>0</v>
      </c>
      <c r="CH26" s="257">
        <v>0</v>
      </c>
      <c r="CI26" s="257">
        <v>0</v>
      </c>
      <c r="CJ26" s="257">
        <v>0</v>
      </c>
      <c r="CK26" s="254">
        <v>0</v>
      </c>
      <c r="CL26" s="259">
        <v>0</v>
      </c>
      <c r="CM26" s="253">
        <v>0</v>
      </c>
      <c r="CN26" s="257">
        <v>0</v>
      </c>
      <c r="CO26" s="254">
        <v>0</v>
      </c>
      <c r="CP26" s="256">
        <v>0</v>
      </c>
      <c r="CQ26" s="257">
        <v>0</v>
      </c>
      <c r="CR26" s="257">
        <v>0</v>
      </c>
      <c r="CS26" s="257">
        <v>0</v>
      </c>
      <c r="CT26" s="257">
        <v>0</v>
      </c>
      <c r="CU26" s="257">
        <v>0</v>
      </c>
      <c r="CV26" s="254">
        <v>0</v>
      </c>
      <c r="CW26" s="259">
        <v>0</v>
      </c>
      <c r="CX26" s="253">
        <v>0</v>
      </c>
      <c r="CY26" s="257">
        <v>0</v>
      </c>
      <c r="CZ26" s="254">
        <v>0</v>
      </c>
      <c r="DA26" s="256">
        <v>0</v>
      </c>
      <c r="DB26" s="257">
        <v>0</v>
      </c>
      <c r="DC26" s="257">
        <v>0</v>
      </c>
      <c r="DD26" s="257">
        <v>0</v>
      </c>
      <c r="DE26" s="257">
        <v>0</v>
      </c>
      <c r="DF26" s="257">
        <v>0</v>
      </c>
      <c r="DG26" s="254">
        <v>0</v>
      </c>
      <c r="DH26" s="259">
        <v>0</v>
      </c>
    </row>
    <row r="27" spans="2:112" ht="21" customHeight="1" x14ac:dyDescent="0.2">
      <c r="B27" s="437" t="s">
        <v>25</v>
      </c>
      <c r="C27" s="253">
        <v>0</v>
      </c>
      <c r="D27" s="254">
        <v>0</v>
      </c>
      <c r="E27" s="255">
        <v>0</v>
      </c>
      <c r="F27" s="256">
        <v>0</v>
      </c>
      <c r="G27" s="257">
        <v>30</v>
      </c>
      <c r="H27" s="257">
        <v>50</v>
      </c>
      <c r="I27" s="257">
        <v>8</v>
      </c>
      <c r="J27" s="257">
        <v>164</v>
      </c>
      <c r="K27" s="257">
        <v>0</v>
      </c>
      <c r="L27" s="258">
        <v>252</v>
      </c>
      <c r="M27" s="259">
        <v>252</v>
      </c>
      <c r="N27" s="253">
        <v>0</v>
      </c>
      <c r="O27" s="257">
        <v>0</v>
      </c>
      <c r="P27" s="254">
        <v>0</v>
      </c>
      <c r="Q27" s="256">
        <v>0</v>
      </c>
      <c r="R27" s="257">
        <v>3</v>
      </c>
      <c r="S27" s="257">
        <v>0</v>
      </c>
      <c r="T27" s="257">
        <v>0</v>
      </c>
      <c r="U27" s="257">
        <v>0</v>
      </c>
      <c r="V27" s="257">
        <v>7</v>
      </c>
      <c r="W27" s="254">
        <v>10</v>
      </c>
      <c r="X27" s="259">
        <v>10</v>
      </c>
      <c r="Y27" s="253">
        <v>4</v>
      </c>
      <c r="Z27" s="257">
        <v>23</v>
      </c>
      <c r="AA27" s="254">
        <v>27</v>
      </c>
      <c r="AB27" s="256">
        <v>0</v>
      </c>
      <c r="AC27" s="257">
        <v>39</v>
      </c>
      <c r="AD27" s="257">
        <v>6</v>
      </c>
      <c r="AE27" s="257">
        <v>0</v>
      </c>
      <c r="AF27" s="257">
        <v>0</v>
      </c>
      <c r="AG27" s="257">
        <v>21</v>
      </c>
      <c r="AH27" s="254">
        <v>66</v>
      </c>
      <c r="AI27" s="259">
        <v>93</v>
      </c>
      <c r="AJ27" s="253">
        <v>0</v>
      </c>
      <c r="AK27" s="257">
        <v>0</v>
      </c>
      <c r="AL27" s="254">
        <v>0</v>
      </c>
      <c r="AM27" s="256">
        <v>0</v>
      </c>
      <c r="AN27" s="257">
        <v>0</v>
      </c>
      <c r="AO27" s="257">
        <v>0</v>
      </c>
      <c r="AP27" s="257">
        <v>0</v>
      </c>
      <c r="AQ27" s="257">
        <v>0</v>
      </c>
      <c r="AR27" s="257">
        <v>0</v>
      </c>
      <c r="AS27" s="254">
        <v>0</v>
      </c>
      <c r="AT27" s="259">
        <v>0</v>
      </c>
      <c r="AU27" s="253">
        <v>0</v>
      </c>
      <c r="AV27" s="257">
        <v>0</v>
      </c>
      <c r="AW27" s="254">
        <v>0</v>
      </c>
      <c r="AX27" s="256">
        <v>0</v>
      </c>
      <c r="AY27" s="257">
        <v>18</v>
      </c>
      <c r="AZ27" s="257">
        <v>37</v>
      </c>
      <c r="BA27" s="257">
        <v>4</v>
      </c>
      <c r="BB27" s="257">
        <v>0</v>
      </c>
      <c r="BC27" s="257">
        <v>0</v>
      </c>
      <c r="BD27" s="258">
        <v>59</v>
      </c>
      <c r="BE27" s="259">
        <v>59</v>
      </c>
      <c r="BF27" s="253">
        <v>0</v>
      </c>
      <c r="BG27" s="257">
        <v>0</v>
      </c>
      <c r="BH27" s="254">
        <v>0</v>
      </c>
      <c r="BI27" s="256">
        <v>0</v>
      </c>
      <c r="BJ27" s="257">
        <v>32</v>
      </c>
      <c r="BK27" s="257">
        <v>8</v>
      </c>
      <c r="BL27" s="257">
        <v>9</v>
      </c>
      <c r="BM27" s="257">
        <v>0</v>
      </c>
      <c r="BN27" s="257">
        <v>8</v>
      </c>
      <c r="BO27" s="254">
        <v>57</v>
      </c>
      <c r="BP27" s="259">
        <v>57</v>
      </c>
      <c r="BQ27" s="253">
        <v>0</v>
      </c>
      <c r="BR27" s="257">
        <v>0</v>
      </c>
      <c r="BS27" s="254">
        <v>0</v>
      </c>
      <c r="BT27" s="256">
        <v>0</v>
      </c>
      <c r="BU27" s="257">
        <v>12</v>
      </c>
      <c r="BV27" s="257">
        <v>0</v>
      </c>
      <c r="BW27" s="257">
        <v>37</v>
      </c>
      <c r="BX27" s="257">
        <v>30</v>
      </c>
      <c r="BY27" s="257">
        <v>0</v>
      </c>
      <c r="BZ27" s="254">
        <v>79</v>
      </c>
      <c r="CA27" s="259">
        <v>79</v>
      </c>
      <c r="CB27" s="253">
        <v>0</v>
      </c>
      <c r="CC27" s="257">
        <v>0</v>
      </c>
      <c r="CD27" s="254">
        <v>0</v>
      </c>
      <c r="CE27" s="256">
        <v>0</v>
      </c>
      <c r="CF27" s="257">
        <v>0</v>
      </c>
      <c r="CG27" s="257">
        <v>0</v>
      </c>
      <c r="CH27" s="257">
        <v>0</v>
      </c>
      <c r="CI27" s="257">
        <v>0</v>
      </c>
      <c r="CJ27" s="257">
        <v>0</v>
      </c>
      <c r="CK27" s="254">
        <v>0</v>
      </c>
      <c r="CL27" s="259">
        <v>0</v>
      </c>
      <c r="CM27" s="253">
        <v>0</v>
      </c>
      <c r="CN27" s="257">
        <v>0</v>
      </c>
      <c r="CO27" s="254">
        <v>0</v>
      </c>
      <c r="CP27" s="256">
        <v>0</v>
      </c>
      <c r="CQ27" s="257">
        <v>0</v>
      </c>
      <c r="CR27" s="257">
        <v>0</v>
      </c>
      <c r="CS27" s="257">
        <v>0</v>
      </c>
      <c r="CT27" s="257">
        <v>0</v>
      </c>
      <c r="CU27" s="257">
        <v>0</v>
      </c>
      <c r="CV27" s="254">
        <v>0</v>
      </c>
      <c r="CW27" s="259">
        <v>0</v>
      </c>
      <c r="CX27" s="253">
        <v>0</v>
      </c>
      <c r="CY27" s="257">
        <v>0</v>
      </c>
      <c r="CZ27" s="254">
        <v>0</v>
      </c>
      <c r="DA27" s="256">
        <v>0</v>
      </c>
      <c r="DB27" s="257">
        <v>0</v>
      </c>
      <c r="DC27" s="257">
        <v>0</v>
      </c>
      <c r="DD27" s="257">
        <v>0</v>
      </c>
      <c r="DE27" s="257">
        <v>0</v>
      </c>
      <c r="DF27" s="257">
        <v>0</v>
      </c>
      <c r="DG27" s="254">
        <v>0</v>
      </c>
      <c r="DH27" s="259">
        <v>0</v>
      </c>
    </row>
    <row r="28" spans="2:112" ht="21" customHeight="1" x14ac:dyDescent="0.2">
      <c r="B28" s="437" t="s">
        <v>26</v>
      </c>
      <c r="C28" s="253">
        <v>0</v>
      </c>
      <c r="D28" s="254">
        <v>0</v>
      </c>
      <c r="E28" s="255">
        <v>0</v>
      </c>
      <c r="F28" s="256">
        <v>0</v>
      </c>
      <c r="G28" s="257">
        <v>34</v>
      </c>
      <c r="H28" s="257">
        <v>73</v>
      </c>
      <c r="I28" s="257">
        <v>22</v>
      </c>
      <c r="J28" s="257">
        <v>40</v>
      </c>
      <c r="K28" s="257">
        <v>185</v>
      </c>
      <c r="L28" s="258">
        <v>354</v>
      </c>
      <c r="M28" s="259">
        <v>354</v>
      </c>
      <c r="N28" s="253">
        <v>0</v>
      </c>
      <c r="O28" s="257">
        <v>0</v>
      </c>
      <c r="P28" s="254">
        <v>0</v>
      </c>
      <c r="Q28" s="256">
        <v>0</v>
      </c>
      <c r="R28" s="257">
        <v>0</v>
      </c>
      <c r="S28" s="257">
        <v>0</v>
      </c>
      <c r="T28" s="257">
        <v>0</v>
      </c>
      <c r="U28" s="257">
        <v>0</v>
      </c>
      <c r="V28" s="257">
        <v>13</v>
      </c>
      <c r="W28" s="254">
        <v>13</v>
      </c>
      <c r="X28" s="259">
        <v>13</v>
      </c>
      <c r="Y28" s="253">
        <v>0</v>
      </c>
      <c r="Z28" s="257">
        <v>0</v>
      </c>
      <c r="AA28" s="254">
        <v>0</v>
      </c>
      <c r="AB28" s="256">
        <v>0</v>
      </c>
      <c r="AC28" s="257">
        <v>44</v>
      </c>
      <c r="AD28" s="257">
        <v>72</v>
      </c>
      <c r="AE28" s="257">
        <v>0</v>
      </c>
      <c r="AF28" s="257">
        <v>30</v>
      </c>
      <c r="AG28" s="257">
        <v>83</v>
      </c>
      <c r="AH28" s="254">
        <v>229</v>
      </c>
      <c r="AI28" s="259">
        <v>229</v>
      </c>
      <c r="AJ28" s="253">
        <v>0</v>
      </c>
      <c r="AK28" s="257">
        <v>24</v>
      </c>
      <c r="AL28" s="254">
        <v>24</v>
      </c>
      <c r="AM28" s="256">
        <v>0</v>
      </c>
      <c r="AN28" s="257">
        <v>0</v>
      </c>
      <c r="AO28" s="257">
        <v>0</v>
      </c>
      <c r="AP28" s="257">
        <v>0</v>
      </c>
      <c r="AQ28" s="257">
        <v>0</v>
      </c>
      <c r="AR28" s="257">
        <v>0</v>
      </c>
      <c r="AS28" s="254">
        <v>0</v>
      </c>
      <c r="AT28" s="259">
        <v>24</v>
      </c>
      <c r="AU28" s="253">
        <v>0</v>
      </c>
      <c r="AV28" s="257">
        <v>0</v>
      </c>
      <c r="AW28" s="254">
        <v>0</v>
      </c>
      <c r="AX28" s="256">
        <v>0</v>
      </c>
      <c r="AY28" s="257">
        <v>55</v>
      </c>
      <c r="AZ28" s="257">
        <v>22</v>
      </c>
      <c r="BA28" s="257">
        <v>1</v>
      </c>
      <c r="BB28" s="257">
        <v>8</v>
      </c>
      <c r="BC28" s="257">
        <v>0</v>
      </c>
      <c r="BD28" s="258">
        <v>86</v>
      </c>
      <c r="BE28" s="259">
        <v>86</v>
      </c>
      <c r="BF28" s="253">
        <v>0</v>
      </c>
      <c r="BG28" s="257">
        <v>0</v>
      </c>
      <c r="BH28" s="254">
        <v>0</v>
      </c>
      <c r="BI28" s="256">
        <v>0</v>
      </c>
      <c r="BJ28" s="257">
        <v>31</v>
      </c>
      <c r="BK28" s="257">
        <v>16</v>
      </c>
      <c r="BL28" s="257">
        <v>0</v>
      </c>
      <c r="BM28" s="257">
        <v>0</v>
      </c>
      <c r="BN28" s="257">
        <v>0</v>
      </c>
      <c r="BO28" s="254">
        <v>47</v>
      </c>
      <c r="BP28" s="259">
        <v>47</v>
      </c>
      <c r="BQ28" s="253">
        <v>0</v>
      </c>
      <c r="BR28" s="257">
        <v>0</v>
      </c>
      <c r="BS28" s="254">
        <v>0</v>
      </c>
      <c r="BT28" s="256">
        <v>0</v>
      </c>
      <c r="BU28" s="257">
        <v>18</v>
      </c>
      <c r="BV28" s="257">
        <v>2</v>
      </c>
      <c r="BW28" s="257">
        <v>8</v>
      </c>
      <c r="BX28" s="257">
        <v>0</v>
      </c>
      <c r="BY28" s="257">
        <v>0</v>
      </c>
      <c r="BZ28" s="254">
        <v>28</v>
      </c>
      <c r="CA28" s="259">
        <v>28</v>
      </c>
      <c r="CB28" s="253">
        <v>0</v>
      </c>
      <c r="CC28" s="257">
        <v>0</v>
      </c>
      <c r="CD28" s="254">
        <v>0</v>
      </c>
      <c r="CE28" s="256">
        <v>0</v>
      </c>
      <c r="CF28" s="257">
        <v>0</v>
      </c>
      <c r="CG28" s="257">
        <v>0</v>
      </c>
      <c r="CH28" s="257">
        <v>0</v>
      </c>
      <c r="CI28" s="257">
        <v>2</v>
      </c>
      <c r="CJ28" s="257">
        <v>0</v>
      </c>
      <c r="CK28" s="254">
        <v>2</v>
      </c>
      <c r="CL28" s="259">
        <v>2</v>
      </c>
      <c r="CM28" s="253">
        <v>0</v>
      </c>
      <c r="CN28" s="257">
        <v>0</v>
      </c>
      <c r="CO28" s="254">
        <v>0</v>
      </c>
      <c r="CP28" s="256">
        <v>0</v>
      </c>
      <c r="CQ28" s="257">
        <v>0</v>
      </c>
      <c r="CR28" s="257">
        <v>0</v>
      </c>
      <c r="CS28" s="257">
        <v>0</v>
      </c>
      <c r="CT28" s="257">
        <v>0</v>
      </c>
      <c r="CU28" s="257">
        <v>0</v>
      </c>
      <c r="CV28" s="254">
        <v>0</v>
      </c>
      <c r="CW28" s="259">
        <v>0</v>
      </c>
      <c r="CX28" s="253">
        <v>0</v>
      </c>
      <c r="CY28" s="257">
        <v>0</v>
      </c>
      <c r="CZ28" s="254">
        <v>0</v>
      </c>
      <c r="DA28" s="256">
        <v>0</v>
      </c>
      <c r="DB28" s="257">
        <v>0</v>
      </c>
      <c r="DC28" s="257">
        <v>0</v>
      </c>
      <c r="DD28" s="257">
        <v>0</v>
      </c>
      <c r="DE28" s="257">
        <v>0</v>
      </c>
      <c r="DF28" s="257">
        <v>0</v>
      </c>
      <c r="DG28" s="254">
        <v>0</v>
      </c>
      <c r="DH28" s="259">
        <v>0</v>
      </c>
    </row>
    <row r="29" spans="2:112" ht="21" customHeight="1" x14ac:dyDescent="0.2">
      <c r="B29" s="437" t="s">
        <v>27</v>
      </c>
      <c r="C29" s="253">
        <v>0</v>
      </c>
      <c r="D29" s="254">
        <v>0</v>
      </c>
      <c r="E29" s="255">
        <v>0</v>
      </c>
      <c r="F29" s="256">
        <v>0</v>
      </c>
      <c r="G29" s="257">
        <v>10</v>
      </c>
      <c r="H29" s="257">
        <v>15</v>
      </c>
      <c r="I29" s="257">
        <v>147</v>
      </c>
      <c r="J29" s="257">
        <v>0</v>
      </c>
      <c r="K29" s="257">
        <v>0</v>
      </c>
      <c r="L29" s="258">
        <v>172</v>
      </c>
      <c r="M29" s="259">
        <v>172</v>
      </c>
      <c r="N29" s="253">
        <v>0</v>
      </c>
      <c r="O29" s="257">
        <v>0</v>
      </c>
      <c r="P29" s="254">
        <v>0</v>
      </c>
      <c r="Q29" s="256">
        <v>0</v>
      </c>
      <c r="R29" s="257">
        <v>0</v>
      </c>
      <c r="S29" s="257">
        <v>0</v>
      </c>
      <c r="T29" s="257">
        <v>2</v>
      </c>
      <c r="U29" s="257">
        <v>5</v>
      </c>
      <c r="V29" s="257">
        <v>0</v>
      </c>
      <c r="W29" s="254">
        <v>7</v>
      </c>
      <c r="X29" s="259">
        <v>7</v>
      </c>
      <c r="Y29" s="253">
        <v>0</v>
      </c>
      <c r="Z29" s="257">
        <v>16</v>
      </c>
      <c r="AA29" s="254">
        <v>16</v>
      </c>
      <c r="AB29" s="256">
        <v>0</v>
      </c>
      <c r="AC29" s="257">
        <v>0</v>
      </c>
      <c r="AD29" s="257">
        <v>73</v>
      </c>
      <c r="AE29" s="257">
        <v>29</v>
      </c>
      <c r="AF29" s="257">
        <v>10</v>
      </c>
      <c r="AG29" s="257">
        <v>0</v>
      </c>
      <c r="AH29" s="254">
        <v>112</v>
      </c>
      <c r="AI29" s="259">
        <v>128</v>
      </c>
      <c r="AJ29" s="253">
        <v>0</v>
      </c>
      <c r="AK29" s="257">
        <v>0</v>
      </c>
      <c r="AL29" s="254">
        <v>0</v>
      </c>
      <c r="AM29" s="256">
        <v>0</v>
      </c>
      <c r="AN29" s="257">
        <v>0</v>
      </c>
      <c r="AO29" s="257">
        <v>0</v>
      </c>
      <c r="AP29" s="257">
        <v>0</v>
      </c>
      <c r="AQ29" s="257">
        <v>0</v>
      </c>
      <c r="AR29" s="257">
        <v>0</v>
      </c>
      <c r="AS29" s="254">
        <v>0</v>
      </c>
      <c r="AT29" s="259">
        <v>0</v>
      </c>
      <c r="AU29" s="253">
        <v>0</v>
      </c>
      <c r="AV29" s="257">
        <v>0</v>
      </c>
      <c r="AW29" s="254">
        <v>0</v>
      </c>
      <c r="AX29" s="256">
        <v>0</v>
      </c>
      <c r="AY29" s="257">
        <v>26</v>
      </c>
      <c r="AZ29" s="257">
        <v>29</v>
      </c>
      <c r="BA29" s="257">
        <v>19</v>
      </c>
      <c r="BB29" s="257">
        <v>18</v>
      </c>
      <c r="BC29" s="257">
        <v>0</v>
      </c>
      <c r="BD29" s="258">
        <v>92</v>
      </c>
      <c r="BE29" s="259">
        <v>92</v>
      </c>
      <c r="BF29" s="253">
        <v>0</v>
      </c>
      <c r="BG29" s="257">
        <v>0</v>
      </c>
      <c r="BH29" s="254">
        <v>0</v>
      </c>
      <c r="BI29" s="256">
        <v>0</v>
      </c>
      <c r="BJ29" s="257">
        <v>11</v>
      </c>
      <c r="BK29" s="257">
        <v>13</v>
      </c>
      <c r="BL29" s="257">
        <v>8</v>
      </c>
      <c r="BM29" s="257">
        <v>0</v>
      </c>
      <c r="BN29" s="257">
        <v>0</v>
      </c>
      <c r="BO29" s="254">
        <v>32</v>
      </c>
      <c r="BP29" s="259">
        <v>32</v>
      </c>
      <c r="BQ29" s="253">
        <v>0</v>
      </c>
      <c r="BR29" s="257">
        <v>0</v>
      </c>
      <c r="BS29" s="254">
        <v>0</v>
      </c>
      <c r="BT29" s="256">
        <v>0</v>
      </c>
      <c r="BU29" s="257">
        <v>6</v>
      </c>
      <c r="BV29" s="257">
        <v>6</v>
      </c>
      <c r="BW29" s="257">
        <v>0</v>
      </c>
      <c r="BX29" s="257">
        <v>15</v>
      </c>
      <c r="BY29" s="257">
        <v>0</v>
      </c>
      <c r="BZ29" s="254">
        <v>27</v>
      </c>
      <c r="CA29" s="259">
        <v>27</v>
      </c>
      <c r="CB29" s="253">
        <v>0</v>
      </c>
      <c r="CC29" s="257">
        <v>0</v>
      </c>
      <c r="CD29" s="254">
        <v>0</v>
      </c>
      <c r="CE29" s="256">
        <v>0</v>
      </c>
      <c r="CF29" s="257">
        <v>0</v>
      </c>
      <c r="CG29" s="257">
        <v>0</v>
      </c>
      <c r="CH29" s="257">
        <v>0</v>
      </c>
      <c r="CI29" s="257">
        <v>0</v>
      </c>
      <c r="CJ29" s="257">
        <v>0</v>
      </c>
      <c r="CK29" s="254">
        <v>0</v>
      </c>
      <c r="CL29" s="259">
        <v>0</v>
      </c>
      <c r="CM29" s="253">
        <v>0</v>
      </c>
      <c r="CN29" s="257">
        <v>0</v>
      </c>
      <c r="CO29" s="254">
        <v>0</v>
      </c>
      <c r="CP29" s="256">
        <v>0</v>
      </c>
      <c r="CQ29" s="257">
        <v>0</v>
      </c>
      <c r="CR29" s="257">
        <v>0</v>
      </c>
      <c r="CS29" s="257">
        <v>0</v>
      </c>
      <c r="CT29" s="257">
        <v>0</v>
      </c>
      <c r="CU29" s="257">
        <v>0</v>
      </c>
      <c r="CV29" s="254">
        <v>0</v>
      </c>
      <c r="CW29" s="259">
        <v>0</v>
      </c>
      <c r="CX29" s="253">
        <v>0</v>
      </c>
      <c r="CY29" s="257">
        <v>0</v>
      </c>
      <c r="CZ29" s="254">
        <v>0</v>
      </c>
      <c r="DA29" s="256">
        <v>0</v>
      </c>
      <c r="DB29" s="257">
        <v>0</v>
      </c>
      <c r="DC29" s="257">
        <v>0</v>
      </c>
      <c r="DD29" s="257">
        <v>0</v>
      </c>
      <c r="DE29" s="257">
        <v>0</v>
      </c>
      <c r="DF29" s="257">
        <v>0</v>
      </c>
      <c r="DG29" s="254">
        <v>0</v>
      </c>
      <c r="DH29" s="259">
        <v>0</v>
      </c>
    </row>
    <row r="30" spans="2:112" ht="21" customHeight="1" x14ac:dyDescent="0.2">
      <c r="B30" s="437" t="s">
        <v>28</v>
      </c>
      <c r="C30" s="253">
        <v>0</v>
      </c>
      <c r="D30" s="254">
        <v>0</v>
      </c>
      <c r="E30" s="255">
        <v>0</v>
      </c>
      <c r="F30" s="256">
        <v>0</v>
      </c>
      <c r="G30" s="257">
        <v>9</v>
      </c>
      <c r="H30" s="257">
        <v>13</v>
      </c>
      <c r="I30" s="257">
        <v>0</v>
      </c>
      <c r="J30" s="257">
        <v>28</v>
      </c>
      <c r="K30" s="257">
        <v>0</v>
      </c>
      <c r="L30" s="258">
        <v>50</v>
      </c>
      <c r="M30" s="259">
        <v>50</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0</v>
      </c>
      <c r="AD30" s="257">
        <v>15</v>
      </c>
      <c r="AE30" s="257">
        <v>2</v>
      </c>
      <c r="AF30" s="257">
        <v>0</v>
      </c>
      <c r="AG30" s="257">
        <v>0</v>
      </c>
      <c r="AH30" s="254">
        <v>17</v>
      </c>
      <c r="AI30" s="259">
        <v>17</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0</v>
      </c>
      <c r="AZ30" s="257">
        <v>13</v>
      </c>
      <c r="BA30" s="257">
        <v>17</v>
      </c>
      <c r="BB30" s="257">
        <v>12</v>
      </c>
      <c r="BC30" s="257">
        <v>0</v>
      </c>
      <c r="BD30" s="258">
        <v>42</v>
      </c>
      <c r="BE30" s="259">
        <v>42</v>
      </c>
      <c r="BF30" s="253">
        <v>0</v>
      </c>
      <c r="BG30" s="257">
        <v>0</v>
      </c>
      <c r="BH30" s="254">
        <v>0</v>
      </c>
      <c r="BI30" s="256">
        <v>0</v>
      </c>
      <c r="BJ30" s="257">
        <v>0</v>
      </c>
      <c r="BK30" s="257">
        <v>0</v>
      </c>
      <c r="BL30" s="257">
        <v>8</v>
      </c>
      <c r="BM30" s="257">
        <v>0</v>
      </c>
      <c r="BN30" s="257">
        <v>0</v>
      </c>
      <c r="BO30" s="254">
        <v>8</v>
      </c>
      <c r="BP30" s="259">
        <v>8</v>
      </c>
      <c r="BQ30" s="253">
        <v>0</v>
      </c>
      <c r="BR30" s="257">
        <v>0</v>
      </c>
      <c r="BS30" s="254">
        <v>0</v>
      </c>
      <c r="BT30" s="256">
        <v>0</v>
      </c>
      <c r="BU30" s="257">
        <v>0</v>
      </c>
      <c r="BV30" s="257">
        <v>0</v>
      </c>
      <c r="BW30" s="257">
        <v>5</v>
      </c>
      <c r="BX30" s="257">
        <v>0</v>
      </c>
      <c r="BY30" s="257">
        <v>0</v>
      </c>
      <c r="BZ30" s="254">
        <v>5</v>
      </c>
      <c r="CA30" s="259">
        <v>5</v>
      </c>
      <c r="CB30" s="253">
        <v>0</v>
      </c>
      <c r="CC30" s="257">
        <v>0</v>
      </c>
      <c r="CD30" s="254">
        <v>0</v>
      </c>
      <c r="CE30" s="256">
        <v>0</v>
      </c>
      <c r="CF30" s="257">
        <v>0</v>
      </c>
      <c r="CG30" s="257">
        <v>0</v>
      </c>
      <c r="CH30" s="257">
        <v>0</v>
      </c>
      <c r="CI30" s="257">
        <v>0</v>
      </c>
      <c r="CJ30" s="257">
        <v>0</v>
      </c>
      <c r="CK30" s="254">
        <v>0</v>
      </c>
      <c r="CL30" s="259">
        <v>0</v>
      </c>
      <c r="CM30" s="253">
        <v>0</v>
      </c>
      <c r="CN30" s="257">
        <v>0</v>
      </c>
      <c r="CO30" s="254">
        <v>0</v>
      </c>
      <c r="CP30" s="256">
        <v>0</v>
      </c>
      <c r="CQ30" s="257">
        <v>0</v>
      </c>
      <c r="CR30" s="257">
        <v>0</v>
      </c>
      <c r="CS30" s="257">
        <v>0</v>
      </c>
      <c r="CT30" s="257">
        <v>0</v>
      </c>
      <c r="CU30" s="257">
        <v>0</v>
      </c>
      <c r="CV30" s="254">
        <v>0</v>
      </c>
      <c r="CW30" s="259">
        <v>0</v>
      </c>
      <c r="CX30" s="253">
        <v>0</v>
      </c>
      <c r="CY30" s="257">
        <v>0</v>
      </c>
      <c r="CZ30" s="254">
        <v>0</v>
      </c>
      <c r="DA30" s="256">
        <v>0</v>
      </c>
      <c r="DB30" s="257">
        <v>0</v>
      </c>
      <c r="DC30" s="257">
        <v>0</v>
      </c>
      <c r="DD30" s="257">
        <v>0</v>
      </c>
      <c r="DE30" s="257">
        <v>0</v>
      </c>
      <c r="DF30" s="257">
        <v>0</v>
      </c>
      <c r="DG30" s="254">
        <v>0</v>
      </c>
      <c r="DH30" s="259">
        <v>0</v>
      </c>
    </row>
    <row r="31" spans="2:112" ht="21" customHeight="1" x14ac:dyDescent="0.2">
      <c r="B31" s="437" t="s">
        <v>29</v>
      </c>
      <c r="C31" s="253">
        <v>0</v>
      </c>
      <c r="D31" s="254">
        <v>0</v>
      </c>
      <c r="E31" s="255">
        <v>0</v>
      </c>
      <c r="F31" s="256">
        <v>0</v>
      </c>
      <c r="G31" s="257">
        <v>39</v>
      </c>
      <c r="H31" s="257">
        <v>24</v>
      </c>
      <c r="I31" s="257">
        <v>0</v>
      </c>
      <c r="J31" s="257">
        <v>31</v>
      </c>
      <c r="K31" s="257">
        <v>0</v>
      </c>
      <c r="L31" s="258">
        <v>94</v>
      </c>
      <c r="M31" s="259">
        <v>94</v>
      </c>
      <c r="N31" s="253">
        <v>0</v>
      </c>
      <c r="O31" s="257">
        <v>0</v>
      </c>
      <c r="P31" s="254">
        <v>0</v>
      </c>
      <c r="Q31" s="256">
        <v>0</v>
      </c>
      <c r="R31" s="257">
        <v>0</v>
      </c>
      <c r="S31" s="257">
        <v>0</v>
      </c>
      <c r="T31" s="257">
        <v>0</v>
      </c>
      <c r="U31" s="257">
        <v>0</v>
      </c>
      <c r="V31" s="257">
        <v>0</v>
      </c>
      <c r="W31" s="254">
        <v>0</v>
      </c>
      <c r="X31" s="259">
        <v>0</v>
      </c>
      <c r="Y31" s="253">
        <v>0</v>
      </c>
      <c r="Z31" s="257">
        <v>10</v>
      </c>
      <c r="AA31" s="254">
        <v>10</v>
      </c>
      <c r="AB31" s="256">
        <v>0</v>
      </c>
      <c r="AC31" s="257">
        <v>18</v>
      </c>
      <c r="AD31" s="257">
        <v>20</v>
      </c>
      <c r="AE31" s="257">
        <v>32</v>
      </c>
      <c r="AF31" s="257">
        <v>0</v>
      </c>
      <c r="AG31" s="257">
        <v>0</v>
      </c>
      <c r="AH31" s="254">
        <v>70</v>
      </c>
      <c r="AI31" s="259">
        <v>80</v>
      </c>
      <c r="AJ31" s="253">
        <v>0</v>
      </c>
      <c r="AK31" s="257">
        <v>0</v>
      </c>
      <c r="AL31" s="254">
        <v>0</v>
      </c>
      <c r="AM31" s="256">
        <v>0</v>
      </c>
      <c r="AN31" s="257">
        <v>12</v>
      </c>
      <c r="AO31" s="257">
        <v>0</v>
      </c>
      <c r="AP31" s="257">
        <v>0</v>
      </c>
      <c r="AQ31" s="257">
        <v>12</v>
      </c>
      <c r="AR31" s="257">
        <v>0</v>
      </c>
      <c r="AS31" s="254">
        <v>24</v>
      </c>
      <c r="AT31" s="259">
        <v>24</v>
      </c>
      <c r="AU31" s="253">
        <v>0</v>
      </c>
      <c r="AV31" s="257">
        <v>0</v>
      </c>
      <c r="AW31" s="254">
        <v>0</v>
      </c>
      <c r="AX31" s="256">
        <v>0</v>
      </c>
      <c r="AY31" s="257">
        <v>33</v>
      </c>
      <c r="AZ31" s="257">
        <v>13</v>
      </c>
      <c r="BA31" s="257">
        <v>0</v>
      </c>
      <c r="BB31" s="257">
        <v>0</v>
      </c>
      <c r="BC31" s="257">
        <v>0</v>
      </c>
      <c r="BD31" s="258">
        <v>46</v>
      </c>
      <c r="BE31" s="259">
        <v>46</v>
      </c>
      <c r="BF31" s="253">
        <v>0</v>
      </c>
      <c r="BG31" s="257">
        <v>0</v>
      </c>
      <c r="BH31" s="254">
        <v>0</v>
      </c>
      <c r="BI31" s="256">
        <v>0</v>
      </c>
      <c r="BJ31" s="257">
        <v>15</v>
      </c>
      <c r="BK31" s="257">
        <v>0</v>
      </c>
      <c r="BL31" s="257">
        <v>10</v>
      </c>
      <c r="BM31" s="257">
        <v>5</v>
      </c>
      <c r="BN31" s="257">
        <v>0</v>
      </c>
      <c r="BO31" s="254">
        <v>30</v>
      </c>
      <c r="BP31" s="259">
        <v>30</v>
      </c>
      <c r="BQ31" s="253">
        <v>0</v>
      </c>
      <c r="BR31" s="257">
        <v>0</v>
      </c>
      <c r="BS31" s="254">
        <v>0</v>
      </c>
      <c r="BT31" s="256">
        <v>0</v>
      </c>
      <c r="BU31" s="257">
        <v>0</v>
      </c>
      <c r="BV31" s="257">
        <v>0</v>
      </c>
      <c r="BW31" s="257">
        <v>0</v>
      </c>
      <c r="BX31" s="257">
        <v>0</v>
      </c>
      <c r="BY31" s="257">
        <v>0</v>
      </c>
      <c r="BZ31" s="254">
        <v>0</v>
      </c>
      <c r="CA31" s="259">
        <v>0</v>
      </c>
      <c r="CB31" s="253">
        <v>0</v>
      </c>
      <c r="CC31" s="257">
        <v>0</v>
      </c>
      <c r="CD31" s="254">
        <v>0</v>
      </c>
      <c r="CE31" s="256">
        <v>0</v>
      </c>
      <c r="CF31" s="257">
        <v>2</v>
      </c>
      <c r="CG31" s="257">
        <v>0</v>
      </c>
      <c r="CH31" s="257">
        <v>0</v>
      </c>
      <c r="CI31" s="257">
        <v>0</v>
      </c>
      <c r="CJ31" s="257">
        <v>0</v>
      </c>
      <c r="CK31" s="254">
        <v>2</v>
      </c>
      <c r="CL31" s="259">
        <v>2</v>
      </c>
      <c r="CM31" s="253">
        <v>0</v>
      </c>
      <c r="CN31" s="257">
        <v>0</v>
      </c>
      <c r="CO31" s="254">
        <v>0</v>
      </c>
      <c r="CP31" s="256">
        <v>0</v>
      </c>
      <c r="CQ31" s="257">
        <v>0</v>
      </c>
      <c r="CR31" s="257">
        <v>0</v>
      </c>
      <c r="CS31" s="257">
        <v>0</v>
      </c>
      <c r="CT31" s="257">
        <v>0</v>
      </c>
      <c r="CU31" s="257">
        <v>0</v>
      </c>
      <c r="CV31" s="254">
        <v>0</v>
      </c>
      <c r="CW31" s="259">
        <v>0</v>
      </c>
      <c r="CX31" s="253">
        <v>0</v>
      </c>
      <c r="CY31" s="257">
        <v>0</v>
      </c>
      <c r="CZ31" s="254">
        <v>0</v>
      </c>
      <c r="DA31" s="256">
        <v>0</v>
      </c>
      <c r="DB31" s="257">
        <v>0</v>
      </c>
      <c r="DC31" s="257">
        <v>0</v>
      </c>
      <c r="DD31" s="257">
        <v>0</v>
      </c>
      <c r="DE31" s="257">
        <v>0</v>
      </c>
      <c r="DF31" s="257">
        <v>0</v>
      </c>
      <c r="DG31" s="254">
        <v>0</v>
      </c>
      <c r="DH31" s="259">
        <v>0</v>
      </c>
    </row>
    <row r="32" spans="2:112" ht="21" customHeight="1" x14ac:dyDescent="0.2">
      <c r="B32" s="437" t="s">
        <v>30</v>
      </c>
      <c r="C32" s="253">
        <v>0</v>
      </c>
      <c r="D32" s="254">
        <v>0</v>
      </c>
      <c r="E32" s="255">
        <v>0</v>
      </c>
      <c r="F32" s="256">
        <v>0</v>
      </c>
      <c r="G32" s="257">
        <v>20</v>
      </c>
      <c r="H32" s="257">
        <v>9</v>
      </c>
      <c r="I32" s="257">
        <v>0</v>
      </c>
      <c r="J32" s="257">
        <v>46</v>
      </c>
      <c r="K32" s="257">
        <v>0</v>
      </c>
      <c r="L32" s="258">
        <v>75</v>
      </c>
      <c r="M32" s="259">
        <v>75</v>
      </c>
      <c r="N32" s="253">
        <v>0</v>
      </c>
      <c r="O32" s="257">
        <v>0</v>
      </c>
      <c r="P32" s="254">
        <v>0</v>
      </c>
      <c r="Q32" s="256">
        <v>0</v>
      </c>
      <c r="R32" s="257">
        <v>4</v>
      </c>
      <c r="S32" s="257">
        <v>0</v>
      </c>
      <c r="T32" s="257">
        <v>4</v>
      </c>
      <c r="U32" s="257">
        <v>0</v>
      </c>
      <c r="V32" s="257">
        <v>0</v>
      </c>
      <c r="W32" s="254">
        <v>8</v>
      </c>
      <c r="X32" s="259">
        <v>8</v>
      </c>
      <c r="Y32" s="253">
        <v>0</v>
      </c>
      <c r="Z32" s="257">
        <v>0</v>
      </c>
      <c r="AA32" s="254">
        <v>0</v>
      </c>
      <c r="AB32" s="256">
        <v>0</v>
      </c>
      <c r="AC32" s="257">
        <v>20</v>
      </c>
      <c r="AD32" s="257">
        <v>0</v>
      </c>
      <c r="AE32" s="257">
        <v>4</v>
      </c>
      <c r="AF32" s="257">
        <v>0</v>
      </c>
      <c r="AG32" s="257">
        <v>0</v>
      </c>
      <c r="AH32" s="254">
        <v>24</v>
      </c>
      <c r="AI32" s="259">
        <v>24</v>
      </c>
      <c r="AJ32" s="253">
        <v>0</v>
      </c>
      <c r="AK32" s="257">
        <v>0</v>
      </c>
      <c r="AL32" s="254">
        <v>0</v>
      </c>
      <c r="AM32" s="256">
        <v>0</v>
      </c>
      <c r="AN32" s="257">
        <v>0</v>
      </c>
      <c r="AO32" s="257">
        <v>18</v>
      </c>
      <c r="AP32" s="257">
        <v>0</v>
      </c>
      <c r="AQ32" s="257">
        <v>0</v>
      </c>
      <c r="AR32" s="257">
        <v>0</v>
      </c>
      <c r="AS32" s="254">
        <v>18</v>
      </c>
      <c r="AT32" s="259">
        <v>18</v>
      </c>
      <c r="AU32" s="253">
        <v>0</v>
      </c>
      <c r="AV32" s="257">
        <v>0</v>
      </c>
      <c r="AW32" s="254">
        <v>0</v>
      </c>
      <c r="AX32" s="256">
        <v>0</v>
      </c>
      <c r="AY32" s="257">
        <v>28</v>
      </c>
      <c r="AZ32" s="257">
        <v>4</v>
      </c>
      <c r="BA32" s="257">
        <v>3</v>
      </c>
      <c r="BB32" s="257">
        <v>0</v>
      </c>
      <c r="BC32" s="257">
        <v>0</v>
      </c>
      <c r="BD32" s="258">
        <v>35</v>
      </c>
      <c r="BE32" s="259">
        <v>35</v>
      </c>
      <c r="BF32" s="253">
        <v>0</v>
      </c>
      <c r="BG32" s="257">
        <v>0</v>
      </c>
      <c r="BH32" s="254">
        <v>0</v>
      </c>
      <c r="BI32" s="256">
        <v>0</v>
      </c>
      <c r="BJ32" s="257">
        <v>8</v>
      </c>
      <c r="BK32" s="257">
        <v>0</v>
      </c>
      <c r="BL32" s="257">
        <v>0</v>
      </c>
      <c r="BM32" s="257">
        <v>9</v>
      </c>
      <c r="BN32" s="257">
        <v>0</v>
      </c>
      <c r="BO32" s="254">
        <v>17</v>
      </c>
      <c r="BP32" s="259">
        <v>17</v>
      </c>
      <c r="BQ32" s="253">
        <v>0</v>
      </c>
      <c r="BR32" s="257">
        <v>0</v>
      </c>
      <c r="BS32" s="254">
        <v>0</v>
      </c>
      <c r="BT32" s="256">
        <v>0</v>
      </c>
      <c r="BU32" s="257">
        <v>0</v>
      </c>
      <c r="BV32" s="257">
        <v>11</v>
      </c>
      <c r="BW32" s="257">
        <v>3</v>
      </c>
      <c r="BX32" s="257">
        <v>9</v>
      </c>
      <c r="BY32" s="257">
        <v>0</v>
      </c>
      <c r="BZ32" s="254">
        <v>23</v>
      </c>
      <c r="CA32" s="259">
        <v>23</v>
      </c>
      <c r="CB32" s="253">
        <v>0</v>
      </c>
      <c r="CC32" s="257">
        <v>0</v>
      </c>
      <c r="CD32" s="254">
        <v>0</v>
      </c>
      <c r="CE32" s="256">
        <v>0</v>
      </c>
      <c r="CF32" s="257">
        <v>0</v>
      </c>
      <c r="CG32" s="257">
        <v>0</v>
      </c>
      <c r="CH32" s="257">
        <v>0</v>
      </c>
      <c r="CI32" s="257">
        <v>0</v>
      </c>
      <c r="CJ32" s="257">
        <v>0</v>
      </c>
      <c r="CK32" s="254">
        <v>0</v>
      </c>
      <c r="CL32" s="259">
        <v>0</v>
      </c>
      <c r="CM32" s="253">
        <v>0</v>
      </c>
      <c r="CN32" s="257">
        <v>0</v>
      </c>
      <c r="CO32" s="254">
        <v>0</v>
      </c>
      <c r="CP32" s="256">
        <v>0</v>
      </c>
      <c r="CQ32" s="257">
        <v>0</v>
      </c>
      <c r="CR32" s="257">
        <v>0</v>
      </c>
      <c r="CS32" s="257">
        <v>0</v>
      </c>
      <c r="CT32" s="257">
        <v>0</v>
      </c>
      <c r="CU32" s="257">
        <v>0</v>
      </c>
      <c r="CV32" s="254">
        <v>0</v>
      </c>
      <c r="CW32" s="259">
        <v>0</v>
      </c>
      <c r="CX32" s="253">
        <v>0</v>
      </c>
      <c r="CY32" s="257">
        <v>0</v>
      </c>
      <c r="CZ32" s="254">
        <v>0</v>
      </c>
      <c r="DA32" s="256">
        <v>0</v>
      </c>
      <c r="DB32" s="257">
        <v>0</v>
      </c>
      <c r="DC32" s="257">
        <v>0</v>
      </c>
      <c r="DD32" s="257">
        <v>0</v>
      </c>
      <c r="DE32" s="257">
        <v>0</v>
      </c>
      <c r="DF32" s="257">
        <v>0</v>
      </c>
      <c r="DG32" s="254">
        <v>0</v>
      </c>
      <c r="DH32" s="259">
        <v>0</v>
      </c>
    </row>
    <row r="33" spans="2:112" ht="21" customHeight="1" x14ac:dyDescent="0.2">
      <c r="B33" s="437" t="s">
        <v>31</v>
      </c>
      <c r="C33" s="253">
        <v>0</v>
      </c>
      <c r="D33" s="254">
        <v>0</v>
      </c>
      <c r="E33" s="255">
        <v>0</v>
      </c>
      <c r="F33" s="256">
        <v>0</v>
      </c>
      <c r="G33" s="257">
        <v>15</v>
      </c>
      <c r="H33" s="257">
        <v>0</v>
      </c>
      <c r="I33" s="257">
        <v>0</v>
      </c>
      <c r="J33" s="257">
        <v>0</v>
      </c>
      <c r="K33" s="257">
        <v>0</v>
      </c>
      <c r="L33" s="258">
        <v>15</v>
      </c>
      <c r="M33" s="259">
        <v>15</v>
      </c>
      <c r="N33" s="253">
        <v>0</v>
      </c>
      <c r="O33" s="257">
        <v>0</v>
      </c>
      <c r="P33" s="254">
        <v>0</v>
      </c>
      <c r="Q33" s="256">
        <v>0</v>
      </c>
      <c r="R33" s="257">
        <v>0</v>
      </c>
      <c r="S33" s="257">
        <v>0</v>
      </c>
      <c r="T33" s="257">
        <v>0</v>
      </c>
      <c r="U33" s="257">
        <v>0</v>
      </c>
      <c r="V33" s="257">
        <v>0</v>
      </c>
      <c r="W33" s="254">
        <v>0</v>
      </c>
      <c r="X33" s="259">
        <v>0</v>
      </c>
      <c r="Y33" s="253">
        <v>0</v>
      </c>
      <c r="Z33" s="257">
        <v>0</v>
      </c>
      <c r="AA33" s="254">
        <v>0</v>
      </c>
      <c r="AB33" s="256">
        <v>0</v>
      </c>
      <c r="AC33" s="257">
        <v>40</v>
      </c>
      <c r="AD33" s="257">
        <v>4</v>
      </c>
      <c r="AE33" s="257">
        <v>23</v>
      </c>
      <c r="AF33" s="257">
        <v>0</v>
      </c>
      <c r="AG33" s="257">
        <v>0</v>
      </c>
      <c r="AH33" s="254">
        <v>67</v>
      </c>
      <c r="AI33" s="259">
        <v>67</v>
      </c>
      <c r="AJ33" s="253">
        <v>0</v>
      </c>
      <c r="AK33" s="257">
        <v>0</v>
      </c>
      <c r="AL33" s="254">
        <v>0</v>
      </c>
      <c r="AM33" s="256">
        <v>0</v>
      </c>
      <c r="AN33" s="257">
        <v>0</v>
      </c>
      <c r="AO33" s="257">
        <v>0</v>
      </c>
      <c r="AP33" s="257">
        <v>0</v>
      </c>
      <c r="AQ33" s="257">
        <v>0</v>
      </c>
      <c r="AR33" s="257">
        <v>0</v>
      </c>
      <c r="AS33" s="254">
        <v>0</v>
      </c>
      <c r="AT33" s="259">
        <v>0</v>
      </c>
      <c r="AU33" s="253">
        <v>0</v>
      </c>
      <c r="AV33" s="257">
        <v>0</v>
      </c>
      <c r="AW33" s="254">
        <v>0</v>
      </c>
      <c r="AX33" s="256">
        <v>0</v>
      </c>
      <c r="AY33" s="257">
        <v>16</v>
      </c>
      <c r="AZ33" s="257">
        <v>36</v>
      </c>
      <c r="BA33" s="257">
        <v>26</v>
      </c>
      <c r="BB33" s="257">
        <v>0</v>
      </c>
      <c r="BC33" s="257">
        <v>0</v>
      </c>
      <c r="BD33" s="258">
        <v>78</v>
      </c>
      <c r="BE33" s="259">
        <v>78</v>
      </c>
      <c r="BF33" s="253">
        <v>0</v>
      </c>
      <c r="BG33" s="257">
        <v>0</v>
      </c>
      <c r="BH33" s="254">
        <v>0</v>
      </c>
      <c r="BI33" s="256">
        <v>0</v>
      </c>
      <c r="BJ33" s="257">
        <v>10</v>
      </c>
      <c r="BK33" s="257">
        <v>15</v>
      </c>
      <c r="BL33" s="257">
        <v>0</v>
      </c>
      <c r="BM33" s="257">
        <v>0</v>
      </c>
      <c r="BN33" s="257">
        <v>0</v>
      </c>
      <c r="BO33" s="254">
        <v>25</v>
      </c>
      <c r="BP33" s="259">
        <v>25</v>
      </c>
      <c r="BQ33" s="253">
        <v>0</v>
      </c>
      <c r="BR33" s="257">
        <v>0</v>
      </c>
      <c r="BS33" s="254">
        <v>0</v>
      </c>
      <c r="BT33" s="256">
        <v>0</v>
      </c>
      <c r="BU33" s="257">
        <v>8</v>
      </c>
      <c r="BV33" s="257">
        <v>0</v>
      </c>
      <c r="BW33" s="257">
        <v>0</v>
      </c>
      <c r="BX33" s="257">
        <v>0</v>
      </c>
      <c r="BY33" s="257">
        <v>0</v>
      </c>
      <c r="BZ33" s="254">
        <v>8</v>
      </c>
      <c r="CA33" s="259">
        <v>8</v>
      </c>
      <c r="CB33" s="253">
        <v>0</v>
      </c>
      <c r="CC33" s="257">
        <v>0</v>
      </c>
      <c r="CD33" s="254">
        <v>0</v>
      </c>
      <c r="CE33" s="256">
        <v>0</v>
      </c>
      <c r="CF33" s="257">
        <v>0</v>
      </c>
      <c r="CG33" s="257">
        <v>0</v>
      </c>
      <c r="CH33" s="257">
        <v>24</v>
      </c>
      <c r="CI33" s="257">
        <v>0</v>
      </c>
      <c r="CJ33" s="257">
        <v>0</v>
      </c>
      <c r="CK33" s="254">
        <v>24</v>
      </c>
      <c r="CL33" s="259">
        <v>24</v>
      </c>
      <c r="CM33" s="253">
        <v>0</v>
      </c>
      <c r="CN33" s="257">
        <v>0</v>
      </c>
      <c r="CO33" s="254">
        <v>0</v>
      </c>
      <c r="CP33" s="256">
        <v>0</v>
      </c>
      <c r="CQ33" s="257">
        <v>0</v>
      </c>
      <c r="CR33" s="257">
        <v>0</v>
      </c>
      <c r="CS33" s="257">
        <v>0</v>
      </c>
      <c r="CT33" s="257">
        <v>0</v>
      </c>
      <c r="CU33" s="257">
        <v>0</v>
      </c>
      <c r="CV33" s="254">
        <v>0</v>
      </c>
      <c r="CW33" s="259">
        <v>0</v>
      </c>
      <c r="CX33" s="253">
        <v>0</v>
      </c>
      <c r="CY33" s="257">
        <v>0</v>
      </c>
      <c r="CZ33" s="254">
        <v>0</v>
      </c>
      <c r="DA33" s="256">
        <v>0</v>
      </c>
      <c r="DB33" s="257">
        <v>0</v>
      </c>
      <c r="DC33" s="257">
        <v>0</v>
      </c>
      <c r="DD33" s="257">
        <v>0</v>
      </c>
      <c r="DE33" s="257">
        <v>0</v>
      </c>
      <c r="DF33" s="257">
        <v>0</v>
      </c>
      <c r="DG33" s="254">
        <v>0</v>
      </c>
      <c r="DH33" s="259">
        <v>0</v>
      </c>
    </row>
    <row r="34" spans="2:112" ht="21" customHeight="1" x14ac:dyDescent="0.2">
      <c r="B34" s="437" t="s">
        <v>32</v>
      </c>
      <c r="C34" s="253">
        <v>0</v>
      </c>
      <c r="D34" s="254">
        <v>0</v>
      </c>
      <c r="E34" s="255">
        <v>0</v>
      </c>
      <c r="F34" s="256">
        <v>0</v>
      </c>
      <c r="G34" s="257">
        <v>9</v>
      </c>
      <c r="H34" s="257">
        <v>18</v>
      </c>
      <c r="I34" s="257">
        <v>0</v>
      </c>
      <c r="J34" s="257">
        <v>0</v>
      </c>
      <c r="K34" s="257">
        <v>0</v>
      </c>
      <c r="L34" s="258">
        <v>27</v>
      </c>
      <c r="M34" s="259">
        <v>27</v>
      </c>
      <c r="N34" s="253">
        <v>0</v>
      </c>
      <c r="O34" s="257">
        <v>0</v>
      </c>
      <c r="P34" s="254">
        <v>0</v>
      </c>
      <c r="Q34" s="256">
        <v>0</v>
      </c>
      <c r="R34" s="257">
        <v>0</v>
      </c>
      <c r="S34" s="257">
        <v>0</v>
      </c>
      <c r="T34" s="257">
        <v>0</v>
      </c>
      <c r="U34" s="257">
        <v>0</v>
      </c>
      <c r="V34" s="257">
        <v>0</v>
      </c>
      <c r="W34" s="254">
        <v>0</v>
      </c>
      <c r="X34" s="259">
        <v>0</v>
      </c>
      <c r="Y34" s="253">
        <v>0</v>
      </c>
      <c r="Z34" s="257">
        <v>0</v>
      </c>
      <c r="AA34" s="254">
        <v>0</v>
      </c>
      <c r="AB34" s="256">
        <v>0</v>
      </c>
      <c r="AC34" s="257">
        <v>50</v>
      </c>
      <c r="AD34" s="257">
        <v>0</v>
      </c>
      <c r="AE34" s="257">
        <v>0</v>
      </c>
      <c r="AF34" s="257">
        <v>0</v>
      </c>
      <c r="AG34" s="257">
        <v>16</v>
      </c>
      <c r="AH34" s="254">
        <v>66</v>
      </c>
      <c r="AI34" s="259">
        <v>66</v>
      </c>
      <c r="AJ34" s="253">
        <v>0</v>
      </c>
      <c r="AK34" s="257">
        <v>0</v>
      </c>
      <c r="AL34" s="254">
        <v>0</v>
      </c>
      <c r="AM34" s="256">
        <v>0</v>
      </c>
      <c r="AN34" s="257">
        <v>0</v>
      </c>
      <c r="AO34" s="257">
        <v>12</v>
      </c>
      <c r="AP34" s="257">
        <v>0</v>
      </c>
      <c r="AQ34" s="257">
        <v>12</v>
      </c>
      <c r="AR34" s="257">
        <v>0</v>
      </c>
      <c r="AS34" s="254">
        <v>24</v>
      </c>
      <c r="AT34" s="259">
        <v>24</v>
      </c>
      <c r="AU34" s="253">
        <v>0</v>
      </c>
      <c r="AV34" s="257">
        <v>0</v>
      </c>
      <c r="AW34" s="254">
        <v>0</v>
      </c>
      <c r="AX34" s="256">
        <v>0</v>
      </c>
      <c r="AY34" s="257">
        <v>34</v>
      </c>
      <c r="AZ34" s="257">
        <v>37</v>
      </c>
      <c r="BA34" s="257">
        <v>0</v>
      </c>
      <c r="BB34" s="257">
        <v>5</v>
      </c>
      <c r="BC34" s="257">
        <v>10</v>
      </c>
      <c r="BD34" s="258">
        <v>86</v>
      </c>
      <c r="BE34" s="259">
        <v>86</v>
      </c>
      <c r="BF34" s="253">
        <v>0</v>
      </c>
      <c r="BG34" s="257">
        <v>0</v>
      </c>
      <c r="BH34" s="254">
        <v>0</v>
      </c>
      <c r="BI34" s="256">
        <v>0</v>
      </c>
      <c r="BJ34" s="257">
        <v>0</v>
      </c>
      <c r="BK34" s="257">
        <v>13</v>
      </c>
      <c r="BL34" s="257">
        <v>0</v>
      </c>
      <c r="BM34" s="257">
        <v>6</v>
      </c>
      <c r="BN34" s="257">
        <v>4</v>
      </c>
      <c r="BO34" s="254">
        <v>23</v>
      </c>
      <c r="BP34" s="259">
        <v>23</v>
      </c>
      <c r="BQ34" s="253">
        <v>0</v>
      </c>
      <c r="BR34" s="257">
        <v>0</v>
      </c>
      <c r="BS34" s="254">
        <v>0</v>
      </c>
      <c r="BT34" s="256">
        <v>0</v>
      </c>
      <c r="BU34" s="257">
        <v>0</v>
      </c>
      <c r="BV34" s="257">
        <v>9</v>
      </c>
      <c r="BW34" s="257">
        <v>0</v>
      </c>
      <c r="BX34" s="257">
        <v>0</v>
      </c>
      <c r="BY34" s="257">
        <v>2</v>
      </c>
      <c r="BZ34" s="254">
        <v>11</v>
      </c>
      <c r="CA34" s="259">
        <v>11</v>
      </c>
      <c r="CB34" s="253">
        <v>0</v>
      </c>
      <c r="CC34" s="257">
        <v>0</v>
      </c>
      <c r="CD34" s="254">
        <v>0</v>
      </c>
      <c r="CE34" s="256">
        <v>0</v>
      </c>
      <c r="CF34" s="257">
        <v>0</v>
      </c>
      <c r="CG34" s="257">
        <v>0</v>
      </c>
      <c r="CH34" s="257">
        <v>0</v>
      </c>
      <c r="CI34" s="257">
        <v>0</v>
      </c>
      <c r="CJ34" s="257">
        <v>9</v>
      </c>
      <c r="CK34" s="254">
        <v>9</v>
      </c>
      <c r="CL34" s="259">
        <v>9</v>
      </c>
      <c r="CM34" s="253">
        <v>0</v>
      </c>
      <c r="CN34" s="257">
        <v>0</v>
      </c>
      <c r="CO34" s="254">
        <v>0</v>
      </c>
      <c r="CP34" s="256">
        <v>0</v>
      </c>
      <c r="CQ34" s="257">
        <v>0</v>
      </c>
      <c r="CR34" s="257">
        <v>0</v>
      </c>
      <c r="CS34" s="257">
        <v>0</v>
      </c>
      <c r="CT34" s="257">
        <v>0</v>
      </c>
      <c r="CU34" s="257">
        <v>0</v>
      </c>
      <c r="CV34" s="254">
        <v>0</v>
      </c>
      <c r="CW34" s="259">
        <v>0</v>
      </c>
      <c r="CX34" s="253">
        <v>0</v>
      </c>
      <c r="CY34" s="257">
        <v>0</v>
      </c>
      <c r="CZ34" s="254">
        <v>0</v>
      </c>
      <c r="DA34" s="256">
        <v>0</v>
      </c>
      <c r="DB34" s="257">
        <v>0</v>
      </c>
      <c r="DC34" s="257">
        <v>0</v>
      </c>
      <c r="DD34" s="257">
        <v>0</v>
      </c>
      <c r="DE34" s="257">
        <v>0</v>
      </c>
      <c r="DF34" s="257">
        <v>0</v>
      </c>
      <c r="DG34" s="254">
        <v>0</v>
      </c>
      <c r="DH34" s="259">
        <v>0</v>
      </c>
    </row>
    <row r="35" spans="2:112" ht="21" customHeight="1" x14ac:dyDescent="0.2">
      <c r="B35" s="437" t="s">
        <v>33</v>
      </c>
      <c r="C35" s="253">
        <v>0</v>
      </c>
      <c r="D35" s="254">
        <v>0</v>
      </c>
      <c r="E35" s="255">
        <v>0</v>
      </c>
      <c r="F35" s="256">
        <v>0</v>
      </c>
      <c r="G35" s="257">
        <v>31</v>
      </c>
      <c r="H35" s="257">
        <v>0</v>
      </c>
      <c r="I35" s="257">
        <v>0</v>
      </c>
      <c r="J35" s="257">
        <v>0</v>
      </c>
      <c r="K35" s="257">
        <v>98</v>
      </c>
      <c r="L35" s="258">
        <v>129</v>
      </c>
      <c r="M35" s="259">
        <v>129</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0</v>
      </c>
      <c r="AD35" s="257">
        <v>0</v>
      </c>
      <c r="AE35" s="257">
        <v>0</v>
      </c>
      <c r="AF35" s="257">
        <v>0</v>
      </c>
      <c r="AG35" s="257">
        <v>2</v>
      </c>
      <c r="AH35" s="254">
        <v>2</v>
      </c>
      <c r="AI35" s="259">
        <v>2</v>
      </c>
      <c r="AJ35" s="253">
        <v>0</v>
      </c>
      <c r="AK35" s="257">
        <v>3</v>
      </c>
      <c r="AL35" s="254">
        <v>3</v>
      </c>
      <c r="AM35" s="256">
        <v>0</v>
      </c>
      <c r="AN35" s="257">
        <v>0</v>
      </c>
      <c r="AO35" s="257">
        <v>0</v>
      </c>
      <c r="AP35" s="257">
        <v>12</v>
      </c>
      <c r="AQ35" s="257">
        <v>0</v>
      </c>
      <c r="AR35" s="257">
        <v>0</v>
      </c>
      <c r="AS35" s="254">
        <v>12</v>
      </c>
      <c r="AT35" s="259">
        <v>15</v>
      </c>
      <c r="AU35" s="253">
        <v>0</v>
      </c>
      <c r="AV35" s="257">
        <v>0</v>
      </c>
      <c r="AW35" s="254">
        <v>0</v>
      </c>
      <c r="AX35" s="256">
        <v>0</v>
      </c>
      <c r="AY35" s="257">
        <v>11</v>
      </c>
      <c r="AZ35" s="257">
        <v>0</v>
      </c>
      <c r="BA35" s="257">
        <v>0</v>
      </c>
      <c r="BB35" s="257">
        <v>0</v>
      </c>
      <c r="BC35" s="257">
        <v>10</v>
      </c>
      <c r="BD35" s="258">
        <v>21</v>
      </c>
      <c r="BE35" s="259">
        <v>21</v>
      </c>
      <c r="BF35" s="253">
        <v>0</v>
      </c>
      <c r="BG35" s="257">
        <v>0</v>
      </c>
      <c r="BH35" s="254">
        <v>0</v>
      </c>
      <c r="BI35" s="256">
        <v>0</v>
      </c>
      <c r="BJ35" s="257">
        <v>3</v>
      </c>
      <c r="BK35" s="257">
        <v>0</v>
      </c>
      <c r="BL35" s="257">
        <v>0</v>
      </c>
      <c r="BM35" s="257">
        <v>0</v>
      </c>
      <c r="BN35" s="257">
        <v>0</v>
      </c>
      <c r="BO35" s="254">
        <v>3</v>
      </c>
      <c r="BP35" s="259">
        <v>3</v>
      </c>
      <c r="BQ35" s="253">
        <v>0</v>
      </c>
      <c r="BR35" s="257">
        <v>0</v>
      </c>
      <c r="BS35" s="254">
        <v>0</v>
      </c>
      <c r="BT35" s="256">
        <v>0</v>
      </c>
      <c r="BU35" s="257">
        <v>0</v>
      </c>
      <c r="BV35" s="257">
        <v>0</v>
      </c>
      <c r="BW35" s="257">
        <v>3</v>
      </c>
      <c r="BX35" s="257">
        <v>2</v>
      </c>
      <c r="BY35" s="257">
        <v>0</v>
      </c>
      <c r="BZ35" s="254">
        <v>5</v>
      </c>
      <c r="CA35" s="259">
        <v>5</v>
      </c>
      <c r="CB35" s="253">
        <v>0</v>
      </c>
      <c r="CC35" s="257">
        <v>0</v>
      </c>
      <c r="CD35" s="254">
        <v>0</v>
      </c>
      <c r="CE35" s="256">
        <v>0</v>
      </c>
      <c r="CF35" s="257">
        <v>0</v>
      </c>
      <c r="CG35" s="257">
        <v>0</v>
      </c>
      <c r="CH35" s="257">
        <v>0</v>
      </c>
      <c r="CI35" s="257">
        <v>0</v>
      </c>
      <c r="CJ35" s="257">
        <v>0</v>
      </c>
      <c r="CK35" s="254">
        <v>0</v>
      </c>
      <c r="CL35" s="259">
        <v>0</v>
      </c>
      <c r="CM35" s="253">
        <v>0</v>
      </c>
      <c r="CN35" s="257">
        <v>0</v>
      </c>
      <c r="CO35" s="254">
        <v>0</v>
      </c>
      <c r="CP35" s="256">
        <v>0</v>
      </c>
      <c r="CQ35" s="257">
        <v>0</v>
      </c>
      <c r="CR35" s="257">
        <v>0</v>
      </c>
      <c r="CS35" s="257">
        <v>0</v>
      </c>
      <c r="CT35" s="257">
        <v>0</v>
      </c>
      <c r="CU35" s="257">
        <v>0</v>
      </c>
      <c r="CV35" s="254">
        <v>0</v>
      </c>
      <c r="CW35" s="259">
        <v>0</v>
      </c>
      <c r="CX35" s="253">
        <v>0</v>
      </c>
      <c r="CY35" s="257">
        <v>0</v>
      </c>
      <c r="CZ35" s="254">
        <v>0</v>
      </c>
      <c r="DA35" s="256">
        <v>0</v>
      </c>
      <c r="DB35" s="257">
        <v>0</v>
      </c>
      <c r="DC35" s="257">
        <v>0</v>
      </c>
      <c r="DD35" s="257">
        <v>0</v>
      </c>
      <c r="DE35" s="257">
        <v>0</v>
      </c>
      <c r="DF35" s="257">
        <v>0</v>
      </c>
      <c r="DG35" s="254">
        <v>0</v>
      </c>
      <c r="DH35" s="259">
        <v>0</v>
      </c>
    </row>
    <row r="36" spans="2:112" ht="21" customHeight="1" x14ac:dyDescent="0.2">
      <c r="B36" s="437" t="s">
        <v>34</v>
      </c>
      <c r="C36" s="253">
        <v>0</v>
      </c>
      <c r="D36" s="254">
        <v>0</v>
      </c>
      <c r="E36" s="255">
        <v>0</v>
      </c>
      <c r="F36" s="256">
        <v>0</v>
      </c>
      <c r="G36" s="257">
        <v>11</v>
      </c>
      <c r="H36" s="257">
        <v>0</v>
      </c>
      <c r="I36" s="257">
        <v>0</v>
      </c>
      <c r="J36" s="257">
        <v>0</v>
      </c>
      <c r="K36" s="257">
        <v>0</v>
      </c>
      <c r="L36" s="258">
        <v>11</v>
      </c>
      <c r="M36" s="259">
        <v>11</v>
      </c>
      <c r="N36" s="253">
        <v>0</v>
      </c>
      <c r="O36" s="257">
        <v>0</v>
      </c>
      <c r="P36" s="254">
        <v>0</v>
      </c>
      <c r="Q36" s="256">
        <v>0</v>
      </c>
      <c r="R36" s="257">
        <v>0</v>
      </c>
      <c r="S36" s="257">
        <v>0</v>
      </c>
      <c r="T36" s="257">
        <v>4</v>
      </c>
      <c r="U36" s="257">
        <v>0</v>
      </c>
      <c r="V36" s="257">
        <v>0</v>
      </c>
      <c r="W36" s="254">
        <v>4</v>
      </c>
      <c r="X36" s="259">
        <v>4</v>
      </c>
      <c r="Y36" s="253">
        <v>0</v>
      </c>
      <c r="Z36" s="257">
        <v>19</v>
      </c>
      <c r="AA36" s="254">
        <v>19</v>
      </c>
      <c r="AB36" s="256">
        <v>0</v>
      </c>
      <c r="AC36" s="257">
        <v>0</v>
      </c>
      <c r="AD36" s="257">
        <v>0</v>
      </c>
      <c r="AE36" s="257">
        <v>0</v>
      </c>
      <c r="AF36" s="257">
        <v>0</v>
      </c>
      <c r="AG36" s="257">
        <v>0</v>
      </c>
      <c r="AH36" s="254">
        <v>0</v>
      </c>
      <c r="AI36" s="259">
        <v>19</v>
      </c>
      <c r="AJ36" s="253">
        <v>0</v>
      </c>
      <c r="AK36" s="257">
        <v>0</v>
      </c>
      <c r="AL36" s="254">
        <v>0</v>
      </c>
      <c r="AM36" s="256">
        <v>0</v>
      </c>
      <c r="AN36" s="257">
        <v>0</v>
      </c>
      <c r="AO36" s="257">
        <v>22</v>
      </c>
      <c r="AP36" s="257">
        <v>6</v>
      </c>
      <c r="AQ36" s="257">
        <v>0</v>
      </c>
      <c r="AR36" s="257">
        <v>0</v>
      </c>
      <c r="AS36" s="254">
        <v>28</v>
      </c>
      <c r="AT36" s="259">
        <v>28</v>
      </c>
      <c r="AU36" s="253">
        <v>0</v>
      </c>
      <c r="AV36" s="257">
        <v>0</v>
      </c>
      <c r="AW36" s="254">
        <v>0</v>
      </c>
      <c r="AX36" s="256">
        <v>0</v>
      </c>
      <c r="AY36" s="257">
        <v>0</v>
      </c>
      <c r="AZ36" s="257">
        <v>17</v>
      </c>
      <c r="BA36" s="257">
        <v>24</v>
      </c>
      <c r="BB36" s="257">
        <v>0</v>
      </c>
      <c r="BC36" s="257">
        <v>0</v>
      </c>
      <c r="BD36" s="258">
        <v>41</v>
      </c>
      <c r="BE36" s="259">
        <v>41</v>
      </c>
      <c r="BF36" s="253">
        <v>0</v>
      </c>
      <c r="BG36" s="257">
        <v>0</v>
      </c>
      <c r="BH36" s="254">
        <v>0</v>
      </c>
      <c r="BI36" s="256">
        <v>0</v>
      </c>
      <c r="BJ36" s="257">
        <v>0</v>
      </c>
      <c r="BK36" s="257">
        <v>0</v>
      </c>
      <c r="BL36" s="257">
        <v>0</v>
      </c>
      <c r="BM36" s="257">
        <v>0</v>
      </c>
      <c r="BN36" s="257">
        <v>0</v>
      </c>
      <c r="BO36" s="254">
        <v>0</v>
      </c>
      <c r="BP36" s="259">
        <v>0</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0</v>
      </c>
      <c r="CR36" s="257">
        <v>0</v>
      </c>
      <c r="CS36" s="257">
        <v>0</v>
      </c>
      <c r="CT36" s="257">
        <v>0</v>
      </c>
      <c r="CU36" s="257">
        <v>0</v>
      </c>
      <c r="CV36" s="254">
        <v>0</v>
      </c>
      <c r="CW36" s="259">
        <v>0</v>
      </c>
      <c r="CX36" s="253">
        <v>0</v>
      </c>
      <c r="CY36" s="257">
        <v>0</v>
      </c>
      <c r="CZ36" s="254">
        <v>0</v>
      </c>
      <c r="DA36" s="256">
        <v>0</v>
      </c>
      <c r="DB36" s="257">
        <v>0</v>
      </c>
      <c r="DC36" s="257">
        <v>0</v>
      </c>
      <c r="DD36" s="257">
        <v>0</v>
      </c>
      <c r="DE36" s="257">
        <v>0</v>
      </c>
      <c r="DF36" s="257">
        <v>0</v>
      </c>
      <c r="DG36" s="254">
        <v>0</v>
      </c>
      <c r="DH36" s="259">
        <v>0</v>
      </c>
    </row>
    <row r="37" spans="2:112" ht="21" customHeight="1" x14ac:dyDescent="0.2">
      <c r="B37" s="437" t="s">
        <v>35</v>
      </c>
      <c r="C37" s="253">
        <v>0</v>
      </c>
      <c r="D37" s="254">
        <v>0</v>
      </c>
      <c r="E37" s="255">
        <v>0</v>
      </c>
      <c r="F37" s="256">
        <v>0</v>
      </c>
      <c r="G37" s="257">
        <v>73</v>
      </c>
      <c r="H37" s="257">
        <v>31</v>
      </c>
      <c r="I37" s="257">
        <v>14</v>
      </c>
      <c r="J37" s="257">
        <v>2</v>
      </c>
      <c r="K37" s="257">
        <v>0</v>
      </c>
      <c r="L37" s="258">
        <v>120</v>
      </c>
      <c r="M37" s="259">
        <v>120</v>
      </c>
      <c r="N37" s="253">
        <v>0</v>
      </c>
      <c r="O37" s="257">
        <v>0</v>
      </c>
      <c r="P37" s="254">
        <v>0</v>
      </c>
      <c r="Q37" s="256">
        <v>0</v>
      </c>
      <c r="R37" s="257">
        <v>0</v>
      </c>
      <c r="S37" s="257">
        <v>0</v>
      </c>
      <c r="T37" s="257">
        <v>0</v>
      </c>
      <c r="U37" s="257">
        <v>0</v>
      </c>
      <c r="V37" s="257">
        <v>0</v>
      </c>
      <c r="W37" s="254">
        <v>0</v>
      </c>
      <c r="X37" s="259">
        <v>0</v>
      </c>
      <c r="Y37" s="253">
        <v>0</v>
      </c>
      <c r="Z37" s="257">
        <v>11</v>
      </c>
      <c r="AA37" s="254">
        <v>11</v>
      </c>
      <c r="AB37" s="256">
        <v>0</v>
      </c>
      <c r="AC37" s="257">
        <v>6</v>
      </c>
      <c r="AD37" s="257">
        <v>34</v>
      </c>
      <c r="AE37" s="257">
        <v>9</v>
      </c>
      <c r="AF37" s="257">
        <v>35</v>
      </c>
      <c r="AG37" s="257">
        <v>2</v>
      </c>
      <c r="AH37" s="254">
        <v>86</v>
      </c>
      <c r="AI37" s="259">
        <v>97</v>
      </c>
      <c r="AJ37" s="253">
        <v>8</v>
      </c>
      <c r="AK37" s="257">
        <v>0</v>
      </c>
      <c r="AL37" s="254">
        <v>8</v>
      </c>
      <c r="AM37" s="256">
        <v>0</v>
      </c>
      <c r="AN37" s="257">
        <v>39</v>
      </c>
      <c r="AO37" s="257">
        <v>0</v>
      </c>
      <c r="AP37" s="257">
        <v>0</v>
      </c>
      <c r="AQ37" s="257">
        <v>22</v>
      </c>
      <c r="AR37" s="257">
        <v>0</v>
      </c>
      <c r="AS37" s="254">
        <v>61</v>
      </c>
      <c r="AT37" s="259">
        <v>69</v>
      </c>
      <c r="AU37" s="253">
        <v>0</v>
      </c>
      <c r="AV37" s="257">
        <v>0</v>
      </c>
      <c r="AW37" s="254">
        <v>0</v>
      </c>
      <c r="AX37" s="256">
        <v>0</v>
      </c>
      <c r="AY37" s="257">
        <v>21</v>
      </c>
      <c r="AZ37" s="257">
        <v>16</v>
      </c>
      <c r="BA37" s="257">
        <v>4</v>
      </c>
      <c r="BB37" s="257">
        <v>8</v>
      </c>
      <c r="BC37" s="257">
        <v>5</v>
      </c>
      <c r="BD37" s="258">
        <v>54</v>
      </c>
      <c r="BE37" s="259">
        <v>54</v>
      </c>
      <c r="BF37" s="253">
        <v>0</v>
      </c>
      <c r="BG37" s="257">
        <v>0</v>
      </c>
      <c r="BH37" s="254">
        <v>0</v>
      </c>
      <c r="BI37" s="256">
        <v>0</v>
      </c>
      <c r="BJ37" s="257">
        <v>19</v>
      </c>
      <c r="BK37" s="257">
        <v>6</v>
      </c>
      <c r="BL37" s="257">
        <v>0</v>
      </c>
      <c r="BM37" s="257">
        <v>11</v>
      </c>
      <c r="BN37" s="257">
        <v>0</v>
      </c>
      <c r="BO37" s="254">
        <v>36</v>
      </c>
      <c r="BP37" s="259">
        <v>36</v>
      </c>
      <c r="BQ37" s="253">
        <v>0</v>
      </c>
      <c r="BR37" s="257">
        <v>0</v>
      </c>
      <c r="BS37" s="254">
        <v>0</v>
      </c>
      <c r="BT37" s="256">
        <v>0</v>
      </c>
      <c r="BU37" s="257">
        <v>0</v>
      </c>
      <c r="BV37" s="257">
        <v>0</v>
      </c>
      <c r="BW37" s="257">
        <v>0</v>
      </c>
      <c r="BX37" s="257">
        <v>0</v>
      </c>
      <c r="BY37" s="257">
        <v>13</v>
      </c>
      <c r="BZ37" s="254">
        <v>13</v>
      </c>
      <c r="CA37" s="259">
        <v>13</v>
      </c>
      <c r="CB37" s="253">
        <v>0</v>
      </c>
      <c r="CC37" s="257">
        <v>0</v>
      </c>
      <c r="CD37" s="254">
        <v>0</v>
      </c>
      <c r="CE37" s="256">
        <v>0</v>
      </c>
      <c r="CF37" s="257">
        <v>0</v>
      </c>
      <c r="CG37" s="257">
        <v>0</v>
      </c>
      <c r="CH37" s="257">
        <v>0</v>
      </c>
      <c r="CI37" s="257">
        <v>0</v>
      </c>
      <c r="CJ37" s="257">
        <v>0</v>
      </c>
      <c r="CK37" s="254">
        <v>0</v>
      </c>
      <c r="CL37" s="259">
        <v>0</v>
      </c>
      <c r="CM37" s="253">
        <v>0</v>
      </c>
      <c r="CN37" s="257">
        <v>0</v>
      </c>
      <c r="CO37" s="254">
        <v>0</v>
      </c>
      <c r="CP37" s="256">
        <v>0</v>
      </c>
      <c r="CQ37" s="257">
        <v>0</v>
      </c>
      <c r="CR37" s="257">
        <v>0</v>
      </c>
      <c r="CS37" s="257">
        <v>0</v>
      </c>
      <c r="CT37" s="257">
        <v>0</v>
      </c>
      <c r="CU37" s="257">
        <v>0</v>
      </c>
      <c r="CV37" s="254">
        <v>0</v>
      </c>
      <c r="CW37" s="259">
        <v>0</v>
      </c>
      <c r="CX37" s="253">
        <v>0</v>
      </c>
      <c r="CY37" s="257">
        <v>0</v>
      </c>
      <c r="CZ37" s="254">
        <v>0</v>
      </c>
      <c r="DA37" s="256">
        <v>0</v>
      </c>
      <c r="DB37" s="257">
        <v>0</v>
      </c>
      <c r="DC37" s="257">
        <v>0</v>
      </c>
      <c r="DD37" s="257">
        <v>0</v>
      </c>
      <c r="DE37" s="257">
        <v>0</v>
      </c>
      <c r="DF37" s="257">
        <v>0</v>
      </c>
      <c r="DG37" s="254">
        <v>0</v>
      </c>
      <c r="DH37" s="259">
        <v>0</v>
      </c>
    </row>
    <row r="38" spans="2:112" ht="21" customHeight="1" x14ac:dyDescent="0.2">
      <c r="B38" s="437" t="s">
        <v>36</v>
      </c>
      <c r="C38" s="253">
        <v>0</v>
      </c>
      <c r="D38" s="254">
        <v>0</v>
      </c>
      <c r="E38" s="255">
        <v>0</v>
      </c>
      <c r="F38" s="256">
        <v>0</v>
      </c>
      <c r="G38" s="257">
        <v>12</v>
      </c>
      <c r="H38" s="257">
        <v>8</v>
      </c>
      <c r="I38" s="257">
        <v>1</v>
      </c>
      <c r="J38" s="257">
        <v>93</v>
      </c>
      <c r="K38" s="257">
        <v>124</v>
      </c>
      <c r="L38" s="258">
        <v>238</v>
      </c>
      <c r="M38" s="259">
        <v>238</v>
      </c>
      <c r="N38" s="253">
        <v>0</v>
      </c>
      <c r="O38" s="257">
        <v>0</v>
      </c>
      <c r="P38" s="254">
        <v>0</v>
      </c>
      <c r="Q38" s="256">
        <v>0</v>
      </c>
      <c r="R38" s="257">
        <v>0</v>
      </c>
      <c r="S38" s="257">
        <v>0</v>
      </c>
      <c r="T38" s="257">
        <v>0</v>
      </c>
      <c r="U38" s="257">
        <v>0</v>
      </c>
      <c r="V38" s="257">
        <v>0</v>
      </c>
      <c r="W38" s="254">
        <v>0</v>
      </c>
      <c r="X38" s="259">
        <v>0</v>
      </c>
      <c r="Y38" s="253">
        <v>4</v>
      </c>
      <c r="Z38" s="257">
        <v>11</v>
      </c>
      <c r="AA38" s="254">
        <v>15</v>
      </c>
      <c r="AB38" s="256">
        <v>0</v>
      </c>
      <c r="AC38" s="257">
        <v>13</v>
      </c>
      <c r="AD38" s="257">
        <v>4</v>
      </c>
      <c r="AE38" s="257">
        <v>0</v>
      </c>
      <c r="AF38" s="257">
        <v>1</v>
      </c>
      <c r="AG38" s="257">
        <v>8</v>
      </c>
      <c r="AH38" s="254">
        <v>26</v>
      </c>
      <c r="AI38" s="259">
        <v>41</v>
      </c>
      <c r="AJ38" s="253">
        <v>0</v>
      </c>
      <c r="AK38" s="257">
        <v>0</v>
      </c>
      <c r="AL38" s="254">
        <v>0</v>
      </c>
      <c r="AM38" s="256">
        <v>0</v>
      </c>
      <c r="AN38" s="257">
        <v>16</v>
      </c>
      <c r="AO38" s="257">
        <v>0</v>
      </c>
      <c r="AP38" s="257">
        <v>0</v>
      </c>
      <c r="AQ38" s="257">
        <v>0</v>
      </c>
      <c r="AR38" s="257">
        <v>0</v>
      </c>
      <c r="AS38" s="254">
        <v>16</v>
      </c>
      <c r="AT38" s="259">
        <v>16</v>
      </c>
      <c r="AU38" s="253">
        <v>0</v>
      </c>
      <c r="AV38" s="257">
        <v>0</v>
      </c>
      <c r="AW38" s="254">
        <v>0</v>
      </c>
      <c r="AX38" s="256">
        <v>0</v>
      </c>
      <c r="AY38" s="257">
        <v>4</v>
      </c>
      <c r="AZ38" s="257">
        <v>41</v>
      </c>
      <c r="BA38" s="257">
        <v>0</v>
      </c>
      <c r="BB38" s="257">
        <v>13</v>
      </c>
      <c r="BC38" s="257">
        <v>0</v>
      </c>
      <c r="BD38" s="258">
        <v>58</v>
      </c>
      <c r="BE38" s="259">
        <v>58</v>
      </c>
      <c r="BF38" s="253">
        <v>0</v>
      </c>
      <c r="BG38" s="257">
        <v>0</v>
      </c>
      <c r="BH38" s="254">
        <v>0</v>
      </c>
      <c r="BI38" s="256">
        <v>0</v>
      </c>
      <c r="BJ38" s="257">
        <v>3</v>
      </c>
      <c r="BK38" s="257">
        <v>0</v>
      </c>
      <c r="BL38" s="257">
        <v>0</v>
      </c>
      <c r="BM38" s="257">
        <v>0</v>
      </c>
      <c r="BN38" s="257">
        <v>0</v>
      </c>
      <c r="BO38" s="254">
        <v>3</v>
      </c>
      <c r="BP38" s="259">
        <v>3</v>
      </c>
      <c r="BQ38" s="253">
        <v>0</v>
      </c>
      <c r="BR38" s="257">
        <v>0</v>
      </c>
      <c r="BS38" s="254">
        <v>0</v>
      </c>
      <c r="BT38" s="256">
        <v>0</v>
      </c>
      <c r="BU38" s="257">
        <v>0</v>
      </c>
      <c r="BV38" s="257">
        <v>19</v>
      </c>
      <c r="BW38" s="257">
        <v>0</v>
      </c>
      <c r="BX38" s="257">
        <v>17</v>
      </c>
      <c r="BY38" s="257">
        <v>0</v>
      </c>
      <c r="BZ38" s="254">
        <v>36</v>
      </c>
      <c r="CA38" s="259">
        <v>36</v>
      </c>
      <c r="CB38" s="253">
        <v>0</v>
      </c>
      <c r="CC38" s="257">
        <v>0</v>
      </c>
      <c r="CD38" s="254">
        <v>0</v>
      </c>
      <c r="CE38" s="256">
        <v>0</v>
      </c>
      <c r="CF38" s="257">
        <v>0</v>
      </c>
      <c r="CG38" s="257">
        <v>0</v>
      </c>
      <c r="CH38" s="257">
        <v>0</v>
      </c>
      <c r="CI38" s="257">
        <v>0</v>
      </c>
      <c r="CJ38" s="257">
        <v>0</v>
      </c>
      <c r="CK38" s="254">
        <v>0</v>
      </c>
      <c r="CL38" s="259">
        <v>0</v>
      </c>
      <c r="CM38" s="253">
        <v>0</v>
      </c>
      <c r="CN38" s="257">
        <v>0</v>
      </c>
      <c r="CO38" s="254">
        <v>0</v>
      </c>
      <c r="CP38" s="256">
        <v>0</v>
      </c>
      <c r="CQ38" s="257">
        <v>0</v>
      </c>
      <c r="CR38" s="257">
        <v>0</v>
      </c>
      <c r="CS38" s="257">
        <v>0</v>
      </c>
      <c r="CT38" s="257">
        <v>0</v>
      </c>
      <c r="CU38" s="257">
        <v>0</v>
      </c>
      <c r="CV38" s="254">
        <v>0</v>
      </c>
      <c r="CW38" s="259">
        <v>0</v>
      </c>
      <c r="CX38" s="253">
        <v>0</v>
      </c>
      <c r="CY38" s="257">
        <v>0</v>
      </c>
      <c r="CZ38" s="254">
        <v>0</v>
      </c>
      <c r="DA38" s="256">
        <v>0</v>
      </c>
      <c r="DB38" s="257">
        <v>0</v>
      </c>
      <c r="DC38" s="257">
        <v>0</v>
      </c>
      <c r="DD38" s="257">
        <v>0</v>
      </c>
      <c r="DE38" s="257">
        <v>0</v>
      </c>
      <c r="DF38" s="257">
        <v>0</v>
      </c>
      <c r="DG38" s="254">
        <v>0</v>
      </c>
      <c r="DH38" s="259">
        <v>0</v>
      </c>
    </row>
    <row r="39" spans="2:112" ht="21" customHeight="1" thickBot="1" x14ac:dyDescent="0.25">
      <c r="B39" s="438" t="s">
        <v>37</v>
      </c>
      <c r="C39" s="260">
        <v>0</v>
      </c>
      <c r="D39" s="261">
        <v>0</v>
      </c>
      <c r="E39" s="262">
        <v>0</v>
      </c>
      <c r="F39" s="263">
        <v>0</v>
      </c>
      <c r="G39" s="264">
        <v>0</v>
      </c>
      <c r="H39" s="264">
        <v>0</v>
      </c>
      <c r="I39" s="264">
        <v>0</v>
      </c>
      <c r="J39" s="264">
        <v>0</v>
      </c>
      <c r="K39" s="264">
        <v>21</v>
      </c>
      <c r="L39" s="265">
        <v>21</v>
      </c>
      <c r="M39" s="266">
        <v>21</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24</v>
      </c>
      <c r="AG39" s="264">
        <v>4</v>
      </c>
      <c r="AH39" s="261">
        <v>28</v>
      </c>
      <c r="AI39" s="266">
        <v>28</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0</v>
      </c>
      <c r="BA39" s="264">
        <v>0</v>
      </c>
      <c r="BB39" s="264">
        <v>4</v>
      </c>
      <c r="BC39" s="264">
        <v>0</v>
      </c>
      <c r="BD39" s="265">
        <v>4</v>
      </c>
      <c r="BE39" s="266">
        <v>4</v>
      </c>
      <c r="BF39" s="260">
        <v>0</v>
      </c>
      <c r="BG39" s="264">
        <v>0</v>
      </c>
      <c r="BH39" s="261">
        <v>0</v>
      </c>
      <c r="BI39" s="263">
        <v>0</v>
      </c>
      <c r="BJ39" s="264">
        <v>0</v>
      </c>
      <c r="BK39" s="264">
        <v>0</v>
      </c>
      <c r="BL39" s="264">
        <v>0</v>
      </c>
      <c r="BM39" s="264">
        <v>0</v>
      </c>
      <c r="BN39" s="264">
        <v>0</v>
      </c>
      <c r="BO39" s="261">
        <v>0</v>
      </c>
      <c r="BP39" s="266">
        <v>0</v>
      </c>
      <c r="BQ39" s="260">
        <v>0</v>
      </c>
      <c r="BR39" s="264">
        <v>0</v>
      </c>
      <c r="BS39" s="261">
        <v>0</v>
      </c>
      <c r="BT39" s="263">
        <v>0</v>
      </c>
      <c r="BU39" s="264">
        <v>0</v>
      </c>
      <c r="BV39" s="264">
        <v>0</v>
      </c>
      <c r="BW39" s="264">
        <v>0</v>
      </c>
      <c r="BX39" s="264">
        <v>0</v>
      </c>
      <c r="BY39" s="264">
        <v>0</v>
      </c>
      <c r="BZ39" s="261">
        <v>0</v>
      </c>
      <c r="CA39" s="266">
        <v>0</v>
      </c>
      <c r="CB39" s="260">
        <v>0</v>
      </c>
      <c r="CC39" s="264">
        <v>0</v>
      </c>
      <c r="CD39" s="261">
        <v>0</v>
      </c>
      <c r="CE39" s="263">
        <v>0</v>
      </c>
      <c r="CF39" s="264">
        <v>0</v>
      </c>
      <c r="CG39" s="264">
        <v>0</v>
      </c>
      <c r="CH39" s="264">
        <v>0</v>
      </c>
      <c r="CI39" s="264">
        <v>0</v>
      </c>
      <c r="CJ39" s="264">
        <v>4</v>
      </c>
      <c r="CK39" s="261">
        <v>4</v>
      </c>
      <c r="CL39" s="266">
        <v>4</v>
      </c>
      <c r="CM39" s="260">
        <v>0</v>
      </c>
      <c r="CN39" s="264">
        <v>0</v>
      </c>
      <c r="CO39" s="261">
        <v>0</v>
      </c>
      <c r="CP39" s="263">
        <v>0</v>
      </c>
      <c r="CQ39" s="264">
        <v>0</v>
      </c>
      <c r="CR39" s="264">
        <v>0</v>
      </c>
      <c r="CS39" s="264">
        <v>0</v>
      </c>
      <c r="CT39" s="264">
        <v>0</v>
      </c>
      <c r="CU39" s="264">
        <v>0</v>
      </c>
      <c r="CV39" s="261">
        <v>0</v>
      </c>
      <c r="CW39" s="266">
        <v>0</v>
      </c>
      <c r="CX39" s="260">
        <v>0</v>
      </c>
      <c r="CY39" s="264">
        <v>0</v>
      </c>
      <c r="CZ39" s="261">
        <v>0</v>
      </c>
      <c r="DA39" s="263">
        <v>0</v>
      </c>
      <c r="DB39" s="264">
        <v>0</v>
      </c>
      <c r="DC39" s="264">
        <v>0</v>
      </c>
      <c r="DD39" s="264">
        <v>0</v>
      </c>
      <c r="DE39" s="264">
        <v>0</v>
      </c>
      <c r="DF39" s="264">
        <v>0</v>
      </c>
      <c r="DG39" s="261">
        <v>0</v>
      </c>
      <c r="DH39" s="266">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15" t="s">
        <v>127</v>
      </c>
      <c r="F1" s="17"/>
      <c r="H1" s="495">
        <f>第１表!F2</f>
        <v>6</v>
      </c>
      <c r="I1" s="495"/>
      <c r="J1" s="231">
        <f>第１表!G2</f>
        <v>2</v>
      </c>
      <c r="K1" s="525">
        <f>IF(J1&lt;3,J1-2+12,J1-2)</f>
        <v>12</v>
      </c>
      <c r="L1" s="525"/>
    </row>
    <row r="2" spans="2:35" ht="24" customHeight="1" thickBot="1" x14ac:dyDescent="0.25">
      <c r="J2" s="5"/>
      <c r="K2" s="5"/>
      <c r="L2" s="5"/>
      <c r="M2" s="5"/>
      <c r="N2" s="5"/>
      <c r="O2" s="5"/>
      <c r="P2" s="25"/>
      <c r="Q2" s="25"/>
      <c r="R2" s="25"/>
    </row>
    <row r="3" spans="2:35" ht="21" customHeight="1" thickBot="1" x14ac:dyDescent="0.25">
      <c r="B3" s="21"/>
      <c r="C3" s="526" t="s">
        <v>53</v>
      </c>
      <c r="D3" s="527"/>
      <c r="E3" s="527"/>
      <c r="F3" s="527"/>
      <c r="G3" s="527"/>
      <c r="H3" s="527"/>
      <c r="I3" s="527"/>
      <c r="J3" s="527"/>
      <c r="K3" s="527"/>
      <c r="L3" s="527"/>
      <c r="M3" s="528"/>
      <c r="N3" s="526" t="s">
        <v>54</v>
      </c>
      <c r="O3" s="527"/>
      <c r="P3" s="527"/>
      <c r="Q3" s="527"/>
      <c r="R3" s="527"/>
      <c r="S3" s="527"/>
      <c r="T3" s="527"/>
      <c r="U3" s="527"/>
      <c r="V3" s="527"/>
      <c r="W3" s="527"/>
      <c r="X3" s="528"/>
      <c r="Y3" s="526" t="s">
        <v>55</v>
      </c>
      <c r="Z3" s="527"/>
      <c r="AA3" s="527"/>
      <c r="AB3" s="527"/>
      <c r="AC3" s="527"/>
      <c r="AD3" s="527"/>
      <c r="AE3" s="527"/>
      <c r="AF3" s="527"/>
      <c r="AG3" s="527"/>
      <c r="AH3" s="527"/>
      <c r="AI3" s="528"/>
    </row>
    <row r="4" spans="2:35" ht="30" customHeight="1" thickBot="1" x14ac:dyDescent="0.25">
      <c r="B4" s="21" t="s">
        <v>42</v>
      </c>
      <c r="C4" s="22" t="s">
        <v>43</v>
      </c>
      <c r="D4" s="6" t="s">
        <v>44</v>
      </c>
      <c r="E4" s="23" t="s">
        <v>45</v>
      </c>
      <c r="F4" s="24" t="s">
        <v>46</v>
      </c>
      <c r="G4" s="6" t="s">
        <v>47</v>
      </c>
      <c r="H4" s="6" t="s">
        <v>48</v>
      </c>
      <c r="I4" s="6" t="s">
        <v>49</v>
      </c>
      <c r="J4" s="6" t="s">
        <v>50</v>
      </c>
      <c r="K4" s="6" t="s">
        <v>51</v>
      </c>
      <c r="L4" s="23" t="s">
        <v>45</v>
      </c>
      <c r="M4" s="11" t="s">
        <v>52</v>
      </c>
      <c r="N4" s="22" t="s">
        <v>43</v>
      </c>
      <c r="O4" s="6" t="s">
        <v>44</v>
      </c>
      <c r="P4" s="23" t="s">
        <v>45</v>
      </c>
      <c r="Q4" s="24" t="s">
        <v>46</v>
      </c>
      <c r="R4" s="6" t="s">
        <v>47</v>
      </c>
      <c r="S4" s="6" t="s">
        <v>48</v>
      </c>
      <c r="T4" s="6" t="s">
        <v>49</v>
      </c>
      <c r="U4" s="6" t="s">
        <v>50</v>
      </c>
      <c r="V4" s="6" t="s">
        <v>51</v>
      </c>
      <c r="W4" s="23" t="s">
        <v>45</v>
      </c>
      <c r="X4" s="11" t="s">
        <v>52</v>
      </c>
      <c r="Y4" s="22" t="s">
        <v>43</v>
      </c>
      <c r="Z4" s="6" t="s">
        <v>44</v>
      </c>
      <c r="AA4" s="23" t="s">
        <v>45</v>
      </c>
      <c r="AB4" s="24" t="s">
        <v>46</v>
      </c>
      <c r="AC4" s="6" t="s">
        <v>47</v>
      </c>
      <c r="AD4" s="6" t="s">
        <v>48</v>
      </c>
      <c r="AE4" s="6" t="s">
        <v>49</v>
      </c>
      <c r="AF4" s="6" t="s">
        <v>50</v>
      </c>
      <c r="AG4" s="6" t="s">
        <v>51</v>
      </c>
      <c r="AH4" s="23" t="s">
        <v>45</v>
      </c>
      <c r="AI4" s="11" t="s">
        <v>52</v>
      </c>
    </row>
    <row r="5" spans="2:35" ht="21" customHeight="1" x14ac:dyDescent="0.2">
      <c r="B5" s="435" t="s">
        <v>4</v>
      </c>
      <c r="C5" s="81">
        <v>180</v>
      </c>
      <c r="D5" s="82">
        <v>326</v>
      </c>
      <c r="E5" s="83">
        <v>506</v>
      </c>
      <c r="F5" s="84">
        <v>0</v>
      </c>
      <c r="G5" s="82">
        <v>19097</v>
      </c>
      <c r="H5" s="82">
        <v>19597</v>
      </c>
      <c r="I5" s="82">
        <v>13087</v>
      </c>
      <c r="J5" s="82">
        <v>8233</v>
      </c>
      <c r="K5" s="82">
        <v>5189</v>
      </c>
      <c r="L5" s="83">
        <v>65203</v>
      </c>
      <c r="M5" s="85">
        <v>65709</v>
      </c>
      <c r="N5" s="86">
        <v>0</v>
      </c>
      <c r="O5" s="82">
        <v>3</v>
      </c>
      <c r="P5" s="83">
        <v>3</v>
      </c>
      <c r="Q5" s="84">
        <v>0</v>
      </c>
      <c r="R5" s="82">
        <v>218</v>
      </c>
      <c r="S5" s="82">
        <v>373</v>
      </c>
      <c r="T5" s="82">
        <v>241</v>
      </c>
      <c r="U5" s="82">
        <v>168</v>
      </c>
      <c r="V5" s="82">
        <v>167</v>
      </c>
      <c r="W5" s="83">
        <v>1167</v>
      </c>
      <c r="X5" s="85">
        <v>1170</v>
      </c>
      <c r="Y5" s="86">
        <v>180</v>
      </c>
      <c r="Z5" s="82">
        <v>329</v>
      </c>
      <c r="AA5" s="83">
        <v>509</v>
      </c>
      <c r="AB5" s="84">
        <v>0</v>
      </c>
      <c r="AC5" s="82">
        <v>19315</v>
      </c>
      <c r="AD5" s="82">
        <v>19970</v>
      </c>
      <c r="AE5" s="82">
        <v>13328</v>
      </c>
      <c r="AF5" s="82">
        <v>8401</v>
      </c>
      <c r="AG5" s="82">
        <v>5356</v>
      </c>
      <c r="AH5" s="83">
        <v>66370</v>
      </c>
      <c r="AI5" s="85">
        <v>66879</v>
      </c>
    </row>
    <row r="6" spans="2:35" ht="21" customHeight="1" x14ac:dyDescent="0.2">
      <c r="B6" s="436" t="s">
        <v>5</v>
      </c>
      <c r="C6" s="87">
        <v>74</v>
      </c>
      <c r="D6" s="88">
        <v>126</v>
      </c>
      <c r="E6" s="89">
        <v>200</v>
      </c>
      <c r="F6" s="90">
        <v>0</v>
      </c>
      <c r="G6" s="88">
        <v>7195</v>
      </c>
      <c r="H6" s="88">
        <v>9332</v>
      </c>
      <c r="I6" s="88">
        <v>5860</v>
      </c>
      <c r="J6" s="88">
        <v>3694</v>
      </c>
      <c r="K6" s="88">
        <v>2408</v>
      </c>
      <c r="L6" s="89">
        <v>28489</v>
      </c>
      <c r="M6" s="91">
        <v>28689</v>
      </c>
      <c r="N6" s="92">
        <v>0</v>
      </c>
      <c r="O6" s="88">
        <v>0</v>
      </c>
      <c r="P6" s="89">
        <v>0</v>
      </c>
      <c r="Q6" s="90">
        <v>0</v>
      </c>
      <c r="R6" s="88">
        <v>76</v>
      </c>
      <c r="S6" s="88">
        <v>183</v>
      </c>
      <c r="T6" s="88">
        <v>123</v>
      </c>
      <c r="U6" s="88">
        <v>89</v>
      </c>
      <c r="V6" s="88">
        <v>83</v>
      </c>
      <c r="W6" s="89">
        <v>554</v>
      </c>
      <c r="X6" s="91">
        <v>554</v>
      </c>
      <c r="Y6" s="92">
        <v>74</v>
      </c>
      <c r="Z6" s="88">
        <v>126</v>
      </c>
      <c r="AA6" s="89">
        <v>200</v>
      </c>
      <c r="AB6" s="90">
        <v>0</v>
      </c>
      <c r="AC6" s="88">
        <v>7271</v>
      </c>
      <c r="AD6" s="88">
        <v>9515</v>
      </c>
      <c r="AE6" s="88">
        <v>5983</v>
      </c>
      <c r="AF6" s="88">
        <v>3783</v>
      </c>
      <c r="AG6" s="88">
        <v>2491</v>
      </c>
      <c r="AH6" s="89">
        <v>29043</v>
      </c>
      <c r="AI6" s="91">
        <v>29243</v>
      </c>
    </row>
    <row r="7" spans="2:35" ht="21" customHeight="1" x14ac:dyDescent="0.2">
      <c r="B7" s="437" t="s">
        <v>6</v>
      </c>
      <c r="C7" s="87">
        <v>23</v>
      </c>
      <c r="D7" s="88">
        <v>44</v>
      </c>
      <c r="E7" s="89">
        <v>67</v>
      </c>
      <c r="F7" s="90">
        <v>0</v>
      </c>
      <c r="G7" s="88">
        <v>2954</v>
      </c>
      <c r="H7" s="88">
        <v>2608</v>
      </c>
      <c r="I7" s="88">
        <v>1907</v>
      </c>
      <c r="J7" s="88">
        <v>1351</v>
      </c>
      <c r="K7" s="88">
        <v>932</v>
      </c>
      <c r="L7" s="89">
        <v>9752</v>
      </c>
      <c r="M7" s="91">
        <v>9819</v>
      </c>
      <c r="N7" s="92">
        <v>0</v>
      </c>
      <c r="O7" s="88">
        <v>0</v>
      </c>
      <c r="P7" s="89">
        <v>0</v>
      </c>
      <c r="Q7" s="90">
        <v>0</v>
      </c>
      <c r="R7" s="88">
        <v>30</v>
      </c>
      <c r="S7" s="88">
        <v>29</v>
      </c>
      <c r="T7" s="88">
        <v>27</v>
      </c>
      <c r="U7" s="88">
        <v>26</v>
      </c>
      <c r="V7" s="88">
        <v>30</v>
      </c>
      <c r="W7" s="89">
        <v>142</v>
      </c>
      <c r="X7" s="91">
        <v>142</v>
      </c>
      <c r="Y7" s="92">
        <v>23</v>
      </c>
      <c r="Z7" s="88">
        <v>44</v>
      </c>
      <c r="AA7" s="89">
        <v>67</v>
      </c>
      <c r="AB7" s="90">
        <v>0</v>
      </c>
      <c r="AC7" s="88">
        <v>2984</v>
      </c>
      <c r="AD7" s="88">
        <v>2637</v>
      </c>
      <c r="AE7" s="88">
        <v>1934</v>
      </c>
      <c r="AF7" s="88">
        <v>1377</v>
      </c>
      <c r="AG7" s="88">
        <v>962</v>
      </c>
      <c r="AH7" s="89">
        <v>9894</v>
      </c>
      <c r="AI7" s="91">
        <v>9961</v>
      </c>
    </row>
    <row r="8" spans="2:35" ht="21" customHeight="1" x14ac:dyDescent="0.2">
      <c r="B8" s="437" t="s">
        <v>14</v>
      </c>
      <c r="C8" s="87">
        <v>20</v>
      </c>
      <c r="D8" s="88">
        <v>33</v>
      </c>
      <c r="E8" s="89">
        <v>53</v>
      </c>
      <c r="F8" s="90">
        <v>0</v>
      </c>
      <c r="G8" s="88">
        <v>1474</v>
      </c>
      <c r="H8" s="88">
        <v>1664</v>
      </c>
      <c r="I8" s="88">
        <v>1152</v>
      </c>
      <c r="J8" s="88">
        <v>658</v>
      </c>
      <c r="K8" s="88">
        <v>370</v>
      </c>
      <c r="L8" s="89">
        <v>5318</v>
      </c>
      <c r="M8" s="91">
        <v>5371</v>
      </c>
      <c r="N8" s="92">
        <v>0</v>
      </c>
      <c r="O8" s="88">
        <v>0</v>
      </c>
      <c r="P8" s="89">
        <v>0</v>
      </c>
      <c r="Q8" s="90">
        <v>0</v>
      </c>
      <c r="R8" s="88">
        <v>13</v>
      </c>
      <c r="S8" s="88">
        <v>36</v>
      </c>
      <c r="T8" s="88">
        <v>24</v>
      </c>
      <c r="U8" s="88">
        <v>7</v>
      </c>
      <c r="V8" s="88">
        <v>11</v>
      </c>
      <c r="W8" s="89">
        <v>91</v>
      </c>
      <c r="X8" s="91">
        <v>91</v>
      </c>
      <c r="Y8" s="92">
        <v>20</v>
      </c>
      <c r="Z8" s="88">
        <v>33</v>
      </c>
      <c r="AA8" s="89">
        <v>53</v>
      </c>
      <c r="AB8" s="90">
        <v>0</v>
      </c>
      <c r="AC8" s="88">
        <v>1487</v>
      </c>
      <c r="AD8" s="88">
        <v>1700</v>
      </c>
      <c r="AE8" s="88">
        <v>1176</v>
      </c>
      <c r="AF8" s="88">
        <v>665</v>
      </c>
      <c r="AG8" s="88">
        <v>381</v>
      </c>
      <c r="AH8" s="89">
        <v>5409</v>
      </c>
      <c r="AI8" s="91">
        <v>5462</v>
      </c>
    </row>
    <row r="9" spans="2:35" ht="21" customHeight="1" x14ac:dyDescent="0.2">
      <c r="B9" s="437" t="s">
        <v>7</v>
      </c>
      <c r="C9" s="87">
        <v>3</v>
      </c>
      <c r="D9" s="88">
        <v>3</v>
      </c>
      <c r="E9" s="89">
        <v>6</v>
      </c>
      <c r="F9" s="90">
        <v>0</v>
      </c>
      <c r="G9" s="88">
        <v>1388</v>
      </c>
      <c r="H9" s="88">
        <v>947</v>
      </c>
      <c r="I9" s="88">
        <v>549</v>
      </c>
      <c r="J9" s="88">
        <v>314</v>
      </c>
      <c r="K9" s="88">
        <v>171</v>
      </c>
      <c r="L9" s="89">
        <v>3369</v>
      </c>
      <c r="M9" s="91">
        <v>3375</v>
      </c>
      <c r="N9" s="92">
        <v>0</v>
      </c>
      <c r="O9" s="88">
        <v>0</v>
      </c>
      <c r="P9" s="89">
        <v>0</v>
      </c>
      <c r="Q9" s="90">
        <v>0</v>
      </c>
      <c r="R9" s="88">
        <v>18</v>
      </c>
      <c r="S9" s="88">
        <v>19</v>
      </c>
      <c r="T9" s="88">
        <v>12</v>
      </c>
      <c r="U9" s="88">
        <v>5</v>
      </c>
      <c r="V9" s="88">
        <v>5</v>
      </c>
      <c r="W9" s="89">
        <v>59</v>
      </c>
      <c r="X9" s="91">
        <v>59</v>
      </c>
      <c r="Y9" s="92">
        <v>3</v>
      </c>
      <c r="Z9" s="88">
        <v>3</v>
      </c>
      <c r="AA9" s="89">
        <v>6</v>
      </c>
      <c r="AB9" s="90">
        <v>0</v>
      </c>
      <c r="AC9" s="88">
        <v>1406</v>
      </c>
      <c r="AD9" s="88">
        <v>966</v>
      </c>
      <c r="AE9" s="88">
        <v>561</v>
      </c>
      <c r="AF9" s="88">
        <v>319</v>
      </c>
      <c r="AG9" s="88">
        <v>176</v>
      </c>
      <c r="AH9" s="89">
        <v>3428</v>
      </c>
      <c r="AI9" s="91">
        <v>3434</v>
      </c>
    </row>
    <row r="10" spans="2:35" ht="21" customHeight="1" x14ac:dyDescent="0.2">
      <c r="B10" s="437" t="s">
        <v>8</v>
      </c>
      <c r="C10" s="87">
        <v>9</v>
      </c>
      <c r="D10" s="88">
        <v>12</v>
      </c>
      <c r="E10" s="89">
        <v>21</v>
      </c>
      <c r="F10" s="90">
        <v>0</v>
      </c>
      <c r="G10" s="88">
        <v>767</v>
      </c>
      <c r="H10" s="88">
        <v>676</v>
      </c>
      <c r="I10" s="88">
        <v>395</v>
      </c>
      <c r="J10" s="88">
        <v>262</v>
      </c>
      <c r="K10" s="88">
        <v>128</v>
      </c>
      <c r="L10" s="89">
        <v>2228</v>
      </c>
      <c r="M10" s="91">
        <v>2249</v>
      </c>
      <c r="N10" s="92">
        <v>0</v>
      </c>
      <c r="O10" s="88">
        <v>0</v>
      </c>
      <c r="P10" s="89">
        <v>0</v>
      </c>
      <c r="Q10" s="90">
        <v>0</v>
      </c>
      <c r="R10" s="88">
        <v>14</v>
      </c>
      <c r="S10" s="88">
        <v>28</v>
      </c>
      <c r="T10" s="88">
        <v>6</v>
      </c>
      <c r="U10" s="88">
        <v>5</v>
      </c>
      <c r="V10" s="88">
        <v>3</v>
      </c>
      <c r="W10" s="89">
        <v>56</v>
      </c>
      <c r="X10" s="91">
        <v>56</v>
      </c>
      <c r="Y10" s="92">
        <v>9</v>
      </c>
      <c r="Z10" s="88">
        <v>12</v>
      </c>
      <c r="AA10" s="89">
        <v>21</v>
      </c>
      <c r="AB10" s="90">
        <v>0</v>
      </c>
      <c r="AC10" s="88">
        <v>781</v>
      </c>
      <c r="AD10" s="88">
        <v>704</v>
      </c>
      <c r="AE10" s="88">
        <v>401</v>
      </c>
      <c r="AF10" s="88">
        <v>267</v>
      </c>
      <c r="AG10" s="88">
        <v>131</v>
      </c>
      <c r="AH10" s="89">
        <v>2284</v>
      </c>
      <c r="AI10" s="91">
        <v>2305</v>
      </c>
    </row>
    <row r="11" spans="2:35" ht="21" customHeight="1" x14ac:dyDescent="0.2">
      <c r="B11" s="437" t="s">
        <v>9</v>
      </c>
      <c r="C11" s="87">
        <v>8</v>
      </c>
      <c r="D11" s="88">
        <v>8</v>
      </c>
      <c r="E11" s="89">
        <v>16</v>
      </c>
      <c r="F11" s="90">
        <v>0</v>
      </c>
      <c r="G11" s="88">
        <v>527</v>
      </c>
      <c r="H11" s="88">
        <v>360</v>
      </c>
      <c r="I11" s="88">
        <v>294</v>
      </c>
      <c r="J11" s="88">
        <v>202</v>
      </c>
      <c r="K11" s="88">
        <v>91</v>
      </c>
      <c r="L11" s="89">
        <v>1474</v>
      </c>
      <c r="M11" s="91">
        <v>1490</v>
      </c>
      <c r="N11" s="92">
        <v>0</v>
      </c>
      <c r="O11" s="88">
        <v>0</v>
      </c>
      <c r="P11" s="89">
        <v>0</v>
      </c>
      <c r="Q11" s="90">
        <v>0</v>
      </c>
      <c r="R11" s="88">
        <v>12</v>
      </c>
      <c r="S11" s="88">
        <v>10</v>
      </c>
      <c r="T11" s="88">
        <v>6</v>
      </c>
      <c r="U11" s="88">
        <v>5</v>
      </c>
      <c r="V11" s="88">
        <v>1</v>
      </c>
      <c r="W11" s="89">
        <v>34</v>
      </c>
      <c r="X11" s="91">
        <v>34</v>
      </c>
      <c r="Y11" s="92">
        <v>8</v>
      </c>
      <c r="Z11" s="88">
        <v>8</v>
      </c>
      <c r="AA11" s="89">
        <v>16</v>
      </c>
      <c r="AB11" s="90">
        <v>0</v>
      </c>
      <c r="AC11" s="88">
        <v>539</v>
      </c>
      <c r="AD11" s="88">
        <v>370</v>
      </c>
      <c r="AE11" s="88">
        <v>300</v>
      </c>
      <c r="AF11" s="88">
        <v>207</v>
      </c>
      <c r="AG11" s="88">
        <v>92</v>
      </c>
      <c r="AH11" s="89">
        <v>1508</v>
      </c>
      <c r="AI11" s="91">
        <v>1524</v>
      </c>
    </row>
    <row r="12" spans="2:35" ht="21" customHeight="1" x14ac:dyDescent="0.2">
      <c r="B12" s="437" t="s">
        <v>10</v>
      </c>
      <c r="C12" s="87">
        <v>13</v>
      </c>
      <c r="D12" s="88">
        <v>21</v>
      </c>
      <c r="E12" s="89">
        <v>34</v>
      </c>
      <c r="F12" s="90">
        <v>0</v>
      </c>
      <c r="G12" s="88">
        <v>836</v>
      </c>
      <c r="H12" s="88">
        <v>544</v>
      </c>
      <c r="I12" s="88">
        <v>416</v>
      </c>
      <c r="J12" s="88">
        <v>321</v>
      </c>
      <c r="K12" s="88">
        <v>255</v>
      </c>
      <c r="L12" s="89">
        <v>2372</v>
      </c>
      <c r="M12" s="91">
        <v>2406</v>
      </c>
      <c r="N12" s="92">
        <v>0</v>
      </c>
      <c r="O12" s="88">
        <v>1</v>
      </c>
      <c r="P12" s="89">
        <v>1</v>
      </c>
      <c r="Q12" s="90">
        <v>0</v>
      </c>
      <c r="R12" s="88">
        <v>15</v>
      </c>
      <c r="S12" s="88">
        <v>6</v>
      </c>
      <c r="T12" s="88">
        <v>6</v>
      </c>
      <c r="U12" s="88">
        <v>7</v>
      </c>
      <c r="V12" s="88">
        <v>7</v>
      </c>
      <c r="W12" s="89">
        <v>41</v>
      </c>
      <c r="X12" s="91">
        <v>42</v>
      </c>
      <c r="Y12" s="92">
        <v>13</v>
      </c>
      <c r="Z12" s="88">
        <v>22</v>
      </c>
      <c r="AA12" s="89">
        <v>35</v>
      </c>
      <c r="AB12" s="90">
        <v>0</v>
      </c>
      <c r="AC12" s="88">
        <v>851</v>
      </c>
      <c r="AD12" s="88">
        <v>550</v>
      </c>
      <c r="AE12" s="88">
        <v>422</v>
      </c>
      <c r="AF12" s="88">
        <v>328</v>
      </c>
      <c r="AG12" s="88">
        <v>262</v>
      </c>
      <c r="AH12" s="89">
        <v>2413</v>
      </c>
      <c r="AI12" s="91">
        <v>2448</v>
      </c>
    </row>
    <row r="13" spans="2:35" ht="21" customHeight="1" x14ac:dyDescent="0.2">
      <c r="B13" s="437" t="s">
        <v>11</v>
      </c>
      <c r="C13" s="87">
        <v>1</v>
      </c>
      <c r="D13" s="88">
        <v>7</v>
      </c>
      <c r="E13" s="89">
        <v>8</v>
      </c>
      <c r="F13" s="90">
        <v>0</v>
      </c>
      <c r="G13" s="88">
        <v>644</v>
      </c>
      <c r="H13" s="88">
        <v>395</v>
      </c>
      <c r="I13" s="88">
        <v>309</v>
      </c>
      <c r="J13" s="88">
        <v>169</v>
      </c>
      <c r="K13" s="88">
        <v>77</v>
      </c>
      <c r="L13" s="89">
        <v>1594</v>
      </c>
      <c r="M13" s="91">
        <v>1602</v>
      </c>
      <c r="N13" s="92">
        <v>0</v>
      </c>
      <c r="O13" s="88">
        <v>1</v>
      </c>
      <c r="P13" s="89">
        <v>1</v>
      </c>
      <c r="Q13" s="90">
        <v>0</v>
      </c>
      <c r="R13" s="88">
        <v>9</v>
      </c>
      <c r="S13" s="88">
        <v>5</v>
      </c>
      <c r="T13" s="88">
        <v>5</v>
      </c>
      <c r="U13" s="88">
        <v>4</v>
      </c>
      <c r="V13" s="88">
        <v>2</v>
      </c>
      <c r="W13" s="89">
        <v>25</v>
      </c>
      <c r="X13" s="91">
        <v>26</v>
      </c>
      <c r="Y13" s="92">
        <v>1</v>
      </c>
      <c r="Z13" s="88">
        <v>8</v>
      </c>
      <c r="AA13" s="89">
        <v>9</v>
      </c>
      <c r="AB13" s="90">
        <v>0</v>
      </c>
      <c r="AC13" s="88">
        <v>653</v>
      </c>
      <c r="AD13" s="88">
        <v>400</v>
      </c>
      <c r="AE13" s="88">
        <v>314</v>
      </c>
      <c r="AF13" s="88">
        <v>173</v>
      </c>
      <c r="AG13" s="88">
        <v>79</v>
      </c>
      <c r="AH13" s="89">
        <v>1619</v>
      </c>
      <c r="AI13" s="91">
        <v>1628</v>
      </c>
    </row>
    <row r="14" spans="2:35" ht="21" customHeight="1" x14ac:dyDescent="0.2">
      <c r="B14" s="437" t="s">
        <v>12</v>
      </c>
      <c r="C14" s="87">
        <v>0</v>
      </c>
      <c r="D14" s="88">
        <v>0</v>
      </c>
      <c r="E14" s="89">
        <v>0</v>
      </c>
      <c r="F14" s="90">
        <v>0</v>
      </c>
      <c r="G14" s="88">
        <v>441</v>
      </c>
      <c r="H14" s="88">
        <v>363</v>
      </c>
      <c r="I14" s="88">
        <v>277</v>
      </c>
      <c r="J14" s="88">
        <v>165</v>
      </c>
      <c r="K14" s="88">
        <v>123</v>
      </c>
      <c r="L14" s="89">
        <v>1369</v>
      </c>
      <c r="M14" s="91">
        <v>1369</v>
      </c>
      <c r="N14" s="92">
        <v>0</v>
      </c>
      <c r="O14" s="88">
        <v>0</v>
      </c>
      <c r="P14" s="89">
        <v>0</v>
      </c>
      <c r="Q14" s="90">
        <v>0</v>
      </c>
      <c r="R14" s="88">
        <v>4</v>
      </c>
      <c r="S14" s="88">
        <v>7</v>
      </c>
      <c r="T14" s="88">
        <v>3</v>
      </c>
      <c r="U14" s="88">
        <v>0</v>
      </c>
      <c r="V14" s="88">
        <v>2</v>
      </c>
      <c r="W14" s="89">
        <v>16</v>
      </c>
      <c r="X14" s="91">
        <v>16</v>
      </c>
      <c r="Y14" s="92">
        <v>0</v>
      </c>
      <c r="Z14" s="88">
        <v>0</v>
      </c>
      <c r="AA14" s="89">
        <v>0</v>
      </c>
      <c r="AB14" s="90">
        <v>0</v>
      </c>
      <c r="AC14" s="88">
        <v>445</v>
      </c>
      <c r="AD14" s="88">
        <v>370</v>
      </c>
      <c r="AE14" s="88">
        <v>280</v>
      </c>
      <c r="AF14" s="88">
        <v>165</v>
      </c>
      <c r="AG14" s="88">
        <v>125</v>
      </c>
      <c r="AH14" s="89">
        <v>1385</v>
      </c>
      <c r="AI14" s="91">
        <v>1385</v>
      </c>
    </row>
    <row r="15" spans="2:35" ht="21" customHeight="1" x14ac:dyDescent="0.2">
      <c r="B15" s="437" t="s">
        <v>13</v>
      </c>
      <c r="C15" s="87">
        <v>3</v>
      </c>
      <c r="D15" s="88">
        <v>5</v>
      </c>
      <c r="E15" s="89">
        <v>8</v>
      </c>
      <c r="F15" s="90">
        <v>0</v>
      </c>
      <c r="G15" s="88">
        <v>171</v>
      </c>
      <c r="H15" s="88">
        <v>186</v>
      </c>
      <c r="I15" s="88">
        <v>114</v>
      </c>
      <c r="J15" s="88">
        <v>63</v>
      </c>
      <c r="K15" s="88">
        <v>33</v>
      </c>
      <c r="L15" s="89">
        <v>567</v>
      </c>
      <c r="M15" s="91">
        <v>575</v>
      </c>
      <c r="N15" s="92">
        <v>0</v>
      </c>
      <c r="O15" s="88">
        <v>0</v>
      </c>
      <c r="P15" s="89">
        <v>0</v>
      </c>
      <c r="Q15" s="90">
        <v>0</v>
      </c>
      <c r="R15" s="88">
        <v>1</v>
      </c>
      <c r="S15" s="88">
        <v>2</v>
      </c>
      <c r="T15" s="88">
        <v>3</v>
      </c>
      <c r="U15" s="88">
        <v>0</v>
      </c>
      <c r="V15" s="88">
        <v>0</v>
      </c>
      <c r="W15" s="89">
        <v>6</v>
      </c>
      <c r="X15" s="91">
        <v>6</v>
      </c>
      <c r="Y15" s="92">
        <v>3</v>
      </c>
      <c r="Z15" s="88">
        <v>5</v>
      </c>
      <c r="AA15" s="89">
        <v>8</v>
      </c>
      <c r="AB15" s="90">
        <v>0</v>
      </c>
      <c r="AC15" s="88">
        <v>172</v>
      </c>
      <c r="AD15" s="88">
        <v>188</v>
      </c>
      <c r="AE15" s="88">
        <v>117</v>
      </c>
      <c r="AF15" s="88">
        <v>63</v>
      </c>
      <c r="AG15" s="88">
        <v>33</v>
      </c>
      <c r="AH15" s="89">
        <v>573</v>
      </c>
      <c r="AI15" s="91">
        <v>581</v>
      </c>
    </row>
    <row r="16" spans="2:35" ht="21" customHeight="1" x14ac:dyDescent="0.2">
      <c r="B16" s="437" t="s">
        <v>15</v>
      </c>
      <c r="C16" s="87">
        <v>3</v>
      </c>
      <c r="D16" s="88">
        <v>16</v>
      </c>
      <c r="E16" s="89">
        <v>19</v>
      </c>
      <c r="F16" s="90">
        <v>0</v>
      </c>
      <c r="G16" s="88">
        <v>234</v>
      </c>
      <c r="H16" s="88">
        <v>249</v>
      </c>
      <c r="I16" s="88">
        <v>148</v>
      </c>
      <c r="J16" s="88">
        <v>78</v>
      </c>
      <c r="K16" s="88">
        <v>53</v>
      </c>
      <c r="L16" s="89">
        <v>762</v>
      </c>
      <c r="M16" s="91">
        <v>781</v>
      </c>
      <c r="N16" s="92">
        <v>0</v>
      </c>
      <c r="O16" s="88">
        <v>1</v>
      </c>
      <c r="P16" s="89">
        <v>1</v>
      </c>
      <c r="Q16" s="90">
        <v>0</v>
      </c>
      <c r="R16" s="88">
        <v>2</v>
      </c>
      <c r="S16" s="88">
        <v>3</v>
      </c>
      <c r="T16" s="88">
        <v>1</v>
      </c>
      <c r="U16" s="88">
        <v>1</v>
      </c>
      <c r="V16" s="88">
        <v>2</v>
      </c>
      <c r="W16" s="89">
        <v>9</v>
      </c>
      <c r="X16" s="91">
        <v>10</v>
      </c>
      <c r="Y16" s="92">
        <v>3</v>
      </c>
      <c r="Z16" s="88">
        <v>17</v>
      </c>
      <c r="AA16" s="89">
        <v>20</v>
      </c>
      <c r="AB16" s="90">
        <v>0</v>
      </c>
      <c r="AC16" s="88">
        <v>236</v>
      </c>
      <c r="AD16" s="88">
        <v>252</v>
      </c>
      <c r="AE16" s="88">
        <v>149</v>
      </c>
      <c r="AF16" s="88">
        <v>79</v>
      </c>
      <c r="AG16" s="88">
        <v>55</v>
      </c>
      <c r="AH16" s="89">
        <v>771</v>
      </c>
      <c r="AI16" s="91">
        <v>791</v>
      </c>
    </row>
    <row r="17" spans="2:35" ht="21" customHeight="1" x14ac:dyDescent="0.2">
      <c r="B17" s="437" t="s">
        <v>16</v>
      </c>
      <c r="C17" s="87">
        <v>3</v>
      </c>
      <c r="D17" s="88">
        <v>4</v>
      </c>
      <c r="E17" s="89">
        <v>7</v>
      </c>
      <c r="F17" s="90">
        <v>0</v>
      </c>
      <c r="G17" s="88">
        <v>192</v>
      </c>
      <c r="H17" s="88">
        <v>269</v>
      </c>
      <c r="I17" s="88">
        <v>190</v>
      </c>
      <c r="J17" s="88">
        <v>118</v>
      </c>
      <c r="K17" s="88">
        <v>83</v>
      </c>
      <c r="L17" s="89">
        <v>852</v>
      </c>
      <c r="M17" s="91">
        <v>859</v>
      </c>
      <c r="N17" s="92">
        <v>0</v>
      </c>
      <c r="O17" s="88">
        <v>0</v>
      </c>
      <c r="P17" s="89">
        <v>0</v>
      </c>
      <c r="Q17" s="90">
        <v>0</v>
      </c>
      <c r="R17" s="88">
        <v>4</v>
      </c>
      <c r="S17" s="88">
        <v>5</v>
      </c>
      <c r="T17" s="88">
        <v>5</v>
      </c>
      <c r="U17" s="88">
        <v>5</v>
      </c>
      <c r="V17" s="88">
        <v>1</v>
      </c>
      <c r="W17" s="89">
        <v>20</v>
      </c>
      <c r="X17" s="91">
        <v>20</v>
      </c>
      <c r="Y17" s="92">
        <v>3</v>
      </c>
      <c r="Z17" s="88">
        <v>4</v>
      </c>
      <c r="AA17" s="89">
        <v>7</v>
      </c>
      <c r="AB17" s="90">
        <v>0</v>
      </c>
      <c r="AC17" s="88">
        <v>196</v>
      </c>
      <c r="AD17" s="88">
        <v>274</v>
      </c>
      <c r="AE17" s="88">
        <v>195</v>
      </c>
      <c r="AF17" s="88">
        <v>123</v>
      </c>
      <c r="AG17" s="88">
        <v>84</v>
      </c>
      <c r="AH17" s="89">
        <v>872</v>
      </c>
      <c r="AI17" s="91">
        <v>879</v>
      </c>
    </row>
    <row r="18" spans="2:35" ht="21" customHeight="1" x14ac:dyDescent="0.2">
      <c r="B18" s="437" t="s">
        <v>17</v>
      </c>
      <c r="C18" s="87">
        <v>2</v>
      </c>
      <c r="D18" s="88">
        <v>6</v>
      </c>
      <c r="E18" s="89">
        <v>8</v>
      </c>
      <c r="F18" s="90">
        <v>0</v>
      </c>
      <c r="G18" s="88">
        <v>331</v>
      </c>
      <c r="H18" s="88">
        <v>434</v>
      </c>
      <c r="I18" s="88">
        <v>297</v>
      </c>
      <c r="J18" s="88">
        <v>203</v>
      </c>
      <c r="K18" s="88">
        <v>115</v>
      </c>
      <c r="L18" s="89">
        <v>1380</v>
      </c>
      <c r="M18" s="91">
        <v>1388</v>
      </c>
      <c r="N18" s="92">
        <v>0</v>
      </c>
      <c r="O18" s="88">
        <v>0</v>
      </c>
      <c r="P18" s="89">
        <v>0</v>
      </c>
      <c r="Q18" s="90">
        <v>0</v>
      </c>
      <c r="R18" s="88">
        <v>4</v>
      </c>
      <c r="S18" s="88">
        <v>15</v>
      </c>
      <c r="T18" s="88">
        <v>6</v>
      </c>
      <c r="U18" s="88">
        <v>7</v>
      </c>
      <c r="V18" s="88">
        <v>6</v>
      </c>
      <c r="W18" s="89">
        <v>38</v>
      </c>
      <c r="X18" s="91">
        <v>38</v>
      </c>
      <c r="Y18" s="92">
        <v>2</v>
      </c>
      <c r="Z18" s="88">
        <v>6</v>
      </c>
      <c r="AA18" s="89">
        <v>8</v>
      </c>
      <c r="AB18" s="90">
        <v>0</v>
      </c>
      <c r="AC18" s="88">
        <v>335</v>
      </c>
      <c r="AD18" s="88">
        <v>449</v>
      </c>
      <c r="AE18" s="88">
        <v>303</v>
      </c>
      <c r="AF18" s="88">
        <v>210</v>
      </c>
      <c r="AG18" s="88">
        <v>121</v>
      </c>
      <c r="AH18" s="89">
        <v>1418</v>
      </c>
      <c r="AI18" s="91">
        <v>1426</v>
      </c>
    </row>
    <row r="19" spans="2:35" ht="21" customHeight="1" x14ac:dyDescent="0.2">
      <c r="B19" s="437" t="s">
        <v>18</v>
      </c>
      <c r="C19" s="87">
        <v>6</v>
      </c>
      <c r="D19" s="88">
        <v>18</v>
      </c>
      <c r="E19" s="89">
        <v>24</v>
      </c>
      <c r="F19" s="90">
        <v>0</v>
      </c>
      <c r="G19" s="88">
        <v>413</v>
      </c>
      <c r="H19" s="88">
        <v>325</v>
      </c>
      <c r="I19" s="88">
        <v>281</v>
      </c>
      <c r="J19" s="88">
        <v>152</v>
      </c>
      <c r="K19" s="88">
        <v>78</v>
      </c>
      <c r="L19" s="89">
        <v>1249</v>
      </c>
      <c r="M19" s="91">
        <v>1273</v>
      </c>
      <c r="N19" s="92">
        <v>0</v>
      </c>
      <c r="O19" s="88">
        <v>0</v>
      </c>
      <c r="P19" s="89">
        <v>0</v>
      </c>
      <c r="Q19" s="90">
        <v>0</v>
      </c>
      <c r="R19" s="88">
        <v>3</v>
      </c>
      <c r="S19" s="88">
        <v>7</v>
      </c>
      <c r="T19" s="88">
        <v>1</v>
      </c>
      <c r="U19" s="88">
        <v>3</v>
      </c>
      <c r="V19" s="88">
        <v>7</v>
      </c>
      <c r="W19" s="89">
        <v>21</v>
      </c>
      <c r="X19" s="91">
        <v>21</v>
      </c>
      <c r="Y19" s="92">
        <v>6</v>
      </c>
      <c r="Z19" s="88">
        <v>18</v>
      </c>
      <c r="AA19" s="89">
        <v>24</v>
      </c>
      <c r="AB19" s="90">
        <v>0</v>
      </c>
      <c r="AC19" s="88">
        <v>416</v>
      </c>
      <c r="AD19" s="88">
        <v>332</v>
      </c>
      <c r="AE19" s="88">
        <v>282</v>
      </c>
      <c r="AF19" s="88">
        <v>155</v>
      </c>
      <c r="AG19" s="88">
        <v>85</v>
      </c>
      <c r="AH19" s="89">
        <v>1270</v>
      </c>
      <c r="AI19" s="91">
        <v>1294</v>
      </c>
    </row>
    <row r="20" spans="2:35" ht="21" customHeight="1" x14ac:dyDescent="0.2">
      <c r="B20" s="437" t="s">
        <v>19</v>
      </c>
      <c r="C20" s="87">
        <v>0</v>
      </c>
      <c r="D20" s="88">
        <v>3</v>
      </c>
      <c r="E20" s="89">
        <v>3</v>
      </c>
      <c r="F20" s="90">
        <v>0</v>
      </c>
      <c r="G20" s="88">
        <v>184</v>
      </c>
      <c r="H20" s="88">
        <v>205</v>
      </c>
      <c r="I20" s="88">
        <v>134</v>
      </c>
      <c r="J20" s="88">
        <v>63</v>
      </c>
      <c r="K20" s="88">
        <v>57</v>
      </c>
      <c r="L20" s="89">
        <v>643</v>
      </c>
      <c r="M20" s="91">
        <v>646</v>
      </c>
      <c r="N20" s="92">
        <v>0</v>
      </c>
      <c r="O20" s="88">
        <v>0</v>
      </c>
      <c r="P20" s="89">
        <v>0</v>
      </c>
      <c r="Q20" s="90">
        <v>0</v>
      </c>
      <c r="R20" s="88">
        <v>1</v>
      </c>
      <c r="S20" s="88">
        <v>2</v>
      </c>
      <c r="T20" s="88">
        <v>2</v>
      </c>
      <c r="U20" s="88">
        <v>2</v>
      </c>
      <c r="V20" s="88">
        <v>1</v>
      </c>
      <c r="W20" s="89">
        <v>8</v>
      </c>
      <c r="X20" s="91">
        <v>8</v>
      </c>
      <c r="Y20" s="92">
        <v>0</v>
      </c>
      <c r="Z20" s="88">
        <v>3</v>
      </c>
      <c r="AA20" s="89">
        <v>3</v>
      </c>
      <c r="AB20" s="90">
        <v>0</v>
      </c>
      <c r="AC20" s="88">
        <v>185</v>
      </c>
      <c r="AD20" s="88">
        <v>207</v>
      </c>
      <c r="AE20" s="88">
        <v>136</v>
      </c>
      <c r="AF20" s="88">
        <v>65</v>
      </c>
      <c r="AG20" s="88">
        <v>58</v>
      </c>
      <c r="AH20" s="89">
        <v>651</v>
      </c>
      <c r="AI20" s="91">
        <v>654</v>
      </c>
    </row>
    <row r="21" spans="2:35" ht="21" customHeight="1" x14ac:dyDescent="0.2">
      <c r="B21" s="437" t="s">
        <v>20</v>
      </c>
      <c r="C21" s="87">
        <v>0</v>
      </c>
      <c r="D21" s="88">
        <v>2</v>
      </c>
      <c r="E21" s="89">
        <v>2</v>
      </c>
      <c r="F21" s="90">
        <v>0</v>
      </c>
      <c r="G21" s="88">
        <v>224</v>
      </c>
      <c r="H21" s="88">
        <v>143</v>
      </c>
      <c r="I21" s="88">
        <v>115</v>
      </c>
      <c r="J21" s="88">
        <v>37</v>
      </c>
      <c r="K21" s="88">
        <v>30</v>
      </c>
      <c r="L21" s="89">
        <v>549</v>
      </c>
      <c r="M21" s="91">
        <v>551</v>
      </c>
      <c r="N21" s="92">
        <v>0</v>
      </c>
      <c r="O21" s="88">
        <v>0</v>
      </c>
      <c r="P21" s="89">
        <v>0</v>
      </c>
      <c r="Q21" s="90">
        <v>0</v>
      </c>
      <c r="R21" s="88">
        <v>4</v>
      </c>
      <c r="S21" s="88">
        <v>3</v>
      </c>
      <c r="T21" s="88">
        <v>2</v>
      </c>
      <c r="U21" s="88">
        <v>0</v>
      </c>
      <c r="V21" s="88">
        <v>1</v>
      </c>
      <c r="W21" s="89">
        <v>10</v>
      </c>
      <c r="X21" s="91">
        <v>10</v>
      </c>
      <c r="Y21" s="92">
        <v>0</v>
      </c>
      <c r="Z21" s="88">
        <v>2</v>
      </c>
      <c r="AA21" s="89">
        <v>2</v>
      </c>
      <c r="AB21" s="90">
        <v>0</v>
      </c>
      <c r="AC21" s="88">
        <v>228</v>
      </c>
      <c r="AD21" s="88">
        <v>146</v>
      </c>
      <c r="AE21" s="88">
        <v>117</v>
      </c>
      <c r="AF21" s="88">
        <v>37</v>
      </c>
      <c r="AG21" s="88">
        <v>31</v>
      </c>
      <c r="AH21" s="89">
        <v>559</v>
      </c>
      <c r="AI21" s="91">
        <v>561</v>
      </c>
    </row>
    <row r="22" spans="2:35" ht="21" customHeight="1" x14ac:dyDescent="0.2">
      <c r="B22" s="437" t="s">
        <v>21</v>
      </c>
      <c r="C22" s="87">
        <v>0</v>
      </c>
      <c r="D22" s="88">
        <v>0</v>
      </c>
      <c r="E22" s="89">
        <v>0</v>
      </c>
      <c r="F22" s="90">
        <v>0</v>
      </c>
      <c r="G22" s="88">
        <v>227</v>
      </c>
      <c r="H22" s="88">
        <v>220</v>
      </c>
      <c r="I22" s="88">
        <v>143</v>
      </c>
      <c r="J22" s="88">
        <v>60</v>
      </c>
      <c r="K22" s="88">
        <v>32</v>
      </c>
      <c r="L22" s="89">
        <v>682</v>
      </c>
      <c r="M22" s="91">
        <v>682</v>
      </c>
      <c r="N22" s="92">
        <v>0</v>
      </c>
      <c r="O22" s="88">
        <v>0</v>
      </c>
      <c r="P22" s="89">
        <v>0</v>
      </c>
      <c r="Q22" s="90">
        <v>0</v>
      </c>
      <c r="R22" s="88">
        <v>2</v>
      </c>
      <c r="S22" s="88">
        <v>6</v>
      </c>
      <c r="T22" s="88">
        <v>3</v>
      </c>
      <c r="U22" s="88">
        <v>0</v>
      </c>
      <c r="V22" s="88">
        <v>2</v>
      </c>
      <c r="W22" s="89">
        <v>13</v>
      </c>
      <c r="X22" s="91">
        <v>13</v>
      </c>
      <c r="Y22" s="92">
        <v>0</v>
      </c>
      <c r="Z22" s="88">
        <v>0</v>
      </c>
      <c r="AA22" s="89">
        <v>0</v>
      </c>
      <c r="AB22" s="90">
        <v>0</v>
      </c>
      <c r="AC22" s="88">
        <v>229</v>
      </c>
      <c r="AD22" s="88">
        <v>226</v>
      </c>
      <c r="AE22" s="88">
        <v>146</v>
      </c>
      <c r="AF22" s="88">
        <v>60</v>
      </c>
      <c r="AG22" s="88">
        <v>34</v>
      </c>
      <c r="AH22" s="89">
        <v>695</v>
      </c>
      <c r="AI22" s="91">
        <v>695</v>
      </c>
    </row>
    <row r="23" spans="2:35" ht="21" customHeight="1" x14ac:dyDescent="0.2">
      <c r="B23" s="437" t="s">
        <v>22</v>
      </c>
      <c r="C23" s="87">
        <v>3</v>
      </c>
      <c r="D23" s="88">
        <v>3</v>
      </c>
      <c r="E23" s="89">
        <v>6</v>
      </c>
      <c r="F23" s="90">
        <v>0</v>
      </c>
      <c r="G23" s="88">
        <v>135</v>
      </c>
      <c r="H23" s="88">
        <v>145</v>
      </c>
      <c r="I23" s="88">
        <v>72</v>
      </c>
      <c r="J23" s="88">
        <v>66</v>
      </c>
      <c r="K23" s="88">
        <v>26</v>
      </c>
      <c r="L23" s="89">
        <v>444</v>
      </c>
      <c r="M23" s="91">
        <v>450</v>
      </c>
      <c r="N23" s="92">
        <v>0</v>
      </c>
      <c r="O23" s="88">
        <v>0</v>
      </c>
      <c r="P23" s="89">
        <v>0</v>
      </c>
      <c r="Q23" s="90">
        <v>0</v>
      </c>
      <c r="R23" s="88">
        <v>1</v>
      </c>
      <c r="S23" s="88">
        <v>1</v>
      </c>
      <c r="T23" s="88">
        <v>1</v>
      </c>
      <c r="U23" s="88">
        <v>0</v>
      </c>
      <c r="V23" s="88">
        <v>0</v>
      </c>
      <c r="W23" s="89">
        <v>3</v>
      </c>
      <c r="X23" s="91">
        <v>3</v>
      </c>
      <c r="Y23" s="92">
        <v>3</v>
      </c>
      <c r="Z23" s="88">
        <v>3</v>
      </c>
      <c r="AA23" s="89">
        <v>6</v>
      </c>
      <c r="AB23" s="90">
        <v>0</v>
      </c>
      <c r="AC23" s="88">
        <v>136</v>
      </c>
      <c r="AD23" s="88">
        <v>146</v>
      </c>
      <c r="AE23" s="88">
        <v>73</v>
      </c>
      <c r="AF23" s="88">
        <v>66</v>
      </c>
      <c r="AG23" s="88">
        <v>26</v>
      </c>
      <c r="AH23" s="89">
        <v>447</v>
      </c>
      <c r="AI23" s="91">
        <v>453</v>
      </c>
    </row>
    <row r="24" spans="2:35" ht="21" customHeight="1" x14ac:dyDescent="0.2">
      <c r="B24" s="437" t="s">
        <v>23</v>
      </c>
      <c r="C24" s="87">
        <v>0</v>
      </c>
      <c r="D24" s="88">
        <v>0</v>
      </c>
      <c r="E24" s="89">
        <v>0</v>
      </c>
      <c r="F24" s="90">
        <v>0</v>
      </c>
      <c r="G24" s="88">
        <v>117</v>
      </c>
      <c r="H24" s="88">
        <v>74</v>
      </c>
      <c r="I24" s="88">
        <v>58</v>
      </c>
      <c r="J24" s="88">
        <v>39</v>
      </c>
      <c r="K24" s="88">
        <v>7</v>
      </c>
      <c r="L24" s="89">
        <v>295</v>
      </c>
      <c r="M24" s="91">
        <v>295</v>
      </c>
      <c r="N24" s="92">
        <v>0</v>
      </c>
      <c r="O24" s="88">
        <v>0</v>
      </c>
      <c r="P24" s="89">
        <v>0</v>
      </c>
      <c r="Q24" s="90">
        <v>0</v>
      </c>
      <c r="R24" s="88">
        <v>1</v>
      </c>
      <c r="S24" s="88">
        <v>1</v>
      </c>
      <c r="T24" s="88">
        <v>1</v>
      </c>
      <c r="U24" s="88">
        <v>0</v>
      </c>
      <c r="V24" s="88">
        <v>0</v>
      </c>
      <c r="W24" s="89">
        <v>3</v>
      </c>
      <c r="X24" s="91">
        <v>3</v>
      </c>
      <c r="Y24" s="92">
        <v>0</v>
      </c>
      <c r="Z24" s="88">
        <v>0</v>
      </c>
      <c r="AA24" s="89">
        <v>0</v>
      </c>
      <c r="AB24" s="90">
        <v>0</v>
      </c>
      <c r="AC24" s="88">
        <v>118</v>
      </c>
      <c r="AD24" s="88">
        <v>75</v>
      </c>
      <c r="AE24" s="88">
        <v>59</v>
      </c>
      <c r="AF24" s="88">
        <v>39</v>
      </c>
      <c r="AG24" s="88">
        <v>7</v>
      </c>
      <c r="AH24" s="89">
        <v>298</v>
      </c>
      <c r="AI24" s="91">
        <v>298</v>
      </c>
    </row>
    <row r="25" spans="2:35" ht="21" customHeight="1" x14ac:dyDescent="0.2">
      <c r="B25" s="437" t="s">
        <v>24</v>
      </c>
      <c r="C25" s="87">
        <v>2</v>
      </c>
      <c r="D25" s="88">
        <v>3</v>
      </c>
      <c r="E25" s="89">
        <v>5</v>
      </c>
      <c r="F25" s="90">
        <v>0</v>
      </c>
      <c r="G25" s="88">
        <v>44</v>
      </c>
      <c r="H25" s="88">
        <v>36</v>
      </c>
      <c r="I25" s="88">
        <v>31</v>
      </c>
      <c r="J25" s="88">
        <v>22</v>
      </c>
      <c r="K25" s="88">
        <v>7</v>
      </c>
      <c r="L25" s="89">
        <v>140</v>
      </c>
      <c r="M25" s="91">
        <v>145</v>
      </c>
      <c r="N25" s="92">
        <v>0</v>
      </c>
      <c r="O25" s="88">
        <v>0</v>
      </c>
      <c r="P25" s="89">
        <v>0</v>
      </c>
      <c r="Q25" s="90">
        <v>0</v>
      </c>
      <c r="R25" s="88">
        <v>0</v>
      </c>
      <c r="S25" s="88">
        <v>1</v>
      </c>
      <c r="T25" s="88">
        <v>0</v>
      </c>
      <c r="U25" s="88">
        <v>1</v>
      </c>
      <c r="V25" s="88">
        <v>0</v>
      </c>
      <c r="W25" s="89">
        <v>2</v>
      </c>
      <c r="X25" s="91">
        <v>2</v>
      </c>
      <c r="Y25" s="92">
        <v>2</v>
      </c>
      <c r="Z25" s="88">
        <v>3</v>
      </c>
      <c r="AA25" s="89">
        <v>5</v>
      </c>
      <c r="AB25" s="90">
        <v>0</v>
      </c>
      <c r="AC25" s="88">
        <v>44</v>
      </c>
      <c r="AD25" s="88">
        <v>37</v>
      </c>
      <c r="AE25" s="88">
        <v>31</v>
      </c>
      <c r="AF25" s="88">
        <v>23</v>
      </c>
      <c r="AG25" s="88">
        <v>7</v>
      </c>
      <c r="AH25" s="89">
        <v>142</v>
      </c>
      <c r="AI25" s="91">
        <v>147</v>
      </c>
    </row>
    <row r="26" spans="2:35" ht="21" customHeight="1" x14ac:dyDescent="0.2">
      <c r="B26" s="437" t="s">
        <v>25</v>
      </c>
      <c r="C26" s="87">
        <v>2</v>
      </c>
      <c r="D26" s="88">
        <v>0</v>
      </c>
      <c r="E26" s="89">
        <v>2</v>
      </c>
      <c r="F26" s="90">
        <v>0</v>
      </c>
      <c r="G26" s="88">
        <v>99</v>
      </c>
      <c r="H26" s="88">
        <v>47</v>
      </c>
      <c r="I26" s="88">
        <v>25</v>
      </c>
      <c r="J26" s="88">
        <v>13</v>
      </c>
      <c r="K26" s="88">
        <v>3</v>
      </c>
      <c r="L26" s="89">
        <v>187</v>
      </c>
      <c r="M26" s="91">
        <v>189</v>
      </c>
      <c r="N26" s="92">
        <v>0</v>
      </c>
      <c r="O26" s="88">
        <v>0</v>
      </c>
      <c r="P26" s="89">
        <v>0</v>
      </c>
      <c r="Q26" s="90">
        <v>0</v>
      </c>
      <c r="R26" s="88">
        <v>1</v>
      </c>
      <c r="S26" s="88">
        <v>0</v>
      </c>
      <c r="T26" s="88">
        <v>2</v>
      </c>
      <c r="U26" s="88">
        <v>0</v>
      </c>
      <c r="V26" s="88">
        <v>0</v>
      </c>
      <c r="W26" s="89">
        <v>3</v>
      </c>
      <c r="X26" s="91">
        <v>3</v>
      </c>
      <c r="Y26" s="92">
        <v>2</v>
      </c>
      <c r="Z26" s="88">
        <v>0</v>
      </c>
      <c r="AA26" s="89">
        <v>2</v>
      </c>
      <c r="AB26" s="90">
        <v>0</v>
      </c>
      <c r="AC26" s="88">
        <v>100</v>
      </c>
      <c r="AD26" s="88">
        <v>47</v>
      </c>
      <c r="AE26" s="88">
        <v>27</v>
      </c>
      <c r="AF26" s="88">
        <v>13</v>
      </c>
      <c r="AG26" s="88">
        <v>3</v>
      </c>
      <c r="AH26" s="89">
        <v>190</v>
      </c>
      <c r="AI26" s="91">
        <v>192</v>
      </c>
    </row>
    <row r="27" spans="2:35" ht="21" customHeight="1" x14ac:dyDescent="0.2">
      <c r="B27" s="437" t="s">
        <v>26</v>
      </c>
      <c r="C27" s="87">
        <v>0</v>
      </c>
      <c r="D27" s="88">
        <v>1</v>
      </c>
      <c r="E27" s="89">
        <v>1</v>
      </c>
      <c r="F27" s="90">
        <v>0</v>
      </c>
      <c r="G27" s="88">
        <v>57</v>
      </c>
      <c r="H27" s="88">
        <v>63</v>
      </c>
      <c r="I27" s="88">
        <v>58</v>
      </c>
      <c r="J27" s="88">
        <v>21</v>
      </c>
      <c r="K27" s="88">
        <v>11</v>
      </c>
      <c r="L27" s="89">
        <v>210</v>
      </c>
      <c r="M27" s="91">
        <v>211</v>
      </c>
      <c r="N27" s="92">
        <v>0</v>
      </c>
      <c r="O27" s="88">
        <v>0</v>
      </c>
      <c r="P27" s="89">
        <v>0</v>
      </c>
      <c r="Q27" s="90">
        <v>0</v>
      </c>
      <c r="R27" s="88">
        <v>0</v>
      </c>
      <c r="S27" s="88">
        <v>0</v>
      </c>
      <c r="T27" s="88">
        <v>0</v>
      </c>
      <c r="U27" s="88">
        <v>0</v>
      </c>
      <c r="V27" s="88">
        <v>1</v>
      </c>
      <c r="W27" s="89">
        <v>1</v>
      </c>
      <c r="X27" s="91">
        <v>1</v>
      </c>
      <c r="Y27" s="92">
        <v>0</v>
      </c>
      <c r="Z27" s="88">
        <v>1</v>
      </c>
      <c r="AA27" s="89">
        <v>1</v>
      </c>
      <c r="AB27" s="90">
        <v>0</v>
      </c>
      <c r="AC27" s="88">
        <v>57</v>
      </c>
      <c r="AD27" s="88">
        <v>63</v>
      </c>
      <c r="AE27" s="88">
        <v>58</v>
      </c>
      <c r="AF27" s="88">
        <v>21</v>
      </c>
      <c r="AG27" s="88">
        <v>12</v>
      </c>
      <c r="AH27" s="89">
        <v>211</v>
      </c>
      <c r="AI27" s="91">
        <v>212</v>
      </c>
    </row>
    <row r="28" spans="2:35" ht="21" customHeight="1" x14ac:dyDescent="0.2">
      <c r="B28" s="437" t="s">
        <v>27</v>
      </c>
      <c r="C28" s="87">
        <v>0</v>
      </c>
      <c r="D28" s="88">
        <v>0</v>
      </c>
      <c r="E28" s="89">
        <v>0</v>
      </c>
      <c r="F28" s="90">
        <v>0</v>
      </c>
      <c r="G28" s="88">
        <v>50</v>
      </c>
      <c r="H28" s="88">
        <v>28</v>
      </c>
      <c r="I28" s="88">
        <v>30</v>
      </c>
      <c r="J28" s="88">
        <v>22</v>
      </c>
      <c r="K28" s="88">
        <v>16</v>
      </c>
      <c r="L28" s="89">
        <v>146</v>
      </c>
      <c r="M28" s="91">
        <v>146</v>
      </c>
      <c r="N28" s="92">
        <v>0</v>
      </c>
      <c r="O28" s="88">
        <v>0</v>
      </c>
      <c r="P28" s="89">
        <v>0</v>
      </c>
      <c r="Q28" s="90">
        <v>0</v>
      </c>
      <c r="R28" s="88">
        <v>1</v>
      </c>
      <c r="S28" s="88">
        <v>0</v>
      </c>
      <c r="T28" s="88">
        <v>1</v>
      </c>
      <c r="U28" s="88">
        <v>0</v>
      </c>
      <c r="V28" s="88">
        <v>0</v>
      </c>
      <c r="W28" s="89">
        <v>2</v>
      </c>
      <c r="X28" s="91">
        <v>2</v>
      </c>
      <c r="Y28" s="92">
        <v>0</v>
      </c>
      <c r="Z28" s="88">
        <v>0</v>
      </c>
      <c r="AA28" s="89">
        <v>0</v>
      </c>
      <c r="AB28" s="90">
        <v>0</v>
      </c>
      <c r="AC28" s="88">
        <v>51</v>
      </c>
      <c r="AD28" s="88">
        <v>28</v>
      </c>
      <c r="AE28" s="88">
        <v>31</v>
      </c>
      <c r="AF28" s="88">
        <v>22</v>
      </c>
      <c r="AG28" s="88">
        <v>16</v>
      </c>
      <c r="AH28" s="89">
        <v>148</v>
      </c>
      <c r="AI28" s="91">
        <v>148</v>
      </c>
    </row>
    <row r="29" spans="2:35" ht="21" customHeight="1" x14ac:dyDescent="0.2">
      <c r="B29" s="437" t="s">
        <v>28</v>
      </c>
      <c r="C29" s="87">
        <v>0</v>
      </c>
      <c r="D29" s="88">
        <v>0</v>
      </c>
      <c r="E29" s="89">
        <v>0</v>
      </c>
      <c r="F29" s="90">
        <v>0</v>
      </c>
      <c r="G29" s="88">
        <v>27</v>
      </c>
      <c r="H29" s="88">
        <v>16</v>
      </c>
      <c r="I29" s="88">
        <v>6</v>
      </c>
      <c r="J29" s="88">
        <v>7</v>
      </c>
      <c r="K29" s="88">
        <v>3</v>
      </c>
      <c r="L29" s="89">
        <v>59</v>
      </c>
      <c r="M29" s="91">
        <v>59</v>
      </c>
      <c r="N29" s="92">
        <v>0</v>
      </c>
      <c r="O29" s="88">
        <v>0</v>
      </c>
      <c r="P29" s="89">
        <v>0</v>
      </c>
      <c r="Q29" s="90">
        <v>0</v>
      </c>
      <c r="R29" s="88">
        <v>0</v>
      </c>
      <c r="S29" s="88">
        <v>1</v>
      </c>
      <c r="T29" s="88">
        <v>0</v>
      </c>
      <c r="U29" s="88">
        <v>0</v>
      </c>
      <c r="V29" s="88">
        <v>1</v>
      </c>
      <c r="W29" s="89">
        <v>2</v>
      </c>
      <c r="X29" s="91">
        <v>2</v>
      </c>
      <c r="Y29" s="92">
        <v>0</v>
      </c>
      <c r="Z29" s="88">
        <v>0</v>
      </c>
      <c r="AA29" s="89">
        <v>0</v>
      </c>
      <c r="AB29" s="90">
        <v>0</v>
      </c>
      <c r="AC29" s="88">
        <v>27</v>
      </c>
      <c r="AD29" s="88">
        <v>17</v>
      </c>
      <c r="AE29" s="88">
        <v>6</v>
      </c>
      <c r="AF29" s="88">
        <v>7</v>
      </c>
      <c r="AG29" s="88">
        <v>4</v>
      </c>
      <c r="AH29" s="89">
        <v>61</v>
      </c>
      <c r="AI29" s="91">
        <v>61</v>
      </c>
    </row>
    <row r="30" spans="2:35" ht="21" customHeight="1" x14ac:dyDescent="0.2">
      <c r="B30" s="437" t="s">
        <v>29</v>
      </c>
      <c r="C30" s="87">
        <v>0</v>
      </c>
      <c r="D30" s="88">
        <v>1</v>
      </c>
      <c r="E30" s="89">
        <v>1</v>
      </c>
      <c r="F30" s="90">
        <v>0</v>
      </c>
      <c r="G30" s="88">
        <v>30</v>
      </c>
      <c r="H30" s="88">
        <v>27</v>
      </c>
      <c r="I30" s="88">
        <v>34</v>
      </c>
      <c r="J30" s="88">
        <v>18</v>
      </c>
      <c r="K30" s="88">
        <v>9</v>
      </c>
      <c r="L30" s="89">
        <v>118</v>
      </c>
      <c r="M30" s="91">
        <v>119</v>
      </c>
      <c r="N30" s="92">
        <v>0</v>
      </c>
      <c r="O30" s="88">
        <v>0</v>
      </c>
      <c r="P30" s="89">
        <v>0</v>
      </c>
      <c r="Q30" s="90">
        <v>0</v>
      </c>
      <c r="R30" s="88">
        <v>1</v>
      </c>
      <c r="S30" s="88">
        <v>0</v>
      </c>
      <c r="T30" s="88">
        <v>0</v>
      </c>
      <c r="U30" s="88">
        <v>0</v>
      </c>
      <c r="V30" s="88">
        <v>0</v>
      </c>
      <c r="W30" s="89">
        <v>1</v>
      </c>
      <c r="X30" s="91">
        <v>1</v>
      </c>
      <c r="Y30" s="92">
        <v>0</v>
      </c>
      <c r="Z30" s="88">
        <v>1</v>
      </c>
      <c r="AA30" s="89">
        <v>1</v>
      </c>
      <c r="AB30" s="90">
        <v>0</v>
      </c>
      <c r="AC30" s="88">
        <v>31</v>
      </c>
      <c r="AD30" s="88">
        <v>27</v>
      </c>
      <c r="AE30" s="88">
        <v>34</v>
      </c>
      <c r="AF30" s="88">
        <v>18</v>
      </c>
      <c r="AG30" s="88">
        <v>9</v>
      </c>
      <c r="AH30" s="89">
        <v>119</v>
      </c>
      <c r="AI30" s="91">
        <v>120</v>
      </c>
    </row>
    <row r="31" spans="2:35" ht="21" customHeight="1" x14ac:dyDescent="0.2">
      <c r="B31" s="437" t="s">
        <v>30</v>
      </c>
      <c r="C31" s="87">
        <v>0</v>
      </c>
      <c r="D31" s="88">
        <v>0</v>
      </c>
      <c r="E31" s="89">
        <v>0</v>
      </c>
      <c r="F31" s="90">
        <v>0</v>
      </c>
      <c r="G31" s="88">
        <v>31</v>
      </c>
      <c r="H31" s="88">
        <v>16</v>
      </c>
      <c r="I31" s="88">
        <v>17</v>
      </c>
      <c r="J31" s="88">
        <v>11</v>
      </c>
      <c r="K31" s="88">
        <v>2</v>
      </c>
      <c r="L31" s="89">
        <v>77</v>
      </c>
      <c r="M31" s="91">
        <v>77</v>
      </c>
      <c r="N31" s="92">
        <v>0</v>
      </c>
      <c r="O31" s="88">
        <v>0</v>
      </c>
      <c r="P31" s="89">
        <v>0</v>
      </c>
      <c r="Q31" s="90">
        <v>0</v>
      </c>
      <c r="R31" s="88">
        <v>1</v>
      </c>
      <c r="S31" s="88">
        <v>0</v>
      </c>
      <c r="T31" s="88">
        <v>0</v>
      </c>
      <c r="U31" s="88">
        <v>0</v>
      </c>
      <c r="V31" s="88">
        <v>0</v>
      </c>
      <c r="W31" s="89">
        <v>1</v>
      </c>
      <c r="X31" s="91">
        <v>1</v>
      </c>
      <c r="Y31" s="92">
        <v>0</v>
      </c>
      <c r="Z31" s="88">
        <v>0</v>
      </c>
      <c r="AA31" s="89">
        <v>0</v>
      </c>
      <c r="AB31" s="90">
        <v>0</v>
      </c>
      <c r="AC31" s="88">
        <v>32</v>
      </c>
      <c r="AD31" s="88">
        <v>16</v>
      </c>
      <c r="AE31" s="88">
        <v>17</v>
      </c>
      <c r="AF31" s="88">
        <v>11</v>
      </c>
      <c r="AG31" s="88">
        <v>2</v>
      </c>
      <c r="AH31" s="89">
        <v>78</v>
      </c>
      <c r="AI31" s="91">
        <v>78</v>
      </c>
    </row>
    <row r="32" spans="2:35" ht="21" customHeight="1" x14ac:dyDescent="0.2">
      <c r="B32" s="437" t="s">
        <v>31</v>
      </c>
      <c r="C32" s="87">
        <v>0</v>
      </c>
      <c r="D32" s="88">
        <v>1</v>
      </c>
      <c r="E32" s="89">
        <v>1</v>
      </c>
      <c r="F32" s="90">
        <v>0</v>
      </c>
      <c r="G32" s="88">
        <v>46</v>
      </c>
      <c r="H32" s="88">
        <v>35</v>
      </c>
      <c r="I32" s="88">
        <v>22</v>
      </c>
      <c r="J32" s="88">
        <v>17</v>
      </c>
      <c r="K32" s="88">
        <v>8</v>
      </c>
      <c r="L32" s="89">
        <v>128</v>
      </c>
      <c r="M32" s="91">
        <v>129</v>
      </c>
      <c r="N32" s="92">
        <v>0</v>
      </c>
      <c r="O32" s="88">
        <v>0</v>
      </c>
      <c r="P32" s="89">
        <v>0</v>
      </c>
      <c r="Q32" s="90">
        <v>0</v>
      </c>
      <c r="R32" s="88">
        <v>0</v>
      </c>
      <c r="S32" s="88">
        <v>0</v>
      </c>
      <c r="T32" s="88">
        <v>0</v>
      </c>
      <c r="U32" s="88">
        <v>0</v>
      </c>
      <c r="V32" s="88">
        <v>0</v>
      </c>
      <c r="W32" s="89">
        <v>0</v>
      </c>
      <c r="X32" s="91">
        <v>0</v>
      </c>
      <c r="Y32" s="92">
        <v>0</v>
      </c>
      <c r="Z32" s="88">
        <v>1</v>
      </c>
      <c r="AA32" s="89">
        <v>1</v>
      </c>
      <c r="AB32" s="90">
        <v>0</v>
      </c>
      <c r="AC32" s="88">
        <v>46</v>
      </c>
      <c r="AD32" s="88">
        <v>35</v>
      </c>
      <c r="AE32" s="88">
        <v>22</v>
      </c>
      <c r="AF32" s="88">
        <v>17</v>
      </c>
      <c r="AG32" s="88">
        <v>8</v>
      </c>
      <c r="AH32" s="89">
        <v>128</v>
      </c>
      <c r="AI32" s="91">
        <v>129</v>
      </c>
    </row>
    <row r="33" spans="2:35" ht="21" customHeight="1" x14ac:dyDescent="0.2">
      <c r="B33" s="437" t="s">
        <v>32</v>
      </c>
      <c r="C33" s="87">
        <v>0</v>
      </c>
      <c r="D33" s="88">
        <v>3</v>
      </c>
      <c r="E33" s="89">
        <v>3</v>
      </c>
      <c r="F33" s="90">
        <v>0</v>
      </c>
      <c r="G33" s="88">
        <v>65</v>
      </c>
      <c r="H33" s="88">
        <v>39</v>
      </c>
      <c r="I33" s="88">
        <v>28</v>
      </c>
      <c r="J33" s="88">
        <v>23</v>
      </c>
      <c r="K33" s="88">
        <v>14</v>
      </c>
      <c r="L33" s="89">
        <v>169</v>
      </c>
      <c r="M33" s="91">
        <v>172</v>
      </c>
      <c r="N33" s="92">
        <v>0</v>
      </c>
      <c r="O33" s="88">
        <v>0</v>
      </c>
      <c r="P33" s="89">
        <v>0</v>
      </c>
      <c r="Q33" s="90">
        <v>0</v>
      </c>
      <c r="R33" s="88">
        <v>0</v>
      </c>
      <c r="S33" s="88">
        <v>1</v>
      </c>
      <c r="T33" s="88">
        <v>0</v>
      </c>
      <c r="U33" s="88">
        <v>0</v>
      </c>
      <c r="V33" s="88">
        <v>0</v>
      </c>
      <c r="W33" s="89">
        <v>1</v>
      </c>
      <c r="X33" s="91">
        <v>1</v>
      </c>
      <c r="Y33" s="92">
        <v>0</v>
      </c>
      <c r="Z33" s="88">
        <v>3</v>
      </c>
      <c r="AA33" s="89">
        <v>3</v>
      </c>
      <c r="AB33" s="90">
        <v>0</v>
      </c>
      <c r="AC33" s="88">
        <v>65</v>
      </c>
      <c r="AD33" s="88">
        <v>40</v>
      </c>
      <c r="AE33" s="88">
        <v>28</v>
      </c>
      <c r="AF33" s="88">
        <v>23</v>
      </c>
      <c r="AG33" s="88">
        <v>14</v>
      </c>
      <c r="AH33" s="89">
        <v>170</v>
      </c>
      <c r="AI33" s="91">
        <v>173</v>
      </c>
    </row>
    <row r="34" spans="2:35" ht="21" customHeight="1" x14ac:dyDescent="0.2">
      <c r="B34" s="437" t="s">
        <v>33</v>
      </c>
      <c r="C34" s="87">
        <v>0</v>
      </c>
      <c r="D34" s="88">
        <v>1</v>
      </c>
      <c r="E34" s="89">
        <v>1</v>
      </c>
      <c r="F34" s="90">
        <v>0</v>
      </c>
      <c r="G34" s="88">
        <v>24</v>
      </c>
      <c r="H34" s="88">
        <v>14</v>
      </c>
      <c r="I34" s="88">
        <v>16</v>
      </c>
      <c r="J34" s="88">
        <v>8</v>
      </c>
      <c r="K34" s="88">
        <v>10</v>
      </c>
      <c r="L34" s="89">
        <v>72</v>
      </c>
      <c r="M34" s="91">
        <v>73</v>
      </c>
      <c r="N34" s="92">
        <v>0</v>
      </c>
      <c r="O34" s="88">
        <v>0</v>
      </c>
      <c r="P34" s="89">
        <v>0</v>
      </c>
      <c r="Q34" s="90">
        <v>0</v>
      </c>
      <c r="R34" s="88">
        <v>0</v>
      </c>
      <c r="S34" s="88">
        <v>0</v>
      </c>
      <c r="T34" s="88">
        <v>0</v>
      </c>
      <c r="U34" s="88">
        <v>0</v>
      </c>
      <c r="V34" s="88">
        <v>0</v>
      </c>
      <c r="W34" s="89">
        <v>0</v>
      </c>
      <c r="X34" s="91">
        <v>0</v>
      </c>
      <c r="Y34" s="92">
        <v>0</v>
      </c>
      <c r="Z34" s="88">
        <v>1</v>
      </c>
      <c r="AA34" s="89">
        <v>1</v>
      </c>
      <c r="AB34" s="90">
        <v>0</v>
      </c>
      <c r="AC34" s="88">
        <v>24</v>
      </c>
      <c r="AD34" s="88">
        <v>14</v>
      </c>
      <c r="AE34" s="88">
        <v>16</v>
      </c>
      <c r="AF34" s="88">
        <v>8</v>
      </c>
      <c r="AG34" s="88">
        <v>10</v>
      </c>
      <c r="AH34" s="89">
        <v>72</v>
      </c>
      <c r="AI34" s="91">
        <v>73</v>
      </c>
    </row>
    <row r="35" spans="2:35" ht="21" customHeight="1" x14ac:dyDescent="0.2">
      <c r="B35" s="437" t="s">
        <v>34</v>
      </c>
      <c r="C35" s="87">
        <v>1</v>
      </c>
      <c r="D35" s="88">
        <v>1</v>
      </c>
      <c r="E35" s="89">
        <v>2</v>
      </c>
      <c r="F35" s="90">
        <v>0</v>
      </c>
      <c r="G35" s="88">
        <v>29</v>
      </c>
      <c r="H35" s="88">
        <v>20</v>
      </c>
      <c r="I35" s="88">
        <v>11</v>
      </c>
      <c r="J35" s="88">
        <v>4</v>
      </c>
      <c r="K35" s="88">
        <v>2</v>
      </c>
      <c r="L35" s="89">
        <v>66</v>
      </c>
      <c r="M35" s="91">
        <v>68</v>
      </c>
      <c r="N35" s="92">
        <v>0</v>
      </c>
      <c r="O35" s="88">
        <v>0</v>
      </c>
      <c r="P35" s="89">
        <v>0</v>
      </c>
      <c r="Q35" s="90">
        <v>0</v>
      </c>
      <c r="R35" s="88">
        <v>0</v>
      </c>
      <c r="S35" s="88">
        <v>0</v>
      </c>
      <c r="T35" s="88">
        <v>0</v>
      </c>
      <c r="U35" s="88">
        <v>1</v>
      </c>
      <c r="V35" s="88">
        <v>0</v>
      </c>
      <c r="W35" s="89">
        <v>1</v>
      </c>
      <c r="X35" s="91">
        <v>1</v>
      </c>
      <c r="Y35" s="92">
        <v>1</v>
      </c>
      <c r="Z35" s="88">
        <v>1</v>
      </c>
      <c r="AA35" s="89">
        <v>2</v>
      </c>
      <c r="AB35" s="90">
        <v>0</v>
      </c>
      <c r="AC35" s="88">
        <v>29</v>
      </c>
      <c r="AD35" s="88">
        <v>20</v>
      </c>
      <c r="AE35" s="88">
        <v>11</v>
      </c>
      <c r="AF35" s="88">
        <v>5</v>
      </c>
      <c r="AG35" s="88">
        <v>2</v>
      </c>
      <c r="AH35" s="89">
        <v>67</v>
      </c>
      <c r="AI35" s="91">
        <v>69</v>
      </c>
    </row>
    <row r="36" spans="2:35" ht="21" customHeight="1" x14ac:dyDescent="0.2">
      <c r="B36" s="437" t="s">
        <v>35</v>
      </c>
      <c r="C36" s="87">
        <v>4</v>
      </c>
      <c r="D36" s="88">
        <v>3</v>
      </c>
      <c r="E36" s="89">
        <v>7</v>
      </c>
      <c r="F36" s="90">
        <v>0</v>
      </c>
      <c r="G36" s="88">
        <v>39</v>
      </c>
      <c r="H36" s="88">
        <v>39</v>
      </c>
      <c r="I36" s="88">
        <v>39</v>
      </c>
      <c r="J36" s="88">
        <v>24</v>
      </c>
      <c r="K36" s="88">
        <v>11</v>
      </c>
      <c r="L36" s="89">
        <v>152</v>
      </c>
      <c r="M36" s="91">
        <v>159</v>
      </c>
      <c r="N36" s="92">
        <v>0</v>
      </c>
      <c r="O36" s="88">
        <v>0</v>
      </c>
      <c r="P36" s="89">
        <v>0</v>
      </c>
      <c r="Q36" s="90">
        <v>0</v>
      </c>
      <c r="R36" s="88">
        <v>0</v>
      </c>
      <c r="S36" s="88">
        <v>2</v>
      </c>
      <c r="T36" s="88">
        <v>0</v>
      </c>
      <c r="U36" s="88">
        <v>0</v>
      </c>
      <c r="V36" s="88">
        <v>0</v>
      </c>
      <c r="W36" s="89">
        <v>2</v>
      </c>
      <c r="X36" s="91">
        <v>2</v>
      </c>
      <c r="Y36" s="92">
        <v>4</v>
      </c>
      <c r="Z36" s="88">
        <v>3</v>
      </c>
      <c r="AA36" s="89">
        <v>7</v>
      </c>
      <c r="AB36" s="90">
        <v>0</v>
      </c>
      <c r="AC36" s="88">
        <v>39</v>
      </c>
      <c r="AD36" s="88">
        <v>41</v>
      </c>
      <c r="AE36" s="88">
        <v>39</v>
      </c>
      <c r="AF36" s="88">
        <v>24</v>
      </c>
      <c r="AG36" s="88">
        <v>11</v>
      </c>
      <c r="AH36" s="89">
        <v>154</v>
      </c>
      <c r="AI36" s="91">
        <v>161</v>
      </c>
    </row>
    <row r="37" spans="2:35" ht="21" customHeight="1" x14ac:dyDescent="0.2">
      <c r="B37" s="437" t="s">
        <v>36</v>
      </c>
      <c r="C37" s="87">
        <v>0</v>
      </c>
      <c r="D37" s="88">
        <v>1</v>
      </c>
      <c r="E37" s="89">
        <v>1</v>
      </c>
      <c r="F37" s="90">
        <v>0</v>
      </c>
      <c r="G37" s="88">
        <v>84</v>
      </c>
      <c r="H37" s="88">
        <v>72</v>
      </c>
      <c r="I37" s="88">
        <v>50</v>
      </c>
      <c r="J37" s="88">
        <v>23</v>
      </c>
      <c r="K37" s="88">
        <v>20</v>
      </c>
      <c r="L37" s="89">
        <v>249</v>
      </c>
      <c r="M37" s="91">
        <v>250</v>
      </c>
      <c r="N37" s="92">
        <v>0</v>
      </c>
      <c r="O37" s="88">
        <v>0</v>
      </c>
      <c r="P37" s="89">
        <v>0</v>
      </c>
      <c r="Q37" s="90">
        <v>0</v>
      </c>
      <c r="R37" s="88">
        <v>0</v>
      </c>
      <c r="S37" s="88">
        <v>0</v>
      </c>
      <c r="T37" s="88">
        <v>1</v>
      </c>
      <c r="U37" s="88">
        <v>0</v>
      </c>
      <c r="V37" s="88">
        <v>1</v>
      </c>
      <c r="W37" s="89">
        <v>2</v>
      </c>
      <c r="X37" s="91">
        <v>2</v>
      </c>
      <c r="Y37" s="92">
        <v>0</v>
      </c>
      <c r="Z37" s="88">
        <v>1</v>
      </c>
      <c r="AA37" s="89">
        <v>1</v>
      </c>
      <c r="AB37" s="90">
        <v>0</v>
      </c>
      <c r="AC37" s="88">
        <v>84</v>
      </c>
      <c r="AD37" s="88">
        <v>72</v>
      </c>
      <c r="AE37" s="88">
        <v>51</v>
      </c>
      <c r="AF37" s="88">
        <v>23</v>
      </c>
      <c r="AG37" s="88">
        <v>21</v>
      </c>
      <c r="AH37" s="89">
        <v>251</v>
      </c>
      <c r="AI37" s="91">
        <v>252</v>
      </c>
    </row>
    <row r="38" spans="2:35" ht="21" customHeight="1" thickBot="1" x14ac:dyDescent="0.25">
      <c r="B38" s="438" t="s">
        <v>37</v>
      </c>
      <c r="C38" s="93">
        <v>0</v>
      </c>
      <c r="D38" s="94">
        <v>0</v>
      </c>
      <c r="E38" s="95">
        <v>0</v>
      </c>
      <c r="F38" s="96">
        <v>0</v>
      </c>
      <c r="G38" s="94">
        <v>18</v>
      </c>
      <c r="H38" s="94">
        <v>6</v>
      </c>
      <c r="I38" s="94">
        <v>9</v>
      </c>
      <c r="J38" s="94">
        <v>5</v>
      </c>
      <c r="K38" s="94">
        <v>4</v>
      </c>
      <c r="L38" s="95">
        <v>42</v>
      </c>
      <c r="M38" s="97">
        <v>42</v>
      </c>
      <c r="N38" s="98">
        <v>0</v>
      </c>
      <c r="O38" s="94">
        <v>0</v>
      </c>
      <c r="P38" s="95">
        <v>0</v>
      </c>
      <c r="Q38" s="96">
        <v>0</v>
      </c>
      <c r="R38" s="94">
        <v>0</v>
      </c>
      <c r="S38" s="94">
        <v>0</v>
      </c>
      <c r="T38" s="94">
        <v>0</v>
      </c>
      <c r="U38" s="94">
        <v>0</v>
      </c>
      <c r="V38" s="94">
        <v>0</v>
      </c>
      <c r="W38" s="95">
        <v>0</v>
      </c>
      <c r="X38" s="97">
        <v>0</v>
      </c>
      <c r="Y38" s="98">
        <v>0</v>
      </c>
      <c r="Z38" s="94">
        <v>0</v>
      </c>
      <c r="AA38" s="95">
        <v>0</v>
      </c>
      <c r="AB38" s="96">
        <v>0</v>
      </c>
      <c r="AC38" s="94">
        <v>18</v>
      </c>
      <c r="AD38" s="94">
        <v>6</v>
      </c>
      <c r="AE38" s="94">
        <v>9</v>
      </c>
      <c r="AF38" s="94">
        <v>5</v>
      </c>
      <c r="AG38" s="94">
        <v>4</v>
      </c>
      <c r="AH38" s="95">
        <v>42</v>
      </c>
      <c r="AI38" s="97">
        <v>42</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33203125" style="238" customWidth="1"/>
    <col min="6" max="6" width="7.6640625" style="238" customWidth="1"/>
    <col min="7" max="7" width="8.44140625" style="238" customWidth="1"/>
    <col min="8" max="8" width="8.77734375" style="238" customWidth="1"/>
    <col min="9" max="16" width="9" style="238"/>
    <col min="17" max="17" width="7.21875" style="238" customWidth="1"/>
    <col min="18" max="27" width="9" style="238"/>
    <col min="28" max="28" width="7.6640625" style="238" customWidth="1"/>
    <col min="29" max="38" width="9" style="238"/>
    <col min="39" max="39" width="7.6640625" style="238" customWidth="1"/>
    <col min="40" max="49" width="9" style="238"/>
    <col min="50" max="50" width="7.6640625" style="238" customWidth="1"/>
    <col min="51" max="60" width="9" style="238"/>
    <col min="61" max="61" width="7.21875" style="238" customWidth="1"/>
    <col min="62" max="71" width="9" style="238"/>
    <col min="72" max="72" width="7.21875" style="238" customWidth="1"/>
    <col min="73" max="82" width="9" style="238"/>
    <col min="83" max="83" width="7.33203125" style="238" customWidth="1"/>
    <col min="84" max="93" width="9" style="238"/>
    <col min="94" max="94" width="7.44140625" style="238" customWidth="1"/>
    <col min="95" max="16384" width="9" style="238"/>
  </cols>
  <sheetData>
    <row r="1" spans="1:101" ht="24" customHeight="1" x14ac:dyDescent="0.2">
      <c r="B1" s="267" t="s">
        <v>123</v>
      </c>
      <c r="I1" s="495">
        <f>第１表!F2</f>
        <v>6</v>
      </c>
      <c r="J1" s="495"/>
      <c r="K1" s="231">
        <f>第１表!G2</f>
        <v>2</v>
      </c>
      <c r="L1" s="499">
        <f>IF(K1&lt;3,K1+12-2,K1-2)</f>
        <v>12</v>
      </c>
      <c r="M1" s="499"/>
    </row>
    <row r="2" spans="1:101" s="268" customFormat="1" ht="24" customHeight="1" thickBot="1" x14ac:dyDescent="0.25">
      <c r="A2" s="39"/>
      <c r="B2" s="267" t="s">
        <v>131</v>
      </c>
    </row>
    <row r="3" spans="1:101" ht="21" customHeight="1" thickBot="1" x14ac:dyDescent="0.25">
      <c r="B3" s="512"/>
      <c r="C3" s="503" t="s">
        <v>114</v>
      </c>
      <c r="D3" s="504"/>
      <c r="E3" s="504"/>
      <c r="F3" s="504"/>
      <c r="G3" s="504"/>
      <c r="H3" s="504"/>
      <c r="I3" s="504"/>
      <c r="J3" s="504"/>
      <c r="K3" s="504"/>
      <c r="L3" s="504"/>
      <c r="M3" s="505"/>
      <c r="N3" s="503" t="s">
        <v>115</v>
      </c>
      <c r="O3" s="504"/>
      <c r="P3" s="504"/>
      <c r="Q3" s="504"/>
      <c r="R3" s="504"/>
      <c r="S3" s="504"/>
      <c r="T3" s="504"/>
      <c r="U3" s="504"/>
      <c r="V3" s="504"/>
      <c r="W3" s="504"/>
      <c r="X3" s="505"/>
      <c r="Y3" s="503" t="s">
        <v>140</v>
      </c>
      <c r="Z3" s="504"/>
      <c r="AA3" s="504"/>
      <c r="AB3" s="504"/>
      <c r="AC3" s="504"/>
      <c r="AD3" s="504"/>
      <c r="AE3" s="504"/>
      <c r="AF3" s="504"/>
      <c r="AG3" s="504"/>
      <c r="AH3" s="504"/>
      <c r="AI3" s="505"/>
      <c r="AJ3" s="503" t="s">
        <v>90</v>
      </c>
      <c r="AK3" s="504"/>
      <c r="AL3" s="504"/>
      <c r="AM3" s="504"/>
      <c r="AN3" s="504"/>
      <c r="AO3" s="504"/>
      <c r="AP3" s="504"/>
      <c r="AQ3" s="504"/>
      <c r="AR3" s="504"/>
      <c r="AS3" s="504"/>
      <c r="AT3" s="505"/>
      <c r="AU3" s="516" t="s">
        <v>89</v>
      </c>
      <c r="AV3" s="517"/>
      <c r="AW3" s="517"/>
      <c r="AX3" s="517"/>
      <c r="AY3" s="517"/>
      <c r="AZ3" s="517"/>
      <c r="BA3" s="517"/>
      <c r="BB3" s="517"/>
      <c r="BC3" s="517"/>
      <c r="BD3" s="517"/>
      <c r="BE3" s="518"/>
      <c r="BF3" s="516" t="s">
        <v>91</v>
      </c>
      <c r="BG3" s="517"/>
      <c r="BH3" s="517"/>
      <c r="BI3" s="517"/>
      <c r="BJ3" s="517"/>
      <c r="BK3" s="517"/>
      <c r="BL3" s="517"/>
      <c r="BM3" s="517"/>
      <c r="BN3" s="517"/>
      <c r="BO3" s="517"/>
      <c r="BP3" s="518"/>
      <c r="BQ3" s="516" t="s">
        <v>92</v>
      </c>
      <c r="BR3" s="517"/>
      <c r="BS3" s="517"/>
      <c r="BT3" s="517"/>
      <c r="BU3" s="517"/>
      <c r="BV3" s="517"/>
      <c r="BW3" s="517"/>
      <c r="BX3" s="517"/>
      <c r="BY3" s="517"/>
      <c r="BZ3" s="517"/>
      <c r="CA3" s="518"/>
      <c r="CB3" s="516" t="s">
        <v>93</v>
      </c>
      <c r="CC3" s="517"/>
      <c r="CD3" s="517"/>
      <c r="CE3" s="517"/>
      <c r="CF3" s="517"/>
      <c r="CG3" s="517"/>
      <c r="CH3" s="517"/>
      <c r="CI3" s="517"/>
      <c r="CJ3" s="517"/>
      <c r="CK3" s="517"/>
      <c r="CL3" s="518"/>
      <c r="CM3" s="517" t="s">
        <v>139</v>
      </c>
      <c r="CN3" s="517"/>
      <c r="CO3" s="517"/>
      <c r="CP3" s="517"/>
      <c r="CQ3" s="517"/>
      <c r="CR3" s="517"/>
      <c r="CS3" s="517"/>
      <c r="CT3" s="517"/>
      <c r="CU3" s="517"/>
      <c r="CV3" s="517"/>
      <c r="CW3" s="518"/>
    </row>
    <row r="4" spans="1:101"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34" t="s">
        <v>61</v>
      </c>
      <c r="AV4" s="532"/>
      <c r="AW4" s="533"/>
      <c r="AX4" s="531" t="s">
        <v>62</v>
      </c>
      <c r="AY4" s="532"/>
      <c r="AZ4" s="532"/>
      <c r="BA4" s="532"/>
      <c r="BB4" s="532"/>
      <c r="BC4" s="532"/>
      <c r="BD4" s="533"/>
      <c r="BE4" s="529" t="s">
        <v>52</v>
      </c>
      <c r="BF4" s="534" t="s">
        <v>61</v>
      </c>
      <c r="BG4" s="532"/>
      <c r="BH4" s="533"/>
      <c r="BI4" s="531" t="s">
        <v>62</v>
      </c>
      <c r="BJ4" s="532"/>
      <c r="BK4" s="532"/>
      <c r="BL4" s="532"/>
      <c r="BM4" s="532"/>
      <c r="BN4" s="532"/>
      <c r="BO4" s="533"/>
      <c r="BP4" s="529" t="s">
        <v>52</v>
      </c>
      <c r="BQ4" s="534" t="s">
        <v>61</v>
      </c>
      <c r="BR4" s="532"/>
      <c r="BS4" s="533"/>
      <c r="BT4" s="531" t="s">
        <v>62</v>
      </c>
      <c r="BU4" s="532"/>
      <c r="BV4" s="532"/>
      <c r="BW4" s="532"/>
      <c r="BX4" s="532"/>
      <c r="BY4" s="532"/>
      <c r="BZ4" s="533"/>
      <c r="CA4" s="529" t="s">
        <v>52</v>
      </c>
      <c r="CB4" s="534" t="s">
        <v>61</v>
      </c>
      <c r="CC4" s="532"/>
      <c r="CD4" s="533"/>
      <c r="CE4" s="531" t="s">
        <v>62</v>
      </c>
      <c r="CF4" s="532"/>
      <c r="CG4" s="532"/>
      <c r="CH4" s="532"/>
      <c r="CI4" s="532"/>
      <c r="CJ4" s="532"/>
      <c r="CK4" s="533"/>
      <c r="CL4" s="529" t="s">
        <v>52</v>
      </c>
      <c r="CM4" s="534" t="s">
        <v>61</v>
      </c>
      <c r="CN4" s="532"/>
      <c r="CO4" s="533"/>
      <c r="CP4" s="531" t="s">
        <v>62</v>
      </c>
      <c r="CQ4" s="532"/>
      <c r="CR4" s="532"/>
      <c r="CS4" s="532"/>
      <c r="CT4" s="532"/>
      <c r="CU4" s="532"/>
      <c r="CV4" s="533"/>
      <c r="CW4" s="529" t="s">
        <v>52</v>
      </c>
    </row>
    <row r="5" spans="1:101" ht="30" customHeight="1" thickBot="1" x14ac:dyDescent="0.25">
      <c r="B5" s="514"/>
      <c r="C5" s="240" t="s">
        <v>43</v>
      </c>
      <c r="D5" s="242" t="s">
        <v>44</v>
      </c>
      <c r="E5" s="243" t="s">
        <v>45</v>
      </c>
      <c r="F5" s="244" t="s">
        <v>83</v>
      </c>
      <c r="G5" s="239" t="s">
        <v>47</v>
      </c>
      <c r="H5" s="239" t="s">
        <v>48</v>
      </c>
      <c r="I5" s="239" t="s">
        <v>49</v>
      </c>
      <c r="J5" s="239" t="s">
        <v>50</v>
      </c>
      <c r="K5" s="239" t="s">
        <v>51</v>
      </c>
      <c r="L5" s="245" t="s">
        <v>45</v>
      </c>
      <c r="M5" s="510"/>
      <c r="N5" s="240" t="s">
        <v>43</v>
      </c>
      <c r="O5" s="239" t="s">
        <v>44</v>
      </c>
      <c r="P5" s="242" t="s">
        <v>45</v>
      </c>
      <c r="Q5" s="244" t="s">
        <v>83</v>
      </c>
      <c r="R5" s="239" t="s">
        <v>47</v>
      </c>
      <c r="S5" s="239" t="s">
        <v>48</v>
      </c>
      <c r="T5" s="239" t="s">
        <v>49</v>
      </c>
      <c r="U5" s="239" t="s">
        <v>50</v>
      </c>
      <c r="V5" s="239" t="s">
        <v>51</v>
      </c>
      <c r="W5" s="242" t="s">
        <v>45</v>
      </c>
      <c r="X5" s="510"/>
      <c r="Y5" s="240" t="s">
        <v>43</v>
      </c>
      <c r="Z5" s="239" t="s">
        <v>44</v>
      </c>
      <c r="AA5" s="242" t="s">
        <v>45</v>
      </c>
      <c r="AB5" s="244" t="s">
        <v>83</v>
      </c>
      <c r="AC5" s="239" t="s">
        <v>47</v>
      </c>
      <c r="AD5" s="239" t="s">
        <v>48</v>
      </c>
      <c r="AE5" s="239" t="s">
        <v>49</v>
      </c>
      <c r="AF5" s="239" t="s">
        <v>50</v>
      </c>
      <c r="AG5" s="239" t="s">
        <v>51</v>
      </c>
      <c r="AH5" s="242" t="s">
        <v>45</v>
      </c>
      <c r="AI5" s="510"/>
      <c r="AJ5" s="300" t="s">
        <v>43</v>
      </c>
      <c r="AK5" s="239" t="s">
        <v>44</v>
      </c>
      <c r="AL5" s="242" t="s">
        <v>45</v>
      </c>
      <c r="AM5" s="244" t="s">
        <v>83</v>
      </c>
      <c r="AN5" s="239" t="s">
        <v>47</v>
      </c>
      <c r="AO5" s="239" t="s">
        <v>48</v>
      </c>
      <c r="AP5" s="239" t="s">
        <v>49</v>
      </c>
      <c r="AQ5" s="239" t="s">
        <v>50</v>
      </c>
      <c r="AR5" s="239" t="s">
        <v>51</v>
      </c>
      <c r="AS5" s="242" t="s">
        <v>45</v>
      </c>
      <c r="AT5" s="510"/>
      <c r="AU5" s="300" t="s">
        <v>43</v>
      </c>
      <c r="AV5" s="239" t="s">
        <v>44</v>
      </c>
      <c r="AW5" s="242" t="s">
        <v>45</v>
      </c>
      <c r="AX5" s="244" t="s">
        <v>83</v>
      </c>
      <c r="AY5" s="239" t="s">
        <v>47</v>
      </c>
      <c r="AZ5" s="239" t="s">
        <v>48</v>
      </c>
      <c r="BA5" s="239" t="s">
        <v>49</v>
      </c>
      <c r="BB5" s="239" t="s">
        <v>50</v>
      </c>
      <c r="BC5" s="239" t="s">
        <v>51</v>
      </c>
      <c r="BD5" s="242" t="s">
        <v>45</v>
      </c>
      <c r="BE5" s="530"/>
      <c r="BF5" s="300" t="s">
        <v>43</v>
      </c>
      <c r="BG5" s="239" t="s">
        <v>44</v>
      </c>
      <c r="BH5" s="242" t="s">
        <v>45</v>
      </c>
      <c r="BI5" s="244" t="s">
        <v>83</v>
      </c>
      <c r="BJ5" s="239" t="s">
        <v>47</v>
      </c>
      <c r="BK5" s="239" t="s">
        <v>48</v>
      </c>
      <c r="BL5" s="239" t="s">
        <v>49</v>
      </c>
      <c r="BM5" s="239" t="s">
        <v>50</v>
      </c>
      <c r="BN5" s="239" t="s">
        <v>51</v>
      </c>
      <c r="BO5" s="242" t="s">
        <v>45</v>
      </c>
      <c r="BP5" s="530"/>
      <c r="BQ5" s="300" t="s">
        <v>43</v>
      </c>
      <c r="BR5" s="239" t="s">
        <v>44</v>
      </c>
      <c r="BS5" s="242" t="s">
        <v>45</v>
      </c>
      <c r="BT5" s="244" t="s">
        <v>83</v>
      </c>
      <c r="BU5" s="239" t="s">
        <v>47</v>
      </c>
      <c r="BV5" s="239" t="s">
        <v>48</v>
      </c>
      <c r="BW5" s="239" t="s">
        <v>49</v>
      </c>
      <c r="BX5" s="239" t="s">
        <v>50</v>
      </c>
      <c r="BY5" s="239" t="s">
        <v>51</v>
      </c>
      <c r="BZ5" s="242" t="s">
        <v>45</v>
      </c>
      <c r="CA5" s="530"/>
      <c r="CB5" s="300" t="s">
        <v>43</v>
      </c>
      <c r="CC5" s="239" t="s">
        <v>44</v>
      </c>
      <c r="CD5" s="242" t="s">
        <v>45</v>
      </c>
      <c r="CE5" s="244" t="s">
        <v>83</v>
      </c>
      <c r="CF5" s="239" t="s">
        <v>47</v>
      </c>
      <c r="CG5" s="239" t="s">
        <v>48</v>
      </c>
      <c r="CH5" s="239" t="s">
        <v>49</v>
      </c>
      <c r="CI5" s="239" t="s">
        <v>50</v>
      </c>
      <c r="CJ5" s="239" t="s">
        <v>51</v>
      </c>
      <c r="CK5" s="242" t="s">
        <v>45</v>
      </c>
      <c r="CL5" s="530"/>
      <c r="CM5" s="300" t="s">
        <v>43</v>
      </c>
      <c r="CN5" s="239" t="s">
        <v>44</v>
      </c>
      <c r="CO5" s="242" t="s">
        <v>45</v>
      </c>
      <c r="CP5" s="244" t="s">
        <v>83</v>
      </c>
      <c r="CQ5" s="239" t="s">
        <v>47</v>
      </c>
      <c r="CR5" s="239" t="s">
        <v>48</v>
      </c>
      <c r="CS5" s="239" t="s">
        <v>49</v>
      </c>
      <c r="CT5" s="239" t="s">
        <v>50</v>
      </c>
      <c r="CU5" s="239" t="s">
        <v>51</v>
      </c>
      <c r="CV5" s="242" t="s">
        <v>45</v>
      </c>
      <c r="CW5" s="530"/>
    </row>
    <row r="6" spans="1:101" ht="21" customHeight="1" x14ac:dyDescent="0.2">
      <c r="B6" s="435" t="s">
        <v>4</v>
      </c>
      <c r="C6" s="246">
        <v>0</v>
      </c>
      <c r="D6" s="247">
        <v>0</v>
      </c>
      <c r="E6" s="248">
        <v>0</v>
      </c>
      <c r="F6" s="249">
        <v>0</v>
      </c>
      <c r="G6" s="250">
        <v>313</v>
      </c>
      <c r="H6" s="250">
        <v>408</v>
      </c>
      <c r="I6" s="250">
        <v>342</v>
      </c>
      <c r="J6" s="250">
        <v>437</v>
      </c>
      <c r="K6" s="250">
        <v>391</v>
      </c>
      <c r="L6" s="251">
        <v>1891</v>
      </c>
      <c r="M6" s="252">
        <v>1891</v>
      </c>
      <c r="N6" s="246">
        <v>0</v>
      </c>
      <c r="O6" s="250">
        <v>0</v>
      </c>
      <c r="P6" s="247">
        <v>0</v>
      </c>
      <c r="Q6" s="249">
        <v>0</v>
      </c>
      <c r="R6" s="250">
        <v>199</v>
      </c>
      <c r="S6" s="250">
        <v>550</v>
      </c>
      <c r="T6" s="250">
        <v>475</v>
      </c>
      <c r="U6" s="250">
        <v>454</v>
      </c>
      <c r="V6" s="250">
        <v>424</v>
      </c>
      <c r="W6" s="247">
        <v>2102</v>
      </c>
      <c r="X6" s="252">
        <v>2102</v>
      </c>
      <c r="Y6" s="246">
        <v>0</v>
      </c>
      <c r="Z6" s="250">
        <v>1</v>
      </c>
      <c r="AA6" s="247">
        <v>1</v>
      </c>
      <c r="AB6" s="249">
        <v>0</v>
      </c>
      <c r="AC6" s="250">
        <v>13972</v>
      </c>
      <c r="AD6" s="250">
        <v>13107</v>
      </c>
      <c r="AE6" s="250">
        <v>6149</v>
      </c>
      <c r="AF6" s="250">
        <v>2953</v>
      </c>
      <c r="AG6" s="250">
        <v>1325</v>
      </c>
      <c r="AH6" s="247">
        <v>37506</v>
      </c>
      <c r="AI6" s="252">
        <v>37507</v>
      </c>
      <c r="AJ6" s="246">
        <v>7</v>
      </c>
      <c r="AK6" s="250">
        <v>7</v>
      </c>
      <c r="AL6" s="247">
        <v>14</v>
      </c>
      <c r="AM6" s="249">
        <v>0</v>
      </c>
      <c r="AN6" s="250">
        <v>806</v>
      </c>
      <c r="AO6" s="250">
        <v>997</v>
      </c>
      <c r="AP6" s="250">
        <v>1089</v>
      </c>
      <c r="AQ6" s="250">
        <v>622</v>
      </c>
      <c r="AR6" s="250">
        <v>457</v>
      </c>
      <c r="AS6" s="247">
        <v>3971</v>
      </c>
      <c r="AT6" s="252">
        <v>3985</v>
      </c>
      <c r="AU6" s="246">
        <v>174</v>
      </c>
      <c r="AV6" s="250">
        <v>275</v>
      </c>
      <c r="AW6" s="247">
        <v>449</v>
      </c>
      <c r="AX6" s="249">
        <v>0</v>
      </c>
      <c r="AY6" s="250">
        <v>1483</v>
      </c>
      <c r="AZ6" s="250">
        <v>1616</v>
      </c>
      <c r="BA6" s="250">
        <v>1352</v>
      </c>
      <c r="BB6" s="250">
        <v>927</v>
      </c>
      <c r="BC6" s="250">
        <v>540</v>
      </c>
      <c r="BD6" s="247">
        <v>5918</v>
      </c>
      <c r="BE6" s="252">
        <v>6367</v>
      </c>
      <c r="BF6" s="246">
        <v>0</v>
      </c>
      <c r="BG6" s="250">
        <v>42</v>
      </c>
      <c r="BH6" s="247">
        <v>42</v>
      </c>
      <c r="BI6" s="249">
        <v>0</v>
      </c>
      <c r="BJ6" s="250">
        <v>2483</v>
      </c>
      <c r="BK6" s="250">
        <v>3256</v>
      </c>
      <c r="BL6" s="250">
        <v>3663</v>
      </c>
      <c r="BM6" s="250">
        <v>2427</v>
      </c>
      <c r="BN6" s="250">
        <v>1608</v>
      </c>
      <c r="BO6" s="251">
        <v>13437</v>
      </c>
      <c r="BP6" s="252">
        <v>13479</v>
      </c>
      <c r="BQ6" s="246">
        <v>0</v>
      </c>
      <c r="BR6" s="250">
        <v>0</v>
      </c>
      <c r="BS6" s="247">
        <v>0</v>
      </c>
      <c r="BT6" s="249">
        <v>0</v>
      </c>
      <c r="BU6" s="250">
        <v>45</v>
      </c>
      <c r="BV6" s="250">
        <v>44</v>
      </c>
      <c r="BW6" s="250">
        <v>62</v>
      </c>
      <c r="BX6" s="250">
        <v>68</v>
      </c>
      <c r="BY6" s="250">
        <v>55</v>
      </c>
      <c r="BZ6" s="247">
        <v>274</v>
      </c>
      <c r="CA6" s="252">
        <v>274</v>
      </c>
      <c r="CB6" s="246">
        <v>0</v>
      </c>
      <c r="CC6" s="250">
        <v>0</v>
      </c>
      <c r="CD6" s="247">
        <v>0</v>
      </c>
      <c r="CE6" s="249">
        <v>0</v>
      </c>
      <c r="CF6" s="250">
        <v>6</v>
      </c>
      <c r="CG6" s="250">
        <v>29</v>
      </c>
      <c r="CH6" s="250">
        <v>214</v>
      </c>
      <c r="CI6" s="250">
        <v>333</v>
      </c>
      <c r="CJ6" s="250">
        <v>246</v>
      </c>
      <c r="CK6" s="247">
        <v>828</v>
      </c>
      <c r="CL6" s="252">
        <v>828</v>
      </c>
      <c r="CM6" s="246">
        <v>0</v>
      </c>
      <c r="CN6" s="250">
        <v>0</v>
      </c>
      <c r="CO6" s="247">
        <v>0</v>
      </c>
      <c r="CP6" s="249">
        <v>0</v>
      </c>
      <c r="CQ6" s="250">
        <v>195</v>
      </c>
      <c r="CR6" s="250">
        <v>326</v>
      </c>
      <c r="CS6" s="250">
        <v>288</v>
      </c>
      <c r="CT6" s="250">
        <v>382</v>
      </c>
      <c r="CU6" s="250">
        <v>451</v>
      </c>
      <c r="CV6" s="247">
        <v>1642</v>
      </c>
      <c r="CW6" s="252">
        <v>1642</v>
      </c>
    </row>
    <row r="7" spans="1:101" ht="21" customHeight="1" x14ac:dyDescent="0.2">
      <c r="B7" s="436" t="s">
        <v>5</v>
      </c>
      <c r="C7" s="253">
        <v>0</v>
      </c>
      <c r="D7" s="254">
        <v>0</v>
      </c>
      <c r="E7" s="255">
        <v>0</v>
      </c>
      <c r="F7" s="256">
        <v>0</v>
      </c>
      <c r="G7" s="257">
        <v>124</v>
      </c>
      <c r="H7" s="257">
        <v>190</v>
      </c>
      <c r="I7" s="257">
        <v>169</v>
      </c>
      <c r="J7" s="257">
        <v>206</v>
      </c>
      <c r="K7" s="257">
        <v>178</v>
      </c>
      <c r="L7" s="258">
        <v>867</v>
      </c>
      <c r="M7" s="259">
        <v>867</v>
      </c>
      <c r="N7" s="253">
        <v>0</v>
      </c>
      <c r="O7" s="257">
        <v>0</v>
      </c>
      <c r="P7" s="254">
        <v>0</v>
      </c>
      <c r="Q7" s="256">
        <v>0</v>
      </c>
      <c r="R7" s="257">
        <v>97</v>
      </c>
      <c r="S7" s="257">
        <v>400</v>
      </c>
      <c r="T7" s="257">
        <v>350</v>
      </c>
      <c r="U7" s="257">
        <v>338</v>
      </c>
      <c r="V7" s="257">
        <v>315</v>
      </c>
      <c r="W7" s="254">
        <v>1500</v>
      </c>
      <c r="X7" s="259">
        <v>1500</v>
      </c>
      <c r="Y7" s="253">
        <v>0</v>
      </c>
      <c r="Z7" s="257">
        <v>1</v>
      </c>
      <c r="AA7" s="254">
        <v>1</v>
      </c>
      <c r="AB7" s="256">
        <v>0</v>
      </c>
      <c r="AC7" s="257">
        <v>5043</v>
      </c>
      <c r="AD7" s="257">
        <v>6429</v>
      </c>
      <c r="AE7" s="257">
        <v>2870</v>
      </c>
      <c r="AF7" s="257">
        <v>1379</v>
      </c>
      <c r="AG7" s="257">
        <v>619</v>
      </c>
      <c r="AH7" s="254">
        <v>16340</v>
      </c>
      <c r="AI7" s="259">
        <v>16341</v>
      </c>
      <c r="AJ7" s="253">
        <v>3</v>
      </c>
      <c r="AK7" s="257">
        <v>2</v>
      </c>
      <c r="AL7" s="254">
        <v>5</v>
      </c>
      <c r="AM7" s="256">
        <v>0</v>
      </c>
      <c r="AN7" s="257">
        <v>406</v>
      </c>
      <c r="AO7" s="257">
        <v>502</v>
      </c>
      <c r="AP7" s="257">
        <v>542</v>
      </c>
      <c r="AQ7" s="257">
        <v>355</v>
      </c>
      <c r="AR7" s="257">
        <v>233</v>
      </c>
      <c r="AS7" s="254">
        <v>2038</v>
      </c>
      <c r="AT7" s="259">
        <v>2043</v>
      </c>
      <c r="AU7" s="253">
        <v>71</v>
      </c>
      <c r="AV7" s="257">
        <v>105</v>
      </c>
      <c r="AW7" s="254">
        <v>176</v>
      </c>
      <c r="AX7" s="256">
        <v>0</v>
      </c>
      <c r="AY7" s="257">
        <v>566</v>
      </c>
      <c r="AZ7" s="257">
        <v>708</v>
      </c>
      <c r="BA7" s="257">
        <v>546</v>
      </c>
      <c r="BB7" s="257">
        <v>432</v>
      </c>
      <c r="BC7" s="257">
        <v>264</v>
      </c>
      <c r="BD7" s="254">
        <v>2516</v>
      </c>
      <c r="BE7" s="259">
        <v>2692</v>
      </c>
      <c r="BF7" s="253">
        <v>0</v>
      </c>
      <c r="BG7" s="257">
        <v>17</v>
      </c>
      <c r="BH7" s="254">
        <v>17</v>
      </c>
      <c r="BI7" s="256">
        <v>0</v>
      </c>
      <c r="BJ7" s="257">
        <v>1117</v>
      </c>
      <c r="BK7" s="257">
        <v>1381</v>
      </c>
      <c r="BL7" s="257">
        <v>1566</v>
      </c>
      <c r="BM7" s="257">
        <v>1052</v>
      </c>
      <c r="BN7" s="257">
        <v>729</v>
      </c>
      <c r="BO7" s="258">
        <v>5845</v>
      </c>
      <c r="BP7" s="259">
        <v>5862</v>
      </c>
      <c r="BQ7" s="253">
        <v>0</v>
      </c>
      <c r="BR7" s="257">
        <v>0</v>
      </c>
      <c r="BS7" s="254">
        <v>0</v>
      </c>
      <c r="BT7" s="256">
        <v>0</v>
      </c>
      <c r="BU7" s="257">
        <v>0</v>
      </c>
      <c r="BV7" s="257">
        <v>2</v>
      </c>
      <c r="BW7" s="257">
        <v>5</v>
      </c>
      <c r="BX7" s="257">
        <v>0</v>
      </c>
      <c r="BY7" s="257">
        <v>5</v>
      </c>
      <c r="BZ7" s="254">
        <v>12</v>
      </c>
      <c r="CA7" s="259">
        <v>12</v>
      </c>
      <c r="CB7" s="253">
        <v>0</v>
      </c>
      <c r="CC7" s="257">
        <v>0</v>
      </c>
      <c r="CD7" s="254">
        <v>0</v>
      </c>
      <c r="CE7" s="256">
        <v>0</v>
      </c>
      <c r="CF7" s="257">
        <v>3</v>
      </c>
      <c r="CG7" s="257">
        <v>11</v>
      </c>
      <c r="CH7" s="257">
        <v>24</v>
      </c>
      <c r="CI7" s="257">
        <v>37</v>
      </c>
      <c r="CJ7" s="257">
        <v>39</v>
      </c>
      <c r="CK7" s="254">
        <v>114</v>
      </c>
      <c r="CL7" s="259">
        <v>114</v>
      </c>
      <c r="CM7" s="253">
        <v>0</v>
      </c>
      <c r="CN7" s="257">
        <v>0</v>
      </c>
      <c r="CO7" s="254">
        <v>0</v>
      </c>
      <c r="CP7" s="256">
        <v>0</v>
      </c>
      <c r="CQ7" s="257">
        <v>23</v>
      </c>
      <c r="CR7" s="257">
        <v>73</v>
      </c>
      <c r="CS7" s="257">
        <v>65</v>
      </c>
      <c r="CT7" s="257">
        <v>104</v>
      </c>
      <c r="CU7" s="257">
        <v>168</v>
      </c>
      <c r="CV7" s="254">
        <v>433</v>
      </c>
      <c r="CW7" s="259">
        <v>433</v>
      </c>
    </row>
    <row r="8" spans="1:101" ht="21" customHeight="1" x14ac:dyDescent="0.2">
      <c r="B8" s="437" t="s">
        <v>6</v>
      </c>
      <c r="C8" s="253">
        <v>0</v>
      </c>
      <c r="D8" s="254">
        <v>0</v>
      </c>
      <c r="E8" s="255">
        <v>0</v>
      </c>
      <c r="F8" s="256">
        <v>0</v>
      </c>
      <c r="G8" s="257">
        <v>74</v>
      </c>
      <c r="H8" s="257">
        <v>71</v>
      </c>
      <c r="I8" s="257">
        <v>72</v>
      </c>
      <c r="J8" s="257">
        <v>106</v>
      </c>
      <c r="K8" s="257">
        <v>104</v>
      </c>
      <c r="L8" s="258">
        <v>427</v>
      </c>
      <c r="M8" s="259">
        <v>427</v>
      </c>
      <c r="N8" s="253">
        <v>0</v>
      </c>
      <c r="O8" s="257">
        <v>0</v>
      </c>
      <c r="P8" s="254">
        <v>0</v>
      </c>
      <c r="Q8" s="256">
        <v>0</v>
      </c>
      <c r="R8" s="257">
        <v>71</v>
      </c>
      <c r="S8" s="257">
        <v>123</v>
      </c>
      <c r="T8" s="257">
        <v>99</v>
      </c>
      <c r="U8" s="257">
        <v>92</v>
      </c>
      <c r="V8" s="257">
        <v>93</v>
      </c>
      <c r="W8" s="254">
        <v>478</v>
      </c>
      <c r="X8" s="259">
        <v>478</v>
      </c>
      <c r="Y8" s="253">
        <v>0</v>
      </c>
      <c r="Z8" s="257">
        <v>0</v>
      </c>
      <c r="AA8" s="254">
        <v>0</v>
      </c>
      <c r="AB8" s="256">
        <v>0</v>
      </c>
      <c r="AC8" s="257">
        <v>1929</v>
      </c>
      <c r="AD8" s="257">
        <v>1409</v>
      </c>
      <c r="AE8" s="257">
        <v>738</v>
      </c>
      <c r="AF8" s="257">
        <v>412</v>
      </c>
      <c r="AG8" s="257">
        <v>210</v>
      </c>
      <c r="AH8" s="254">
        <v>4698</v>
      </c>
      <c r="AI8" s="259">
        <v>4698</v>
      </c>
      <c r="AJ8" s="253">
        <v>2</v>
      </c>
      <c r="AK8" s="257">
        <v>1</v>
      </c>
      <c r="AL8" s="254">
        <v>3</v>
      </c>
      <c r="AM8" s="256">
        <v>0</v>
      </c>
      <c r="AN8" s="257">
        <v>162</v>
      </c>
      <c r="AO8" s="257">
        <v>223</v>
      </c>
      <c r="AP8" s="257">
        <v>238</v>
      </c>
      <c r="AQ8" s="257">
        <v>125</v>
      </c>
      <c r="AR8" s="257">
        <v>105</v>
      </c>
      <c r="AS8" s="254">
        <v>853</v>
      </c>
      <c r="AT8" s="259">
        <v>856</v>
      </c>
      <c r="AU8" s="253">
        <v>22</v>
      </c>
      <c r="AV8" s="257">
        <v>37</v>
      </c>
      <c r="AW8" s="254">
        <v>59</v>
      </c>
      <c r="AX8" s="256">
        <v>0</v>
      </c>
      <c r="AY8" s="257">
        <v>242</v>
      </c>
      <c r="AZ8" s="257">
        <v>234</v>
      </c>
      <c r="BA8" s="257">
        <v>192</v>
      </c>
      <c r="BB8" s="257">
        <v>125</v>
      </c>
      <c r="BC8" s="257">
        <v>69</v>
      </c>
      <c r="BD8" s="254">
        <v>862</v>
      </c>
      <c r="BE8" s="259">
        <v>921</v>
      </c>
      <c r="BF8" s="253">
        <v>0</v>
      </c>
      <c r="BG8" s="257">
        <v>5</v>
      </c>
      <c r="BH8" s="254">
        <v>5</v>
      </c>
      <c r="BI8" s="256">
        <v>0</v>
      </c>
      <c r="BJ8" s="257">
        <v>457</v>
      </c>
      <c r="BK8" s="257">
        <v>591</v>
      </c>
      <c r="BL8" s="257">
        <v>559</v>
      </c>
      <c r="BM8" s="257">
        <v>375</v>
      </c>
      <c r="BN8" s="257">
        <v>265</v>
      </c>
      <c r="BO8" s="258">
        <v>2247</v>
      </c>
      <c r="BP8" s="259">
        <v>2252</v>
      </c>
      <c r="BQ8" s="253">
        <v>0</v>
      </c>
      <c r="BR8" s="257">
        <v>0</v>
      </c>
      <c r="BS8" s="254">
        <v>0</v>
      </c>
      <c r="BT8" s="256">
        <v>0</v>
      </c>
      <c r="BU8" s="257">
        <v>0</v>
      </c>
      <c r="BV8" s="257">
        <v>0</v>
      </c>
      <c r="BW8" s="257">
        <v>0</v>
      </c>
      <c r="BX8" s="257">
        <v>0</v>
      </c>
      <c r="BY8" s="257">
        <v>0</v>
      </c>
      <c r="BZ8" s="254">
        <v>0</v>
      </c>
      <c r="CA8" s="259">
        <v>0</v>
      </c>
      <c r="CB8" s="253">
        <v>0</v>
      </c>
      <c r="CC8" s="257">
        <v>0</v>
      </c>
      <c r="CD8" s="254">
        <v>0</v>
      </c>
      <c r="CE8" s="256">
        <v>0</v>
      </c>
      <c r="CF8" s="257">
        <v>2</v>
      </c>
      <c r="CG8" s="257">
        <v>6</v>
      </c>
      <c r="CH8" s="257">
        <v>72</v>
      </c>
      <c r="CI8" s="257">
        <v>95</v>
      </c>
      <c r="CJ8" s="257">
        <v>69</v>
      </c>
      <c r="CK8" s="254">
        <v>244</v>
      </c>
      <c r="CL8" s="259">
        <v>244</v>
      </c>
      <c r="CM8" s="253">
        <v>0</v>
      </c>
      <c r="CN8" s="257">
        <v>0</v>
      </c>
      <c r="CO8" s="254">
        <v>0</v>
      </c>
      <c r="CP8" s="256">
        <v>0</v>
      </c>
      <c r="CQ8" s="257">
        <v>66</v>
      </c>
      <c r="CR8" s="257">
        <v>90</v>
      </c>
      <c r="CS8" s="257">
        <v>60</v>
      </c>
      <c r="CT8" s="257">
        <v>92</v>
      </c>
      <c r="CU8" s="257">
        <v>101</v>
      </c>
      <c r="CV8" s="254">
        <v>409</v>
      </c>
      <c r="CW8" s="259">
        <v>409</v>
      </c>
    </row>
    <row r="9" spans="1:101" ht="21" customHeight="1" x14ac:dyDescent="0.2">
      <c r="B9" s="437" t="s">
        <v>14</v>
      </c>
      <c r="C9" s="253">
        <v>0</v>
      </c>
      <c r="D9" s="254">
        <v>0</v>
      </c>
      <c r="E9" s="255">
        <v>0</v>
      </c>
      <c r="F9" s="256">
        <v>0</v>
      </c>
      <c r="G9" s="257">
        <v>28</v>
      </c>
      <c r="H9" s="257">
        <v>39</v>
      </c>
      <c r="I9" s="257">
        <v>31</v>
      </c>
      <c r="J9" s="257">
        <v>36</v>
      </c>
      <c r="K9" s="257">
        <v>34</v>
      </c>
      <c r="L9" s="258">
        <v>168</v>
      </c>
      <c r="M9" s="259">
        <v>168</v>
      </c>
      <c r="N9" s="253">
        <v>0</v>
      </c>
      <c r="O9" s="257">
        <v>0</v>
      </c>
      <c r="P9" s="254">
        <v>0</v>
      </c>
      <c r="Q9" s="256">
        <v>0</v>
      </c>
      <c r="R9" s="257">
        <v>0</v>
      </c>
      <c r="S9" s="257">
        <v>0</v>
      </c>
      <c r="T9" s="257">
        <v>0</v>
      </c>
      <c r="U9" s="257">
        <v>0</v>
      </c>
      <c r="V9" s="257">
        <v>0</v>
      </c>
      <c r="W9" s="254">
        <v>0</v>
      </c>
      <c r="X9" s="259">
        <v>0</v>
      </c>
      <c r="Y9" s="253">
        <v>0</v>
      </c>
      <c r="Z9" s="257">
        <v>0</v>
      </c>
      <c r="AA9" s="254">
        <v>0</v>
      </c>
      <c r="AB9" s="256">
        <v>0</v>
      </c>
      <c r="AC9" s="257">
        <v>1118</v>
      </c>
      <c r="AD9" s="257">
        <v>1181</v>
      </c>
      <c r="AE9" s="257">
        <v>547</v>
      </c>
      <c r="AF9" s="257">
        <v>259</v>
      </c>
      <c r="AG9" s="257">
        <v>117</v>
      </c>
      <c r="AH9" s="254">
        <v>3222</v>
      </c>
      <c r="AI9" s="259">
        <v>3222</v>
      </c>
      <c r="AJ9" s="253">
        <v>0</v>
      </c>
      <c r="AK9" s="257">
        <v>0</v>
      </c>
      <c r="AL9" s="254">
        <v>0</v>
      </c>
      <c r="AM9" s="256">
        <v>0</v>
      </c>
      <c r="AN9" s="257">
        <v>32</v>
      </c>
      <c r="AO9" s="257">
        <v>36</v>
      </c>
      <c r="AP9" s="257">
        <v>57</v>
      </c>
      <c r="AQ9" s="257">
        <v>27</v>
      </c>
      <c r="AR9" s="257">
        <v>28</v>
      </c>
      <c r="AS9" s="254">
        <v>180</v>
      </c>
      <c r="AT9" s="259">
        <v>180</v>
      </c>
      <c r="AU9" s="253">
        <v>20</v>
      </c>
      <c r="AV9" s="257">
        <v>31</v>
      </c>
      <c r="AW9" s="254">
        <v>51</v>
      </c>
      <c r="AX9" s="256">
        <v>0</v>
      </c>
      <c r="AY9" s="257">
        <v>114</v>
      </c>
      <c r="AZ9" s="257">
        <v>145</v>
      </c>
      <c r="BA9" s="257">
        <v>123</v>
      </c>
      <c r="BB9" s="257">
        <v>75</v>
      </c>
      <c r="BC9" s="257">
        <v>29</v>
      </c>
      <c r="BD9" s="254">
        <v>486</v>
      </c>
      <c r="BE9" s="259">
        <v>537</v>
      </c>
      <c r="BF9" s="253">
        <v>0</v>
      </c>
      <c r="BG9" s="257">
        <v>2</v>
      </c>
      <c r="BH9" s="254">
        <v>2</v>
      </c>
      <c r="BI9" s="256">
        <v>0</v>
      </c>
      <c r="BJ9" s="257">
        <v>198</v>
      </c>
      <c r="BK9" s="257">
        <v>280</v>
      </c>
      <c r="BL9" s="257">
        <v>389</v>
      </c>
      <c r="BM9" s="257">
        <v>208</v>
      </c>
      <c r="BN9" s="257">
        <v>133</v>
      </c>
      <c r="BO9" s="258">
        <v>1208</v>
      </c>
      <c r="BP9" s="259">
        <v>1210</v>
      </c>
      <c r="BQ9" s="253">
        <v>0</v>
      </c>
      <c r="BR9" s="257">
        <v>0</v>
      </c>
      <c r="BS9" s="254">
        <v>0</v>
      </c>
      <c r="BT9" s="256">
        <v>0</v>
      </c>
      <c r="BU9" s="257">
        <v>0</v>
      </c>
      <c r="BV9" s="257">
        <v>0</v>
      </c>
      <c r="BW9" s="257">
        <v>0</v>
      </c>
      <c r="BX9" s="257">
        <v>0</v>
      </c>
      <c r="BY9" s="257">
        <v>0</v>
      </c>
      <c r="BZ9" s="254">
        <v>0</v>
      </c>
      <c r="CA9" s="259">
        <v>0</v>
      </c>
      <c r="CB9" s="253">
        <v>0</v>
      </c>
      <c r="CC9" s="257">
        <v>0</v>
      </c>
      <c r="CD9" s="254">
        <v>0</v>
      </c>
      <c r="CE9" s="256">
        <v>0</v>
      </c>
      <c r="CF9" s="257">
        <v>0</v>
      </c>
      <c r="CG9" s="257">
        <v>1</v>
      </c>
      <c r="CH9" s="257">
        <v>12</v>
      </c>
      <c r="CI9" s="257">
        <v>27</v>
      </c>
      <c r="CJ9" s="257">
        <v>14</v>
      </c>
      <c r="CK9" s="254">
        <v>54</v>
      </c>
      <c r="CL9" s="259">
        <v>54</v>
      </c>
      <c r="CM9" s="253">
        <v>0</v>
      </c>
      <c r="CN9" s="257">
        <v>0</v>
      </c>
      <c r="CO9" s="254">
        <v>0</v>
      </c>
      <c r="CP9" s="256">
        <v>0</v>
      </c>
      <c r="CQ9" s="257">
        <v>10</v>
      </c>
      <c r="CR9" s="257">
        <v>25</v>
      </c>
      <c r="CS9" s="257">
        <v>24</v>
      </c>
      <c r="CT9" s="257">
        <v>38</v>
      </c>
      <c r="CU9" s="257">
        <v>33</v>
      </c>
      <c r="CV9" s="254">
        <v>130</v>
      </c>
      <c r="CW9" s="259">
        <v>130</v>
      </c>
    </row>
    <row r="10" spans="1:101" ht="21" customHeight="1" x14ac:dyDescent="0.2">
      <c r="B10" s="437" t="s">
        <v>7</v>
      </c>
      <c r="C10" s="253">
        <v>0</v>
      </c>
      <c r="D10" s="254">
        <v>0</v>
      </c>
      <c r="E10" s="255">
        <v>0</v>
      </c>
      <c r="F10" s="256">
        <v>0</v>
      </c>
      <c r="G10" s="257">
        <v>8</v>
      </c>
      <c r="H10" s="257">
        <v>11</v>
      </c>
      <c r="I10" s="257">
        <v>3</v>
      </c>
      <c r="J10" s="257">
        <v>10</v>
      </c>
      <c r="K10" s="257">
        <v>9</v>
      </c>
      <c r="L10" s="258">
        <v>41</v>
      </c>
      <c r="M10" s="259">
        <v>41</v>
      </c>
      <c r="N10" s="253">
        <v>0</v>
      </c>
      <c r="O10" s="257">
        <v>0</v>
      </c>
      <c r="P10" s="254">
        <v>0</v>
      </c>
      <c r="Q10" s="256">
        <v>0</v>
      </c>
      <c r="R10" s="257">
        <v>0</v>
      </c>
      <c r="S10" s="257">
        <v>0</v>
      </c>
      <c r="T10" s="257">
        <v>0</v>
      </c>
      <c r="U10" s="257">
        <v>0</v>
      </c>
      <c r="V10" s="257">
        <v>0</v>
      </c>
      <c r="W10" s="254">
        <v>0</v>
      </c>
      <c r="X10" s="259">
        <v>0</v>
      </c>
      <c r="Y10" s="253">
        <v>0</v>
      </c>
      <c r="Z10" s="257">
        <v>0</v>
      </c>
      <c r="AA10" s="254">
        <v>0</v>
      </c>
      <c r="AB10" s="256">
        <v>0</v>
      </c>
      <c r="AC10" s="257">
        <v>1142</v>
      </c>
      <c r="AD10" s="257">
        <v>681</v>
      </c>
      <c r="AE10" s="257">
        <v>272</v>
      </c>
      <c r="AF10" s="257">
        <v>116</v>
      </c>
      <c r="AG10" s="257">
        <v>53</v>
      </c>
      <c r="AH10" s="254">
        <v>2264</v>
      </c>
      <c r="AI10" s="259">
        <v>2264</v>
      </c>
      <c r="AJ10" s="253">
        <v>0</v>
      </c>
      <c r="AK10" s="257">
        <v>0</v>
      </c>
      <c r="AL10" s="254">
        <v>0</v>
      </c>
      <c r="AM10" s="256">
        <v>0</v>
      </c>
      <c r="AN10" s="257">
        <v>88</v>
      </c>
      <c r="AO10" s="257">
        <v>93</v>
      </c>
      <c r="AP10" s="257">
        <v>94</v>
      </c>
      <c r="AQ10" s="257">
        <v>41</v>
      </c>
      <c r="AR10" s="257">
        <v>19</v>
      </c>
      <c r="AS10" s="254">
        <v>335</v>
      </c>
      <c r="AT10" s="259">
        <v>335</v>
      </c>
      <c r="AU10" s="253">
        <v>3</v>
      </c>
      <c r="AV10" s="257">
        <v>2</v>
      </c>
      <c r="AW10" s="254">
        <v>5</v>
      </c>
      <c r="AX10" s="256">
        <v>0</v>
      </c>
      <c r="AY10" s="257">
        <v>50</v>
      </c>
      <c r="AZ10" s="257">
        <v>32</v>
      </c>
      <c r="BA10" s="257">
        <v>35</v>
      </c>
      <c r="BB10" s="257">
        <v>20</v>
      </c>
      <c r="BC10" s="257">
        <v>8</v>
      </c>
      <c r="BD10" s="254">
        <v>145</v>
      </c>
      <c r="BE10" s="259">
        <v>150</v>
      </c>
      <c r="BF10" s="253">
        <v>0</v>
      </c>
      <c r="BG10" s="257">
        <v>1</v>
      </c>
      <c r="BH10" s="254">
        <v>1</v>
      </c>
      <c r="BI10" s="256">
        <v>0</v>
      </c>
      <c r="BJ10" s="257">
        <v>122</v>
      </c>
      <c r="BK10" s="257">
        <v>153</v>
      </c>
      <c r="BL10" s="257">
        <v>155</v>
      </c>
      <c r="BM10" s="257">
        <v>131</v>
      </c>
      <c r="BN10" s="257">
        <v>73</v>
      </c>
      <c r="BO10" s="258">
        <v>634</v>
      </c>
      <c r="BP10" s="259">
        <v>635</v>
      </c>
      <c r="BQ10" s="253">
        <v>0</v>
      </c>
      <c r="BR10" s="257">
        <v>0</v>
      </c>
      <c r="BS10" s="254">
        <v>0</v>
      </c>
      <c r="BT10" s="256">
        <v>0</v>
      </c>
      <c r="BU10" s="257">
        <v>0</v>
      </c>
      <c r="BV10" s="257">
        <v>0</v>
      </c>
      <c r="BW10" s="257">
        <v>0</v>
      </c>
      <c r="BX10" s="257">
        <v>0</v>
      </c>
      <c r="BY10" s="257">
        <v>0</v>
      </c>
      <c r="BZ10" s="254">
        <v>0</v>
      </c>
      <c r="CA10" s="259">
        <v>0</v>
      </c>
      <c r="CB10" s="253">
        <v>0</v>
      </c>
      <c r="CC10" s="257">
        <v>0</v>
      </c>
      <c r="CD10" s="254">
        <v>0</v>
      </c>
      <c r="CE10" s="256">
        <v>0</v>
      </c>
      <c r="CF10" s="257">
        <v>0</v>
      </c>
      <c r="CG10" s="257">
        <v>0</v>
      </c>
      <c r="CH10" s="257">
        <v>0</v>
      </c>
      <c r="CI10" s="257">
        <v>0</v>
      </c>
      <c r="CJ10" s="257">
        <v>0</v>
      </c>
      <c r="CK10" s="254">
        <v>0</v>
      </c>
      <c r="CL10" s="259">
        <v>0</v>
      </c>
      <c r="CM10" s="253">
        <v>0</v>
      </c>
      <c r="CN10" s="257">
        <v>0</v>
      </c>
      <c r="CO10" s="254">
        <v>0</v>
      </c>
      <c r="CP10" s="256">
        <v>0</v>
      </c>
      <c r="CQ10" s="257">
        <v>15</v>
      </c>
      <c r="CR10" s="257">
        <v>14</v>
      </c>
      <c r="CS10" s="257">
        <v>12</v>
      </c>
      <c r="CT10" s="257">
        <v>11</v>
      </c>
      <c r="CU10" s="257">
        <v>21</v>
      </c>
      <c r="CV10" s="254">
        <v>73</v>
      </c>
      <c r="CW10" s="259">
        <v>73</v>
      </c>
    </row>
    <row r="11" spans="1:101" ht="21" customHeight="1" x14ac:dyDescent="0.2">
      <c r="B11" s="437" t="s">
        <v>8</v>
      </c>
      <c r="C11" s="253">
        <v>0</v>
      </c>
      <c r="D11" s="254">
        <v>0</v>
      </c>
      <c r="E11" s="255">
        <v>0</v>
      </c>
      <c r="F11" s="256">
        <v>0</v>
      </c>
      <c r="G11" s="257">
        <v>7</v>
      </c>
      <c r="H11" s="257">
        <v>6</v>
      </c>
      <c r="I11" s="257">
        <v>1</v>
      </c>
      <c r="J11" s="257">
        <v>6</v>
      </c>
      <c r="K11" s="257">
        <v>1</v>
      </c>
      <c r="L11" s="258">
        <v>21</v>
      </c>
      <c r="M11" s="259">
        <v>21</v>
      </c>
      <c r="N11" s="253">
        <v>0</v>
      </c>
      <c r="O11" s="257">
        <v>0</v>
      </c>
      <c r="P11" s="254">
        <v>0</v>
      </c>
      <c r="Q11" s="256">
        <v>0</v>
      </c>
      <c r="R11" s="257">
        <v>3</v>
      </c>
      <c r="S11" s="257">
        <v>3</v>
      </c>
      <c r="T11" s="257">
        <v>0</v>
      </c>
      <c r="U11" s="257">
        <v>1</v>
      </c>
      <c r="V11" s="257">
        <v>2</v>
      </c>
      <c r="W11" s="254">
        <v>9</v>
      </c>
      <c r="X11" s="259">
        <v>9</v>
      </c>
      <c r="Y11" s="253">
        <v>0</v>
      </c>
      <c r="Z11" s="257">
        <v>0</v>
      </c>
      <c r="AA11" s="254">
        <v>0</v>
      </c>
      <c r="AB11" s="256">
        <v>0</v>
      </c>
      <c r="AC11" s="257">
        <v>623</v>
      </c>
      <c r="AD11" s="257">
        <v>550</v>
      </c>
      <c r="AE11" s="257">
        <v>223</v>
      </c>
      <c r="AF11" s="257">
        <v>100</v>
      </c>
      <c r="AG11" s="257">
        <v>56</v>
      </c>
      <c r="AH11" s="254">
        <v>1552</v>
      </c>
      <c r="AI11" s="259">
        <v>1552</v>
      </c>
      <c r="AJ11" s="253">
        <v>0</v>
      </c>
      <c r="AK11" s="257">
        <v>0</v>
      </c>
      <c r="AL11" s="254">
        <v>0</v>
      </c>
      <c r="AM11" s="256">
        <v>0</v>
      </c>
      <c r="AN11" s="257">
        <v>8</v>
      </c>
      <c r="AO11" s="257">
        <v>12</v>
      </c>
      <c r="AP11" s="257">
        <v>7</v>
      </c>
      <c r="AQ11" s="257">
        <v>10</v>
      </c>
      <c r="AR11" s="257">
        <v>6</v>
      </c>
      <c r="AS11" s="254">
        <v>43</v>
      </c>
      <c r="AT11" s="259">
        <v>43</v>
      </c>
      <c r="AU11" s="253">
        <v>9</v>
      </c>
      <c r="AV11" s="257">
        <v>12</v>
      </c>
      <c r="AW11" s="254">
        <v>21</v>
      </c>
      <c r="AX11" s="256">
        <v>0</v>
      </c>
      <c r="AY11" s="257">
        <v>67</v>
      </c>
      <c r="AZ11" s="257">
        <v>49</v>
      </c>
      <c r="BA11" s="257">
        <v>45</v>
      </c>
      <c r="BB11" s="257">
        <v>29</v>
      </c>
      <c r="BC11" s="257">
        <v>11</v>
      </c>
      <c r="BD11" s="254">
        <v>201</v>
      </c>
      <c r="BE11" s="259">
        <v>222</v>
      </c>
      <c r="BF11" s="253">
        <v>0</v>
      </c>
      <c r="BG11" s="257">
        <v>0</v>
      </c>
      <c r="BH11" s="254">
        <v>0</v>
      </c>
      <c r="BI11" s="256">
        <v>0</v>
      </c>
      <c r="BJ11" s="257">
        <v>60</v>
      </c>
      <c r="BK11" s="257">
        <v>66</v>
      </c>
      <c r="BL11" s="257">
        <v>85</v>
      </c>
      <c r="BM11" s="257">
        <v>72</v>
      </c>
      <c r="BN11" s="257">
        <v>34</v>
      </c>
      <c r="BO11" s="258">
        <v>317</v>
      </c>
      <c r="BP11" s="259">
        <v>317</v>
      </c>
      <c r="BQ11" s="253">
        <v>0</v>
      </c>
      <c r="BR11" s="257">
        <v>0</v>
      </c>
      <c r="BS11" s="254">
        <v>0</v>
      </c>
      <c r="BT11" s="256">
        <v>0</v>
      </c>
      <c r="BU11" s="257">
        <v>2</v>
      </c>
      <c r="BV11" s="257">
        <v>7</v>
      </c>
      <c r="BW11" s="257">
        <v>13</v>
      </c>
      <c r="BX11" s="257">
        <v>16</v>
      </c>
      <c r="BY11" s="257">
        <v>8</v>
      </c>
      <c r="BZ11" s="254">
        <v>46</v>
      </c>
      <c r="CA11" s="259">
        <v>46</v>
      </c>
      <c r="CB11" s="253">
        <v>0</v>
      </c>
      <c r="CC11" s="257">
        <v>0</v>
      </c>
      <c r="CD11" s="254">
        <v>0</v>
      </c>
      <c r="CE11" s="256">
        <v>0</v>
      </c>
      <c r="CF11" s="257">
        <v>0</v>
      </c>
      <c r="CG11" s="257">
        <v>1</v>
      </c>
      <c r="CH11" s="257">
        <v>10</v>
      </c>
      <c r="CI11" s="257">
        <v>26</v>
      </c>
      <c r="CJ11" s="257">
        <v>9</v>
      </c>
      <c r="CK11" s="254">
        <v>46</v>
      </c>
      <c r="CL11" s="259">
        <v>46</v>
      </c>
      <c r="CM11" s="253">
        <v>0</v>
      </c>
      <c r="CN11" s="257">
        <v>0</v>
      </c>
      <c r="CO11" s="254">
        <v>0</v>
      </c>
      <c r="CP11" s="256">
        <v>0</v>
      </c>
      <c r="CQ11" s="257">
        <v>14</v>
      </c>
      <c r="CR11" s="257">
        <v>14</v>
      </c>
      <c r="CS11" s="257">
        <v>18</v>
      </c>
      <c r="CT11" s="257">
        <v>12</v>
      </c>
      <c r="CU11" s="257">
        <v>5</v>
      </c>
      <c r="CV11" s="254">
        <v>63</v>
      </c>
      <c r="CW11" s="259">
        <v>63</v>
      </c>
    </row>
    <row r="12" spans="1:101" ht="21" customHeight="1" x14ac:dyDescent="0.2">
      <c r="B12" s="437" t="s">
        <v>9</v>
      </c>
      <c r="C12" s="253">
        <v>0</v>
      </c>
      <c r="D12" s="254">
        <v>0</v>
      </c>
      <c r="E12" s="255">
        <v>0</v>
      </c>
      <c r="F12" s="256">
        <v>0</v>
      </c>
      <c r="G12" s="257">
        <v>0</v>
      </c>
      <c r="H12" s="257">
        <v>5</v>
      </c>
      <c r="I12" s="257">
        <v>2</v>
      </c>
      <c r="J12" s="257">
        <v>9</v>
      </c>
      <c r="K12" s="257">
        <v>4</v>
      </c>
      <c r="L12" s="258">
        <v>20</v>
      </c>
      <c r="M12" s="259">
        <v>20</v>
      </c>
      <c r="N12" s="253">
        <v>0</v>
      </c>
      <c r="O12" s="257">
        <v>0</v>
      </c>
      <c r="P12" s="254">
        <v>0</v>
      </c>
      <c r="Q12" s="256">
        <v>0</v>
      </c>
      <c r="R12" s="257">
        <v>0</v>
      </c>
      <c r="S12" s="257">
        <v>0</v>
      </c>
      <c r="T12" s="257">
        <v>0</v>
      </c>
      <c r="U12" s="257">
        <v>0</v>
      </c>
      <c r="V12" s="257">
        <v>0</v>
      </c>
      <c r="W12" s="254">
        <v>0</v>
      </c>
      <c r="X12" s="259">
        <v>0</v>
      </c>
      <c r="Y12" s="253">
        <v>0</v>
      </c>
      <c r="Z12" s="257">
        <v>0</v>
      </c>
      <c r="AA12" s="254">
        <v>0</v>
      </c>
      <c r="AB12" s="256">
        <v>0</v>
      </c>
      <c r="AC12" s="257">
        <v>474</v>
      </c>
      <c r="AD12" s="257">
        <v>258</v>
      </c>
      <c r="AE12" s="257">
        <v>176</v>
      </c>
      <c r="AF12" s="257">
        <v>94</v>
      </c>
      <c r="AG12" s="257">
        <v>25</v>
      </c>
      <c r="AH12" s="254">
        <v>1027</v>
      </c>
      <c r="AI12" s="259">
        <v>1027</v>
      </c>
      <c r="AJ12" s="253">
        <v>0</v>
      </c>
      <c r="AK12" s="257">
        <v>0</v>
      </c>
      <c r="AL12" s="254">
        <v>0</v>
      </c>
      <c r="AM12" s="256">
        <v>0</v>
      </c>
      <c r="AN12" s="257">
        <v>3</v>
      </c>
      <c r="AO12" s="257">
        <v>7</v>
      </c>
      <c r="AP12" s="257">
        <v>9</v>
      </c>
      <c r="AQ12" s="257">
        <v>0</v>
      </c>
      <c r="AR12" s="257">
        <v>7</v>
      </c>
      <c r="AS12" s="254">
        <v>26</v>
      </c>
      <c r="AT12" s="259">
        <v>26</v>
      </c>
      <c r="AU12" s="253">
        <v>8</v>
      </c>
      <c r="AV12" s="257">
        <v>7</v>
      </c>
      <c r="AW12" s="254">
        <v>15</v>
      </c>
      <c r="AX12" s="256">
        <v>0</v>
      </c>
      <c r="AY12" s="257">
        <v>27</v>
      </c>
      <c r="AZ12" s="257">
        <v>30</v>
      </c>
      <c r="BA12" s="257">
        <v>17</v>
      </c>
      <c r="BB12" s="257">
        <v>20</v>
      </c>
      <c r="BC12" s="257">
        <v>12</v>
      </c>
      <c r="BD12" s="254">
        <v>106</v>
      </c>
      <c r="BE12" s="259">
        <v>121</v>
      </c>
      <c r="BF12" s="253">
        <v>0</v>
      </c>
      <c r="BG12" s="257">
        <v>1</v>
      </c>
      <c r="BH12" s="254">
        <v>1</v>
      </c>
      <c r="BI12" s="256">
        <v>0</v>
      </c>
      <c r="BJ12" s="257">
        <v>29</v>
      </c>
      <c r="BK12" s="257">
        <v>65</v>
      </c>
      <c r="BL12" s="257">
        <v>85</v>
      </c>
      <c r="BM12" s="257">
        <v>66</v>
      </c>
      <c r="BN12" s="257">
        <v>25</v>
      </c>
      <c r="BO12" s="258">
        <v>270</v>
      </c>
      <c r="BP12" s="259">
        <v>271</v>
      </c>
      <c r="BQ12" s="253">
        <v>0</v>
      </c>
      <c r="BR12" s="257">
        <v>0</v>
      </c>
      <c r="BS12" s="254">
        <v>0</v>
      </c>
      <c r="BT12" s="256">
        <v>0</v>
      </c>
      <c r="BU12" s="257">
        <v>2</v>
      </c>
      <c r="BV12" s="257">
        <v>4</v>
      </c>
      <c r="BW12" s="257">
        <v>7</v>
      </c>
      <c r="BX12" s="257">
        <v>7</v>
      </c>
      <c r="BY12" s="257">
        <v>5</v>
      </c>
      <c r="BZ12" s="254">
        <v>25</v>
      </c>
      <c r="CA12" s="259">
        <v>25</v>
      </c>
      <c r="CB12" s="253">
        <v>0</v>
      </c>
      <c r="CC12" s="257">
        <v>0</v>
      </c>
      <c r="CD12" s="254">
        <v>0</v>
      </c>
      <c r="CE12" s="256">
        <v>0</v>
      </c>
      <c r="CF12" s="257">
        <v>0</v>
      </c>
      <c r="CG12" s="257">
        <v>0</v>
      </c>
      <c r="CH12" s="257">
        <v>0</v>
      </c>
      <c r="CI12" s="257">
        <v>1</v>
      </c>
      <c r="CJ12" s="257">
        <v>0</v>
      </c>
      <c r="CK12" s="254">
        <v>1</v>
      </c>
      <c r="CL12" s="259">
        <v>1</v>
      </c>
      <c r="CM12" s="253">
        <v>0</v>
      </c>
      <c r="CN12" s="257">
        <v>0</v>
      </c>
      <c r="CO12" s="254">
        <v>0</v>
      </c>
      <c r="CP12" s="256">
        <v>0</v>
      </c>
      <c r="CQ12" s="257">
        <v>4</v>
      </c>
      <c r="CR12" s="257">
        <v>5</v>
      </c>
      <c r="CS12" s="257">
        <v>7</v>
      </c>
      <c r="CT12" s="257">
        <v>10</v>
      </c>
      <c r="CU12" s="257">
        <v>16</v>
      </c>
      <c r="CV12" s="254">
        <v>42</v>
      </c>
      <c r="CW12" s="259">
        <v>42</v>
      </c>
    </row>
    <row r="13" spans="1:101" ht="21" customHeight="1" x14ac:dyDescent="0.2">
      <c r="B13" s="437" t="s">
        <v>10</v>
      </c>
      <c r="C13" s="253">
        <v>0</v>
      </c>
      <c r="D13" s="254">
        <v>0</v>
      </c>
      <c r="E13" s="255">
        <v>0</v>
      </c>
      <c r="F13" s="256">
        <v>0</v>
      </c>
      <c r="G13" s="257">
        <v>13</v>
      </c>
      <c r="H13" s="257">
        <v>17</v>
      </c>
      <c r="I13" s="257">
        <v>15</v>
      </c>
      <c r="J13" s="257">
        <v>19</v>
      </c>
      <c r="K13" s="257">
        <v>17</v>
      </c>
      <c r="L13" s="258">
        <v>81</v>
      </c>
      <c r="M13" s="259">
        <v>81</v>
      </c>
      <c r="N13" s="253">
        <v>0</v>
      </c>
      <c r="O13" s="257">
        <v>0</v>
      </c>
      <c r="P13" s="254">
        <v>0</v>
      </c>
      <c r="Q13" s="256">
        <v>0</v>
      </c>
      <c r="R13" s="257">
        <v>13</v>
      </c>
      <c r="S13" s="257">
        <v>5</v>
      </c>
      <c r="T13" s="257">
        <v>7</v>
      </c>
      <c r="U13" s="257">
        <v>8</v>
      </c>
      <c r="V13" s="257">
        <v>6</v>
      </c>
      <c r="W13" s="254">
        <v>39</v>
      </c>
      <c r="X13" s="259">
        <v>39</v>
      </c>
      <c r="Y13" s="253">
        <v>0</v>
      </c>
      <c r="Z13" s="257">
        <v>0</v>
      </c>
      <c r="AA13" s="254">
        <v>0</v>
      </c>
      <c r="AB13" s="256">
        <v>0</v>
      </c>
      <c r="AC13" s="257">
        <v>576</v>
      </c>
      <c r="AD13" s="257">
        <v>263</v>
      </c>
      <c r="AE13" s="257">
        <v>138</v>
      </c>
      <c r="AF13" s="257">
        <v>58</v>
      </c>
      <c r="AG13" s="257">
        <v>28</v>
      </c>
      <c r="AH13" s="254">
        <v>1063</v>
      </c>
      <c r="AI13" s="259">
        <v>1063</v>
      </c>
      <c r="AJ13" s="253">
        <v>0</v>
      </c>
      <c r="AK13" s="257">
        <v>1</v>
      </c>
      <c r="AL13" s="254">
        <v>1</v>
      </c>
      <c r="AM13" s="256">
        <v>0</v>
      </c>
      <c r="AN13" s="257">
        <v>7</v>
      </c>
      <c r="AO13" s="257">
        <v>11</v>
      </c>
      <c r="AP13" s="257">
        <v>24</v>
      </c>
      <c r="AQ13" s="257">
        <v>11</v>
      </c>
      <c r="AR13" s="257">
        <v>9</v>
      </c>
      <c r="AS13" s="254">
        <v>62</v>
      </c>
      <c r="AT13" s="259">
        <v>63</v>
      </c>
      <c r="AU13" s="253">
        <v>13</v>
      </c>
      <c r="AV13" s="257">
        <v>18</v>
      </c>
      <c r="AW13" s="254">
        <v>31</v>
      </c>
      <c r="AX13" s="256">
        <v>0</v>
      </c>
      <c r="AY13" s="257">
        <v>92</v>
      </c>
      <c r="AZ13" s="257">
        <v>69</v>
      </c>
      <c r="BA13" s="257">
        <v>68</v>
      </c>
      <c r="BB13" s="257">
        <v>49</v>
      </c>
      <c r="BC13" s="257">
        <v>43</v>
      </c>
      <c r="BD13" s="254">
        <v>321</v>
      </c>
      <c r="BE13" s="259">
        <v>352</v>
      </c>
      <c r="BF13" s="253">
        <v>0</v>
      </c>
      <c r="BG13" s="257">
        <v>3</v>
      </c>
      <c r="BH13" s="254">
        <v>3</v>
      </c>
      <c r="BI13" s="256">
        <v>0</v>
      </c>
      <c r="BJ13" s="257">
        <v>95</v>
      </c>
      <c r="BK13" s="257">
        <v>125</v>
      </c>
      <c r="BL13" s="257">
        <v>114</v>
      </c>
      <c r="BM13" s="257">
        <v>93</v>
      </c>
      <c r="BN13" s="257">
        <v>81</v>
      </c>
      <c r="BO13" s="258">
        <v>508</v>
      </c>
      <c r="BP13" s="259">
        <v>511</v>
      </c>
      <c r="BQ13" s="253">
        <v>0</v>
      </c>
      <c r="BR13" s="257">
        <v>0</v>
      </c>
      <c r="BS13" s="254">
        <v>0</v>
      </c>
      <c r="BT13" s="256">
        <v>0</v>
      </c>
      <c r="BU13" s="257">
        <v>39</v>
      </c>
      <c r="BV13" s="257">
        <v>23</v>
      </c>
      <c r="BW13" s="257">
        <v>29</v>
      </c>
      <c r="BX13" s="257">
        <v>28</v>
      </c>
      <c r="BY13" s="257">
        <v>31</v>
      </c>
      <c r="BZ13" s="254">
        <v>150</v>
      </c>
      <c r="CA13" s="259">
        <v>150</v>
      </c>
      <c r="CB13" s="253">
        <v>0</v>
      </c>
      <c r="CC13" s="257">
        <v>0</v>
      </c>
      <c r="CD13" s="254">
        <v>0</v>
      </c>
      <c r="CE13" s="256">
        <v>0</v>
      </c>
      <c r="CF13" s="257">
        <v>0</v>
      </c>
      <c r="CG13" s="257">
        <v>1</v>
      </c>
      <c r="CH13" s="257">
        <v>4</v>
      </c>
      <c r="CI13" s="257">
        <v>18</v>
      </c>
      <c r="CJ13" s="257">
        <v>21</v>
      </c>
      <c r="CK13" s="254">
        <v>44</v>
      </c>
      <c r="CL13" s="259">
        <v>44</v>
      </c>
      <c r="CM13" s="253">
        <v>0</v>
      </c>
      <c r="CN13" s="257">
        <v>0</v>
      </c>
      <c r="CO13" s="254">
        <v>0</v>
      </c>
      <c r="CP13" s="256">
        <v>0</v>
      </c>
      <c r="CQ13" s="257">
        <v>19</v>
      </c>
      <c r="CR13" s="257">
        <v>38</v>
      </c>
      <c r="CS13" s="257">
        <v>30</v>
      </c>
      <c r="CT13" s="257">
        <v>47</v>
      </c>
      <c r="CU13" s="257">
        <v>26</v>
      </c>
      <c r="CV13" s="254">
        <v>160</v>
      </c>
      <c r="CW13" s="259">
        <v>160</v>
      </c>
    </row>
    <row r="14" spans="1:101" ht="21" customHeight="1" x14ac:dyDescent="0.2">
      <c r="B14" s="437" t="s">
        <v>11</v>
      </c>
      <c r="C14" s="253">
        <v>0</v>
      </c>
      <c r="D14" s="254">
        <v>0</v>
      </c>
      <c r="E14" s="255">
        <v>0</v>
      </c>
      <c r="F14" s="256">
        <v>0</v>
      </c>
      <c r="G14" s="257">
        <v>9</v>
      </c>
      <c r="H14" s="257">
        <v>7</v>
      </c>
      <c r="I14" s="257">
        <v>3</v>
      </c>
      <c r="J14" s="257">
        <v>4</v>
      </c>
      <c r="K14" s="257">
        <v>4</v>
      </c>
      <c r="L14" s="258">
        <v>27</v>
      </c>
      <c r="M14" s="259">
        <v>27</v>
      </c>
      <c r="N14" s="253">
        <v>0</v>
      </c>
      <c r="O14" s="257">
        <v>0</v>
      </c>
      <c r="P14" s="254">
        <v>0</v>
      </c>
      <c r="Q14" s="256">
        <v>0</v>
      </c>
      <c r="R14" s="257">
        <v>13</v>
      </c>
      <c r="S14" s="257">
        <v>15</v>
      </c>
      <c r="T14" s="257">
        <v>12</v>
      </c>
      <c r="U14" s="257">
        <v>11</v>
      </c>
      <c r="V14" s="257">
        <v>5</v>
      </c>
      <c r="W14" s="254">
        <v>56</v>
      </c>
      <c r="X14" s="259">
        <v>56</v>
      </c>
      <c r="Y14" s="253">
        <v>0</v>
      </c>
      <c r="Z14" s="257">
        <v>0</v>
      </c>
      <c r="AA14" s="254">
        <v>0</v>
      </c>
      <c r="AB14" s="256">
        <v>0</v>
      </c>
      <c r="AC14" s="257">
        <v>515</v>
      </c>
      <c r="AD14" s="257">
        <v>254</v>
      </c>
      <c r="AE14" s="257">
        <v>161</v>
      </c>
      <c r="AF14" s="257">
        <v>74</v>
      </c>
      <c r="AG14" s="257">
        <v>35</v>
      </c>
      <c r="AH14" s="254">
        <v>1039</v>
      </c>
      <c r="AI14" s="259">
        <v>1039</v>
      </c>
      <c r="AJ14" s="253">
        <v>0</v>
      </c>
      <c r="AK14" s="257">
        <v>0</v>
      </c>
      <c r="AL14" s="254">
        <v>0</v>
      </c>
      <c r="AM14" s="256">
        <v>0</v>
      </c>
      <c r="AN14" s="257">
        <v>18</v>
      </c>
      <c r="AO14" s="257">
        <v>16</v>
      </c>
      <c r="AP14" s="257">
        <v>13</v>
      </c>
      <c r="AQ14" s="257">
        <v>1</v>
      </c>
      <c r="AR14" s="257">
        <v>1</v>
      </c>
      <c r="AS14" s="254">
        <v>49</v>
      </c>
      <c r="AT14" s="259">
        <v>49</v>
      </c>
      <c r="AU14" s="253">
        <v>1</v>
      </c>
      <c r="AV14" s="257">
        <v>5</v>
      </c>
      <c r="AW14" s="254">
        <v>6</v>
      </c>
      <c r="AX14" s="256">
        <v>0</v>
      </c>
      <c r="AY14" s="257">
        <v>44</v>
      </c>
      <c r="AZ14" s="257">
        <v>33</v>
      </c>
      <c r="BA14" s="257">
        <v>36</v>
      </c>
      <c r="BB14" s="257">
        <v>22</v>
      </c>
      <c r="BC14" s="257">
        <v>8</v>
      </c>
      <c r="BD14" s="254">
        <v>143</v>
      </c>
      <c r="BE14" s="259">
        <v>149</v>
      </c>
      <c r="BF14" s="253">
        <v>0</v>
      </c>
      <c r="BG14" s="257">
        <v>3</v>
      </c>
      <c r="BH14" s="254">
        <v>3</v>
      </c>
      <c r="BI14" s="256">
        <v>0</v>
      </c>
      <c r="BJ14" s="257">
        <v>57</v>
      </c>
      <c r="BK14" s="257">
        <v>76</v>
      </c>
      <c r="BL14" s="257">
        <v>88</v>
      </c>
      <c r="BM14" s="257">
        <v>53</v>
      </c>
      <c r="BN14" s="257">
        <v>25</v>
      </c>
      <c r="BO14" s="258">
        <v>299</v>
      </c>
      <c r="BP14" s="259">
        <v>302</v>
      </c>
      <c r="BQ14" s="253">
        <v>0</v>
      </c>
      <c r="BR14" s="257">
        <v>0</v>
      </c>
      <c r="BS14" s="254">
        <v>0</v>
      </c>
      <c r="BT14" s="256">
        <v>0</v>
      </c>
      <c r="BU14" s="257">
        <v>0</v>
      </c>
      <c r="BV14" s="257">
        <v>0</v>
      </c>
      <c r="BW14" s="257">
        <v>0</v>
      </c>
      <c r="BX14" s="257">
        <v>0</v>
      </c>
      <c r="BY14" s="257">
        <v>0</v>
      </c>
      <c r="BZ14" s="254">
        <v>0</v>
      </c>
      <c r="CA14" s="259">
        <v>0</v>
      </c>
      <c r="CB14" s="253">
        <v>0</v>
      </c>
      <c r="CC14" s="257">
        <v>0</v>
      </c>
      <c r="CD14" s="254">
        <v>0</v>
      </c>
      <c r="CE14" s="256">
        <v>0</v>
      </c>
      <c r="CF14" s="257">
        <v>0</v>
      </c>
      <c r="CG14" s="257">
        <v>1</v>
      </c>
      <c r="CH14" s="257">
        <v>0</v>
      </c>
      <c r="CI14" s="257">
        <v>0</v>
      </c>
      <c r="CJ14" s="257">
        <v>0</v>
      </c>
      <c r="CK14" s="254">
        <v>1</v>
      </c>
      <c r="CL14" s="259">
        <v>1</v>
      </c>
      <c r="CM14" s="253">
        <v>0</v>
      </c>
      <c r="CN14" s="257">
        <v>0</v>
      </c>
      <c r="CO14" s="254">
        <v>0</v>
      </c>
      <c r="CP14" s="256">
        <v>0</v>
      </c>
      <c r="CQ14" s="257">
        <v>9</v>
      </c>
      <c r="CR14" s="257">
        <v>5</v>
      </c>
      <c r="CS14" s="257">
        <v>3</v>
      </c>
      <c r="CT14" s="257">
        <v>9</v>
      </c>
      <c r="CU14" s="257">
        <v>3</v>
      </c>
      <c r="CV14" s="254">
        <v>29</v>
      </c>
      <c r="CW14" s="259">
        <v>29</v>
      </c>
    </row>
    <row r="15" spans="1:101" ht="21" customHeight="1" x14ac:dyDescent="0.2">
      <c r="B15" s="437" t="s">
        <v>12</v>
      </c>
      <c r="C15" s="253">
        <v>0</v>
      </c>
      <c r="D15" s="254">
        <v>0</v>
      </c>
      <c r="E15" s="255">
        <v>0</v>
      </c>
      <c r="F15" s="256">
        <v>0</v>
      </c>
      <c r="G15" s="257">
        <v>8</v>
      </c>
      <c r="H15" s="257">
        <v>4</v>
      </c>
      <c r="I15" s="257">
        <v>3</v>
      </c>
      <c r="J15" s="257">
        <v>1</v>
      </c>
      <c r="K15" s="257">
        <v>6</v>
      </c>
      <c r="L15" s="258">
        <v>22</v>
      </c>
      <c r="M15" s="259">
        <v>22</v>
      </c>
      <c r="N15" s="253">
        <v>0</v>
      </c>
      <c r="O15" s="257">
        <v>0</v>
      </c>
      <c r="P15" s="254">
        <v>0</v>
      </c>
      <c r="Q15" s="256">
        <v>0</v>
      </c>
      <c r="R15" s="257">
        <v>0</v>
      </c>
      <c r="S15" s="257">
        <v>0</v>
      </c>
      <c r="T15" s="257">
        <v>0</v>
      </c>
      <c r="U15" s="257">
        <v>0</v>
      </c>
      <c r="V15" s="257">
        <v>0</v>
      </c>
      <c r="W15" s="254">
        <v>0</v>
      </c>
      <c r="X15" s="259">
        <v>0</v>
      </c>
      <c r="Y15" s="253">
        <v>0</v>
      </c>
      <c r="Z15" s="257">
        <v>0</v>
      </c>
      <c r="AA15" s="254">
        <v>0</v>
      </c>
      <c r="AB15" s="256">
        <v>0</v>
      </c>
      <c r="AC15" s="257">
        <v>372</v>
      </c>
      <c r="AD15" s="257">
        <v>253</v>
      </c>
      <c r="AE15" s="257">
        <v>137</v>
      </c>
      <c r="AF15" s="257">
        <v>63</v>
      </c>
      <c r="AG15" s="257">
        <v>28</v>
      </c>
      <c r="AH15" s="254">
        <v>853</v>
      </c>
      <c r="AI15" s="259">
        <v>853</v>
      </c>
      <c r="AJ15" s="253">
        <v>0</v>
      </c>
      <c r="AK15" s="257">
        <v>0</v>
      </c>
      <c r="AL15" s="254">
        <v>0</v>
      </c>
      <c r="AM15" s="256">
        <v>0</v>
      </c>
      <c r="AN15" s="257">
        <v>3</v>
      </c>
      <c r="AO15" s="257">
        <v>1</v>
      </c>
      <c r="AP15" s="257">
        <v>1</v>
      </c>
      <c r="AQ15" s="257">
        <v>2</v>
      </c>
      <c r="AR15" s="257">
        <v>2</v>
      </c>
      <c r="AS15" s="254">
        <v>9</v>
      </c>
      <c r="AT15" s="259">
        <v>9</v>
      </c>
      <c r="AU15" s="253">
        <v>0</v>
      </c>
      <c r="AV15" s="257">
        <v>0</v>
      </c>
      <c r="AW15" s="254">
        <v>0</v>
      </c>
      <c r="AX15" s="256">
        <v>0</v>
      </c>
      <c r="AY15" s="257">
        <v>22</v>
      </c>
      <c r="AZ15" s="257">
        <v>41</v>
      </c>
      <c r="BA15" s="257">
        <v>48</v>
      </c>
      <c r="BB15" s="257">
        <v>30</v>
      </c>
      <c r="BC15" s="257">
        <v>30</v>
      </c>
      <c r="BD15" s="254">
        <v>171</v>
      </c>
      <c r="BE15" s="259">
        <v>171</v>
      </c>
      <c r="BF15" s="253">
        <v>0</v>
      </c>
      <c r="BG15" s="257">
        <v>0</v>
      </c>
      <c r="BH15" s="254">
        <v>0</v>
      </c>
      <c r="BI15" s="256">
        <v>0</v>
      </c>
      <c r="BJ15" s="257">
        <v>38</v>
      </c>
      <c r="BK15" s="257">
        <v>50</v>
      </c>
      <c r="BL15" s="257">
        <v>49</v>
      </c>
      <c r="BM15" s="257">
        <v>30</v>
      </c>
      <c r="BN15" s="257">
        <v>38</v>
      </c>
      <c r="BO15" s="258">
        <v>205</v>
      </c>
      <c r="BP15" s="259">
        <v>205</v>
      </c>
      <c r="BQ15" s="253">
        <v>0</v>
      </c>
      <c r="BR15" s="257">
        <v>0</v>
      </c>
      <c r="BS15" s="254">
        <v>0</v>
      </c>
      <c r="BT15" s="256">
        <v>0</v>
      </c>
      <c r="BU15" s="257">
        <v>0</v>
      </c>
      <c r="BV15" s="257">
        <v>6</v>
      </c>
      <c r="BW15" s="257">
        <v>7</v>
      </c>
      <c r="BX15" s="257">
        <v>12</v>
      </c>
      <c r="BY15" s="257">
        <v>3</v>
      </c>
      <c r="BZ15" s="254">
        <v>28</v>
      </c>
      <c r="CA15" s="259">
        <v>28</v>
      </c>
      <c r="CB15" s="253">
        <v>0</v>
      </c>
      <c r="CC15" s="257">
        <v>0</v>
      </c>
      <c r="CD15" s="254">
        <v>0</v>
      </c>
      <c r="CE15" s="256">
        <v>0</v>
      </c>
      <c r="CF15" s="257">
        <v>0</v>
      </c>
      <c r="CG15" s="257">
        <v>0</v>
      </c>
      <c r="CH15" s="257">
        <v>11</v>
      </c>
      <c r="CI15" s="257">
        <v>12</v>
      </c>
      <c r="CJ15" s="257">
        <v>7</v>
      </c>
      <c r="CK15" s="254">
        <v>30</v>
      </c>
      <c r="CL15" s="259">
        <v>30</v>
      </c>
      <c r="CM15" s="253">
        <v>0</v>
      </c>
      <c r="CN15" s="257">
        <v>0</v>
      </c>
      <c r="CO15" s="254">
        <v>0</v>
      </c>
      <c r="CP15" s="256">
        <v>0</v>
      </c>
      <c r="CQ15" s="257">
        <v>6</v>
      </c>
      <c r="CR15" s="257">
        <v>18</v>
      </c>
      <c r="CS15" s="257">
        <v>26</v>
      </c>
      <c r="CT15" s="257">
        <v>17</v>
      </c>
      <c r="CU15" s="257">
        <v>12</v>
      </c>
      <c r="CV15" s="254">
        <v>79</v>
      </c>
      <c r="CW15" s="259">
        <v>79</v>
      </c>
    </row>
    <row r="16" spans="1:101" ht="21" customHeight="1" x14ac:dyDescent="0.2">
      <c r="B16" s="437" t="s">
        <v>13</v>
      </c>
      <c r="C16" s="253">
        <v>0</v>
      </c>
      <c r="D16" s="254">
        <v>0</v>
      </c>
      <c r="E16" s="255">
        <v>0</v>
      </c>
      <c r="F16" s="256">
        <v>0</v>
      </c>
      <c r="G16" s="257">
        <v>2</v>
      </c>
      <c r="H16" s="257">
        <v>1</v>
      </c>
      <c r="I16" s="257">
        <v>1</v>
      </c>
      <c r="J16" s="257">
        <v>1</v>
      </c>
      <c r="K16" s="257">
        <v>2</v>
      </c>
      <c r="L16" s="258">
        <v>7</v>
      </c>
      <c r="M16" s="259">
        <v>7</v>
      </c>
      <c r="N16" s="253">
        <v>0</v>
      </c>
      <c r="O16" s="257">
        <v>0</v>
      </c>
      <c r="P16" s="254">
        <v>0</v>
      </c>
      <c r="Q16" s="256">
        <v>0</v>
      </c>
      <c r="R16" s="257">
        <v>0</v>
      </c>
      <c r="S16" s="257">
        <v>0</v>
      </c>
      <c r="T16" s="257">
        <v>0</v>
      </c>
      <c r="U16" s="257">
        <v>0</v>
      </c>
      <c r="V16" s="257">
        <v>0</v>
      </c>
      <c r="W16" s="254">
        <v>0</v>
      </c>
      <c r="X16" s="259">
        <v>0</v>
      </c>
      <c r="Y16" s="253">
        <v>0</v>
      </c>
      <c r="Z16" s="257">
        <v>0</v>
      </c>
      <c r="AA16" s="254">
        <v>0</v>
      </c>
      <c r="AB16" s="256">
        <v>0</v>
      </c>
      <c r="AC16" s="257">
        <v>142</v>
      </c>
      <c r="AD16" s="257">
        <v>151</v>
      </c>
      <c r="AE16" s="257">
        <v>81</v>
      </c>
      <c r="AF16" s="257">
        <v>36</v>
      </c>
      <c r="AG16" s="257">
        <v>13</v>
      </c>
      <c r="AH16" s="254">
        <v>423</v>
      </c>
      <c r="AI16" s="259">
        <v>423</v>
      </c>
      <c r="AJ16" s="253">
        <v>0</v>
      </c>
      <c r="AK16" s="257">
        <v>0</v>
      </c>
      <c r="AL16" s="254">
        <v>0</v>
      </c>
      <c r="AM16" s="256">
        <v>0</v>
      </c>
      <c r="AN16" s="257">
        <v>3</v>
      </c>
      <c r="AO16" s="257">
        <v>11</v>
      </c>
      <c r="AP16" s="257">
        <v>6</v>
      </c>
      <c r="AQ16" s="257">
        <v>4</v>
      </c>
      <c r="AR16" s="257">
        <v>8</v>
      </c>
      <c r="AS16" s="254">
        <v>32</v>
      </c>
      <c r="AT16" s="259">
        <v>32</v>
      </c>
      <c r="AU16" s="253">
        <v>3</v>
      </c>
      <c r="AV16" s="257">
        <v>5</v>
      </c>
      <c r="AW16" s="254">
        <v>8</v>
      </c>
      <c r="AX16" s="256">
        <v>0</v>
      </c>
      <c r="AY16" s="257">
        <v>13</v>
      </c>
      <c r="AZ16" s="257">
        <v>11</v>
      </c>
      <c r="BA16" s="257">
        <v>9</v>
      </c>
      <c r="BB16" s="257">
        <v>1</v>
      </c>
      <c r="BC16" s="257">
        <v>0</v>
      </c>
      <c r="BD16" s="254">
        <v>34</v>
      </c>
      <c r="BE16" s="259">
        <v>42</v>
      </c>
      <c r="BF16" s="253">
        <v>0</v>
      </c>
      <c r="BG16" s="257">
        <v>0</v>
      </c>
      <c r="BH16" s="254">
        <v>0</v>
      </c>
      <c r="BI16" s="256">
        <v>0</v>
      </c>
      <c r="BJ16" s="257">
        <v>12</v>
      </c>
      <c r="BK16" s="257">
        <v>13</v>
      </c>
      <c r="BL16" s="257">
        <v>21</v>
      </c>
      <c r="BM16" s="257">
        <v>19</v>
      </c>
      <c r="BN16" s="257">
        <v>9</v>
      </c>
      <c r="BO16" s="258">
        <v>74</v>
      </c>
      <c r="BP16" s="259">
        <v>74</v>
      </c>
      <c r="BQ16" s="253">
        <v>0</v>
      </c>
      <c r="BR16" s="257">
        <v>0</v>
      </c>
      <c r="BS16" s="254">
        <v>0</v>
      </c>
      <c r="BT16" s="256">
        <v>0</v>
      </c>
      <c r="BU16" s="257">
        <v>2</v>
      </c>
      <c r="BV16" s="257">
        <v>2</v>
      </c>
      <c r="BW16" s="257">
        <v>1</v>
      </c>
      <c r="BX16" s="257">
        <v>5</v>
      </c>
      <c r="BY16" s="257">
        <v>3</v>
      </c>
      <c r="BZ16" s="254">
        <v>13</v>
      </c>
      <c r="CA16" s="259">
        <v>13</v>
      </c>
      <c r="CB16" s="253">
        <v>0</v>
      </c>
      <c r="CC16" s="257">
        <v>0</v>
      </c>
      <c r="CD16" s="254">
        <v>0</v>
      </c>
      <c r="CE16" s="256">
        <v>0</v>
      </c>
      <c r="CF16" s="257">
        <v>0</v>
      </c>
      <c r="CG16" s="257">
        <v>0</v>
      </c>
      <c r="CH16" s="257">
        <v>0</v>
      </c>
      <c r="CI16" s="257">
        <v>0</v>
      </c>
      <c r="CJ16" s="257">
        <v>0</v>
      </c>
      <c r="CK16" s="254">
        <v>0</v>
      </c>
      <c r="CL16" s="259">
        <v>0</v>
      </c>
      <c r="CM16" s="253">
        <v>0</v>
      </c>
      <c r="CN16" s="257">
        <v>0</v>
      </c>
      <c r="CO16" s="254">
        <v>0</v>
      </c>
      <c r="CP16" s="256">
        <v>0</v>
      </c>
      <c r="CQ16" s="257">
        <v>0</v>
      </c>
      <c r="CR16" s="257">
        <v>0</v>
      </c>
      <c r="CS16" s="257">
        <v>0</v>
      </c>
      <c r="CT16" s="257">
        <v>0</v>
      </c>
      <c r="CU16" s="257">
        <v>0</v>
      </c>
      <c r="CV16" s="254">
        <v>0</v>
      </c>
      <c r="CW16" s="259">
        <v>0</v>
      </c>
    </row>
    <row r="17" spans="2:101" ht="21" customHeight="1" x14ac:dyDescent="0.2">
      <c r="B17" s="437" t="s">
        <v>15</v>
      </c>
      <c r="C17" s="253">
        <v>0</v>
      </c>
      <c r="D17" s="254">
        <v>0</v>
      </c>
      <c r="E17" s="255">
        <v>0</v>
      </c>
      <c r="F17" s="256">
        <v>0</v>
      </c>
      <c r="G17" s="257">
        <v>3</v>
      </c>
      <c r="H17" s="257">
        <v>2</v>
      </c>
      <c r="I17" s="257">
        <v>2</v>
      </c>
      <c r="J17" s="257">
        <v>4</v>
      </c>
      <c r="K17" s="257">
        <v>4</v>
      </c>
      <c r="L17" s="258">
        <v>15</v>
      </c>
      <c r="M17" s="259">
        <v>15</v>
      </c>
      <c r="N17" s="253">
        <v>0</v>
      </c>
      <c r="O17" s="257">
        <v>0</v>
      </c>
      <c r="P17" s="254">
        <v>0</v>
      </c>
      <c r="Q17" s="256">
        <v>0</v>
      </c>
      <c r="R17" s="257">
        <v>0</v>
      </c>
      <c r="S17" s="257">
        <v>0</v>
      </c>
      <c r="T17" s="257">
        <v>0</v>
      </c>
      <c r="U17" s="257">
        <v>0</v>
      </c>
      <c r="V17" s="257">
        <v>0</v>
      </c>
      <c r="W17" s="254">
        <v>0</v>
      </c>
      <c r="X17" s="259">
        <v>0</v>
      </c>
      <c r="Y17" s="253">
        <v>0</v>
      </c>
      <c r="Z17" s="257">
        <v>0</v>
      </c>
      <c r="AA17" s="254">
        <v>0</v>
      </c>
      <c r="AB17" s="256">
        <v>0</v>
      </c>
      <c r="AC17" s="257">
        <v>175</v>
      </c>
      <c r="AD17" s="257">
        <v>182</v>
      </c>
      <c r="AE17" s="257">
        <v>82</v>
      </c>
      <c r="AF17" s="257">
        <v>31</v>
      </c>
      <c r="AG17" s="257">
        <v>17</v>
      </c>
      <c r="AH17" s="254">
        <v>487</v>
      </c>
      <c r="AI17" s="259">
        <v>487</v>
      </c>
      <c r="AJ17" s="253">
        <v>0</v>
      </c>
      <c r="AK17" s="257">
        <v>0</v>
      </c>
      <c r="AL17" s="254">
        <v>0</v>
      </c>
      <c r="AM17" s="256">
        <v>0</v>
      </c>
      <c r="AN17" s="257">
        <v>3</v>
      </c>
      <c r="AO17" s="257">
        <v>3</v>
      </c>
      <c r="AP17" s="257">
        <v>8</v>
      </c>
      <c r="AQ17" s="257">
        <v>3</v>
      </c>
      <c r="AR17" s="257">
        <v>2</v>
      </c>
      <c r="AS17" s="254">
        <v>19</v>
      </c>
      <c r="AT17" s="259">
        <v>19</v>
      </c>
      <c r="AU17" s="253">
        <v>3</v>
      </c>
      <c r="AV17" s="257">
        <v>13</v>
      </c>
      <c r="AW17" s="254">
        <v>16</v>
      </c>
      <c r="AX17" s="256">
        <v>0</v>
      </c>
      <c r="AY17" s="257">
        <v>16</v>
      </c>
      <c r="AZ17" s="257">
        <v>10</v>
      </c>
      <c r="BA17" s="257">
        <v>7</v>
      </c>
      <c r="BB17" s="257">
        <v>7</v>
      </c>
      <c r="BC17" s="257">
        <v>4</v>
      </c>
      <c r="BD17" s="254">
        <v>44</v>
      </c>
      <c r="BE17" s="259">
        <v>60</v>
      </c>
      <c r="BF17" s="253">
        <v>0</v>
      </c>
      <c r="BG17" s="257">
        <v>4</v>
      </c>
      <c r="BH17" s="254">
        <v>4</v>
      </c>
      <c r="BI17" s="256">
        <v>0</v>
      </c>
      <c r="BJ17" s="257">
        <v>33</v>
      </c>
      <c r="BK17" s="257">
        <v>45</v>
      </c>
      <c r="BL17" s="257">
        <v>38</v>
      </c>
      <c r="BM17" s="257">
        <v>24</v>
      </c>
      <c r="BN17" s="257">
        <v>18</v>
      </c>
      <c r="BO17" s="258">
        <v>158</v>
      </c>
      <c r="BP17" s="259">
        <v>162</v>
      </c>
      <c r="BQ17" s="253">
        <v>0</v>
      </c>
      <c r="BR17" s="257">
        <v>0</v>
      </c>
      <c r="BS17" s="254">
        <v>0</v>
      </c>
      <c r="BT17" s="256">
        <v>0</v>
      </c>
      <c r="BU17" s="257">
        <v>0</v>
      </c>
      <c r="BV17" s="257">
        <v>0</v>
      </c>
      <c r="BW17" s="257">
        <v>0</v>
      </c>
      <c r="BX17" s="257">
        <v>0</v>
      </c>
      <c r="BY17" s="257">
        <v>0</v>
      </c>
      <c r="BZ17" s="254">
        <v>0</v>
      </c>
      <c r="CA17" s="259">
        <v>0</v>
      </c>
      <c r="CB17" s="253">
        <v>0</v>
      </c>
      <c r="CC17" s="257">
        <v>0</v>
      </c>
      <c r="CD17" s="254">
        <v>0</v>
      </c>
      <c r="CE17" s="256">
        <v>0</v>
      </c>
      <c r="CF17" s="257">
        <v>0</v>
      </c>
      <c r="CG17" s="257">
        <v>0</v>
      </c>
      <c r="CH17" s="257">
        <v>8</v>
      </c>
      <c r="CI17" s="257">
        <v>12</v>
      </c>
      <c r="CJ17" s="257">
        <v>9</v>
      </c>
      <c r="CK17" s="254">
        <v>29</v>
      </c>
      <c r="CL17" s="259">
        <v>29</v>
      </c>
      <c r="CM17" s="253">
        <v>0</v>
      </c>
      <c r="CN17" s="257">
        <v>0</v>
      </c>
      <c r="CO17" s="254">
        <v>0</v>
      </c>
      <c r="CP17" s="256">
        <v>0</v>
      </c>
      <c r="CQ17" s="257">
        <v>8</v>
      </c>
      <c r="CR17" s="257">
        <v>10</v>
      </c>
      <c r="CS17" s="257">
        <v>7</v>
      </c>
      <c r="CT17" s="257">
        <v>0</v>
      </c>
      <c r="CU17" s="257">
        <v>1</v>
      </c>
      <c r="CV17" s="254">
        <v>26</v>
      </c>
      <c r="CW17" s="259">
        <v>26</v>
      </c>
    </row>
    <row r="18" spans="2:101" ht="21" customHeight="1" x14ac:dyDescent="0.2">
      <c r="B18" s="437" t="s">
        <v>16</v>
      </c>
      <c r="C18" s="253">
        <v>0</v>
      </c>
      <c r="D18" s="254">
        <v>0</v>
      </c>
      <c r="E18" s="255">
        <v>0</v>
      </c>
      <c r="F18" s="256">
        <v>0</v>
      </c>
      <c r="G18" s="257">
        <v>8</v>
      </c>
      <c r="H18" s="257">
        <v>15</v>
      </c>
      <c r="I18" s="257">
        <v>15</v>
      </c>
      <c r="J18" s="257">
        <v>12</v>
      </c>
      <c r="K18" s="257">
        <v>9</v>
      </c>
      <c r="L18" s="258">
        <v>59</v>
      </c>
      <c r="M18" s="259">
        <v>59</v>
      </c>
      <c r="N18" s="253">
        <v>0</v>
      </c>
      <c r="O18" s="257">
        <v>0</v>
      </c>
      <c r="P18" s="254">
        <v>0</v>
      </c>
      <c r="Q18" s="256">
        <v>0</v>
      </c>
      <c r="R18" s="257">
        <v>1</v>
      </c>
      <c r="S18" s="257">
        <v>1</v>
      </c>
      <c r="T18" s="257">
        <v>3</v>
      </c>
      <c r="U18" s="257">
        <v>3</v>
      </c>
      <c r="V18" s="257">
        <v>1</v>
      </c>
      <c r="W18" s="254">
        <v>9</v>
      </c>
      <c r="X18" s="259">
        <v>9</v>
      </c>
      <c r="Y18" s="253">
        <v>0</v>
      </c>
      <c r="Z18" s="257">
        <v>0</v>
      </c>
      <c r="AA18" s="254">
        <v>0</v>
      </c>
      <c r="AB18" s="256">
        <v>0</v>
      </c>
      <c r="AC18" s="257">
        <v>150</v>
      </c>
      <c r="AD18" s="257">
        <v>181</v>
      </c>
      <c r="AE18" s="257">
        <v>88</v>
      </c>
      <c r="AF18" s="257">
        <v>45</v>
      </c>
      <c r="AG18" s="257">
        <v>15</v>
      </c>
      <c r="AH18" s="254">
        <v>479</v>
      </c>
      <c r="AI18" s="259">
        <v>479</v>
      </c>
      <c r="AJ18" s="253">
        <v>0</v>
      </c>
      <c r="AK18" s="257">
        <v>0</v>
      </c>
      <c r="AL18" s="254">
        <v>0</v>
      </c>
      <c r="AM18" s="256">
        <v>0</v>
      </c>
      <c r="AN18" s="257">
        <v>6</v>
      </c>
      <c r="AO18" s="257">
        <v>14</v>
      </c>
      <c r="AP18" s="257">
        <v>6</v>
      </c>
      <c r="AQ18" s="257">
        <v>3</v>
      </c>
      <c r="AR18" s="257">
        <v>3</v>
      </c>
      <c r="AS18" s="254">
        <v>32</v>
      </c>
      <c r="AT18" s="259">
        <v>32</v>
      </c>
      <c r="AU18" s="253">
        <v>3</v>
      </c>
      <c r="AV18" s="257">
        <v>3</v>
      </c>
      <c r="AW18" s="254">
        <v>6</v>
      </c>
      <c r="AX18" s="256">
        <v>0</v>
      </c>
      <c r="AY18" s="257">
        <v>15</v>
      </c>
      <c r="AZ18" s="257">
        <v>18</v>
      </c>
      <c r="BA18" s="257">
        <v>17</v>
      </c>
      <c r="BB18" s="257">
        <v>19</v>
      </c>
      <c r="BC18" s="257">
        <v>9</v>
      </c>
      <c r="BD18" s="254">
        <v>78</v>
      </c>
      <c r="BE18" s="259">
        <v>84</v>
      </c>
      <c r="BF18" s="253">
        <v>0</v>
      </c>
      <c r="BG18" s="257">
        <v>1</v>
      </c>
      <c r="BH18" s="254">
        <v>1</v>
      </c>
      <c r="BI18" s="256">
        <v>0</v>
      </c>
      <c r="BJ18" s="257">
        <v>16</v>
      </c>
      <c r="BK18" s="257">
        <v>45</v>
      </c>
      <c r="BL18" s="257">
        <v>57</v>
      </c>
      <c r="BM18" s="257">
        <v>31</v>
      </c>
      <c r="BN18" s="257">
        <v>31</v>
      </c>
      <c r="BO18" s="258">
        <v>180</v>
      </c>
      <c r="BP18" s="259">
        <v>181</v>
      </c>
      <c r="BQ18" s="253">
        <v>0</v>
      </c>
      <c r="BR18" s="257">
        <v>0</v>
      </c>
      <c r="BS18" s="254">
        <v>0</v>
      </c>
      <c r="BT18" s="256">
        <v>0</v>
      </c>
      <c r="BU18" s="257">
        <v>0</v>
      </c>
      <c r="BV18" s="257">
        <v>0</v>
      </c>
      <c r="BW18" s="257">
        <v>0</v>
      </c>
      <c r="BX18" s="257">
        <v>0</v>
      </c>
      <c r="BY18" s="257">
        <v>0</v>
      </c>
      <c r="BZ18" s="254">
        <v>0</v>
      </c>
      <c r="CA18" s="259">
        <v>0</v>
      </c>
      <c r="CB18" s="253">
        <v>0</v>
      </c>
      <c r="CC18" s="257">
        <v>0</v>
      </c>
      <c r="CD18" s="254">
        <v>0</v>
      </c>
      <c r="CE18" s="256">
        <v>0</v>
      </c>
      <c r="CF18" s="257">
        <v>0</v>
      </c>
      <c r="CG18" s="257">
        <v>2</v>
      </c>
      <c r="CH18" s="257">
        <v>6</v>
      </c>
      <c r="CI18" s="257">
        <v>10</v>
      </c>
      <c r="CJ18" s="257">
        <v>12</v>
      </c>
      <c r="CK18" s="254">
        <v>30</v>
      </c>
      <c r="CL18" s="259">
        <v>30</v>
      </c>
      <c r="CM18" s="253">
        <v>0</v>
      </c>
      <c r="CN18" s="257">
        <v>0</v>
      </c>
      <c r="CO18" s="254">
        <v>0</v>
      </c>
      <c r="CP18" s="256">
        <v>0</v>
      </c>
      <c r="CQ18" s="257">
        <v>1</v>
      </c>
      <c r="CR18" s="257">
        <v>6</v>
      </c>
      <c r="CS18" s="257">
        <v>6</v>
      </c>
      <c r="CT18" s="257">
        <v>3</v>
      </c>
      <c r="CU18" s="257">
        <v>4</v>
      </c>
      <c r="CV18" s="254">
        <v>20</v>
      </c>
      <c r="CW18" s="259">
        <v>20</v>
      </c>
    </row>
    <row r="19" spans="2:101" ht="21" customHeight="1" x14ac:dyDescent="0.2">
      <c r="B19" s="437" t="s">
        <v>17</v>
      </c>
      <c r="C19" s="253">
        <v>0</v>
      </c>
      <c r="D19" s="254">
        <v>0</v>
      </c>
      <c r="E19" s="255">
        <v>0</v>
      </c>
      <c r="F19" s="256">
        <v>0</v>
      </c>
      <c r="G19" s="257">
        <v>2</v>
      </c>
      <c r="H19" s="257">
        <v>3</v>
      </c>
      <c r="I19" s="257">
        <v>3</v>
      </c>
      <c r="J19" s="257">
        <v>2</v>
      </c>
      <c r="K19" s="257">
        <v>1</v>
      </c>
      <c r="L19" s="258">
        <v>11</v>
      </c>
      <c r="M19" s="259">
        <v>11</v>
      </c>
      <c r="N19" s="253">
        <v>0</v>
      </c>
      <c r="O19" s="257">
        <v>0</v>
      </c>
      <c r="P19" s="254">
        <v>0</v>
      </c>
      <c r="Q19" s="256">
        <v>0</v>
      </c>
      <c r="R19" s="257">
        <v>0</v>
      </c>
      <c r="S19" s="257">
        <v>0</v>
      </c>
      <c r="T19" s="257">
        <v>0</v>
      </c>
      <c r="U19" s="257">
        <v>0</v>
      </c>
      <c r="V19" s="257">
        <v>0</v>
      </c>
      <c r="W19" s="254">
        <v>0</v>
      </c>
      <c r="X19" s="259">
        <v>0</v>
      </c>
      <c r="Y19" s="253">
        <v>0</v>
      </c>
      <c r="Z19" s="257">
        <v>0</v>
      </c>
      <c r="AA19" s="254">
        <v>0</v>
      </c>
      <c r="AB19" s="256">
        <v>0</v>
      </c>
      <c r="AC19" s="257">
        <v>269</v>
      </c>
      <c r="AD19" s="257">
        <v>331</v>
      </c>
      <c r="AE19" s="257">
        <v>150</v>
      </c>
      <c r="AF19" s="257">
        <v>88</v>
      </c>
      <c r="AG19" s="257">
        <v>31</v>
      </c>
      <c r="AH19" s="254">
        <v>869</v>
      </c>
      <c r="AI19" s="259">
        <v>869</v>
      </c>
      <c r="AJ19" s="253">
        <v>2</v>
      </c>
      <c r="AK19" s="257">
        <v>3</v>
      </c>
      <c r="AL19" s="254">
        <v>5</v>
      </c>
      <c r="AM19" s="256">
        <v>0</v>
      </c>
      <c r="AN19" s="257">
        <v>21</v>
      </c>
      <c r="AO19" s="257">
        <v>18</v>
      </c>
      <c r="AP19" s="257">
        <v>15</v>
      </c>
      <c r="AQ19" s="257">
        <v>14</v>
      </c>
      <c r="AR19" s="257">
        <v>8</v>
      </c>
      <c r="AS19" s="254">
        <v>76</v>
      </c>
      <c r="AT19" s="259">
        <v>81</v>
      </c>
      <c r="AU19" s="253">
        <v>0</v>
      </c>
      <c r="AV19" s="257">
        <v>3</v>
      </c>
      <c r="AW19" s="254">
        <v>3</v>
      </c>
      <c r="AX19" s="256">
        <v>0</v>
      </c>
      <c r="AY19" s="257">
        <v>12</v>
      </c>
      <c r="AZ19" s="257">
        <v>32</v>
      </c>
      <c r="BA19" s="257">
        <v>29</v>
      </c>
      <c r="BB19" s="257">
        <v>21</v>
      </c>
      <c r="BC19" s="257">
        <v>14</v>
      </c>
      <c r="BD19" s="254">
        <v>108</v>
      </c>
      <c r="BE19" s="259">
        <v>111</v>
      </c>
      <c r="BF19" s="253">
        <v>0</v>
      </c>
      <c r="BG19" s="257">
        <v>0</v>
      </c>
      <c r="BH19" s="254">
        <v>0</v>
      </c>
      <c r="BI19" s="256">
        <v>0</v>
      </c>
      <c r="BJ19" s="257">
        <v>33</v>
      </c>
      <c r="BK19" s="257">
        <v>64</v>
      </c>
      <c r="BL19" s="257">
        <v>79</v>
      </c>
      <c r="BM19" s="257">
        <v>42</v>
      </c>
      <c r="BN19" s="257">
        <v>25</v>
      </c>
      <c r="BO19" s="258">
        <v>243</v>
      </c>
      <c r="BP19" s="259">
        <v>243</v>
      </c>
      <c r="BQ19" s="253">
        <v>0</v>
      </c>
      <c r="BR19" s="257">
        <v>0</v>
      </c>
      <c r="BS19" s="254">
        <v>0</v>
      </c>
      <c r="BT19" s="256">
        <v>0</v>
      </c>
      <c r="BU19" s="257">
        <v>0</v>
      </c>
      <c r="BV19" s="257">
        <v>0</v>
      </c>
      <c r="BW19" s="257">
        <v>0</v>
      </c>
      <c r="BX19" s="257">
        <v>0</v>
      </c>
      <c r="BY19" s="257">
        <v>0</v>
      </c>
      <c r="BZ19" s="254">
        <v>0</v>
      </c>
      <c r="CA19" s="259">
        <v>0</v>
      </c>
      <c r="CB19" s="253">
        <v>0</v>
      </c>
      <c r="CC19" s="257">
        <v>0</v>
      </c>
      <c r="CD19" s="254">
        <v>0</v>
      </c>
      <c r="CE19" s="256">
        <v>0</v>
      </c>
      <c r="CF19" s="257">
        <v>0</v>
      </c>
      <c r="CG19" s="257">
        <v>2</v>
      </c>
      <c r="CH19" s="257">
        <v>26</v>
      </c>
      <c r="CI19" s="257">
        <v>41</v>
      </c>
      <c r="CJ19" s="257">
        <v>34</v>
      </c>
      <c r="CK19" s="254">
        <v>103</v>
      </c>
      <c r="CL19" s="259">
        <v>103</v>
      </c>
      <c r="CM19" s="253">
        <v>0</v>
      </c>
      <c r="CN19" s="257">
        <v>0</v>
      </c>
      <c r="CO19" s="254">
        <v>0</v>
      </c>
      <c r="CP19" s="256">
        <v>0</v>
      </c>
      <c r="CQ19" s="257">
        <v>1</v>
      </c>
      <c r="CR19" s="257">
        <v>3</v>
      </c>
      <c r="CS19" s="257">
        <v>2</v>
      </c>
      <c r="CT19" s="257">
        <v>4</v>
      </c>
      <c r="CU19" s="257">
        <v>9</v>
      </c>
      <c r="CV19" s="254">
        <v>19</v>
      </c>
      <c r="CW19" s="259">
        <v>19</v>
      </c>
    </row>
    <row r="20" spans="2:101" ht="21" customHeight="1" x14ac:dyDescent="0.2">
      <c r="B20" s="437" t="s">
        <v>18</v>
      </c>
      <c r="C20" s="253">
        <v>0</v>
      </c>
      <c r="D20" s="254">
        <v>0</v>
      </c>
      <c r="E20" s="255">
        <v>0</v>
      </c>
      <c r="F20" s="256">
        <v>0</v>
      </c>
      <c r="G20" s="257">
        <v>4</v>
      </c>
      <c r="H20" s="257">
        <v>6</v>
      </c>
      <c r="I20" s="257">
        <v>2</v>
      </c>
      <c r="J20" s="257">
        <v>2</v>
      </c>
      <c r="K20" s="257">
        <v>6</v>
      </c>
      <c r="L20" s="258">
        <v>20</v>
      </c>
      <c r="M20" s="259">
        <v>20</v>
      </c>
      <c r="N20" s="253">
        <v>0</v>
      </c>
      <c r="O20" s="257">
        <v>0</v>
      </c>
      <c r="P20" s="254">
        <v>0</v>
      </c>
      <c r="Q20" s="256">
        <v>0</v>
      </c>
      <c r="R20" s="257">
        <v>0</v>
      </c>
      <c r="S20" s="257">
        <v>0</v>
      </c>
      <c r="T20" s="257">
        <v>0</v>
      </c>
      <c r="U20" s="257">
        <v>0</v>
      </c>
      <c r="V20" s="257">
        <v>1</v>
      </c>
      <c r="W20" s="254">
        <v>1</v>
      </c>
      <c r="X20" s="259">
        <v>1</v>
      </c>
      <c r="Y20" s="253">
        <v>0</v>
      </c>
      <c r="Z20" s="257">
        <v>0</v>
      </c>
      <c r="AA20" s="254">
        <v>0</v>
      </c>
      <c r="AB20" s="256">
        <v>0</v>
      </c>
      <c r="AC20" s="257">
        <v>303</v>
      </c>
      <c r="AD20" s="257">
        <v>187</v>
      </c>
      <c r="AE20" s="257">
        <v>86</v>
      </c>
      <c r="AF20" s="257">
        <v>35</v>
      </c>
      <c r="AG20" s="257">
        <v>9</v>
      </c>
      <c r="AH20" s="254">
        <v>620</v>
      </c>
      <c r="AI20" s="259">
        <v>620</v>
      </c>
      <c r="AJ20" s="253">
        <v>0</v>
      </c>
      <c r="AK20" s="257">
        <v>0</v>
      </c>
      <c r="AL20" s="254">
        <v>0</v>
      </c>
      <c r="AM20" s="256">
        <v>0</v>
      </c>
      <c r="AN20" s="257">
        <v>11</v>
      </c>
      <c r="AO20" s="257">
        <v>8</v>
      </c>
      <c r="AP20" s="257">
        <v>24</v>
      </c>
      <c r="AQ20" s="257">
        <v>11</v>
      </c>
      <c r="AR20" s="257">
        <v>8</v>
      </c>
      <c r="AS20" s="254">
        <v>62</v>
      </c>
      <c r="AT20" s="259">
        <v>62</v>
      </c>
      <c r="AU20" s="253">
        <v>6</v>
      </c>
      <c r="AV20" s="257">
        <v>15</v>
      </c>
      <c r="AW20" s="254">
        <v>21</v>
      </c>
      <c r="AX20" s="256">
        <v>0</v>
      </c>
      <c r="AY20" s="257">
        <v>43</v>
      </c>
      <c r="AZ20" s="257">
        <v>43</v>
      </c>
      <c r="BA20" s="257">
        <v>53</v>
      </c>
      <c r="BB20" s="257">
        <v>17</v>
      </c>
      <c r="BC20" s="257">
        <v>8</v>
      </c>
      <c r="BD20" s="254">
        <v>164</v>
      </c>
      <c r="BE20" s="259">
        <v>185</v>
      </c>
      <c r="BF20" s="253">
        <v>0</v>
      </c>
      <c r="BG20" s="257">
        <v>3</v>
      </c>
      <c r="BH20" s="254">
        <v>3</v>
      </c>
      <c r="BI20" s="256">
        <v>0</v>
      </c>
      <c r="BJ20" s="257">
        <v>50</v>
      </c>
      <c r="BK20" s="257">
        <v>78</v>
      </c>
      <c r="BL20" s="257">
        <v>100</v>
      </c>
      <c r="BM20" s="257">
        <v>59</v>
      </c>
      <c r="BN20" s="257">
        <v>22</v>
      </c>
      <c r="BO20" s="258">
        <v>309</v>
      </c>
      <c r="BP20" s="259">
        <v>312</v>
      </c>
      <c r="BQ20" s="253">
        <v>0</v>
      </c>
      <c r="BR20" s="257">
        <v>0</v>
      </c>
      <c r="BS20" s="254">
        <v>0</v>
      </c>
      <c r="BT20" s="256">
        <v>0</v>
      </c>
      <c r="BU20" s="257">
        <v>0</v>
      </c>
      <c r="BV20" s="257">
        <v>0</v>
      </c>
      <c r="BW20" s="257">
        <v>0</v>
      </c>
      <c r="BX20" s="257">
        <v>0</v>
      </c>
      <c r="BY20" s="257">
        <v>0</v>
      </c>
      <c r="BZ20" s="254">
        <v>0</v>
      </c>
      <c r="CA20" s="259">
        <v>0</v>
      </c>
      <c r="CB20" s="253">
        <v>0</v>
      </c>
      <c r="CC20" s="257">
        <v>0</v>
      </c>
      <c r="CD20" s="254">
        <v>0</v>
      </c>
      <c r="CE20" s="256">
        <v>0</v>
      </c>
      <c r="CF20" s="257">
        <v>0</v>
      </c>
      <c r="CG20" s="257">
        <v>2</v>
      </c>
      <c r="CH20" s="257">
        <v>6</v>
      </c>
      <c r="CI20" s="257">
        <v>15</v>
      </c>
      <c r="CJ20" s="257">
        <v>5</v>
      </c>
      <c r="CK20" s="254">
        <v>28</v>
      </c>
      <c r="CL20" s="259">
        <v>28</v>
      </c>
      <c r="CM20" s="253">
        <v>0</v>
      </c>
      <c r="CN20" s="257">
        <v>0</v>
      </c>
      <c r="CO20" s="254">
        <v>0</v>
      </c>
      <c r="CP20" s="256">
        <v>0</v>
      </c>
      <c r="CQ20" s="257">
        <v>5</v>
      </c>
      <c r="CR20" s="257">
        <v>10</v>
      </c>
      <c r="CS20" s="257">
        <v>14</v>
      </c>
      <c r="CT20" s="257">
        <v>19</v>
      </c>
      <c r="CU20" s="257">
        <v>26</v>
      </c>
      <c r="CV20" s="254">
        <v>74</v>
      </c>
      <c r="CW20" s="259">
        <v>74</v>
      </c>
    </row>
    <row r="21" spans="2:101" ht="21" customHeight="1" x14ac:dyDescent="0.2">
      <c r="B21" s="437" t="s">
        <v>19</v>
      </c>
      <c r="C21" s="253">
        <v>0</v>
      </c>
      <c r="D21" s="254">
        <v>0</v>
      </c>
      <c r="E21" s="255">
        <v>0</v>
      </c>
      <c r="F21" s="256">
        <v>0</v>
      </c>
      <c r="G21" s="257">
        <v>13</v>
      </c>
      <c r="H21" s="257">
        <v>11</v>
      </c>
      <c r="I21" s="257">
        <v>5</v>
      </c>
      <c r="J21" s="257">
        <v>5</v>
      </c>
      <c r="K21" s="257">
        <v>7</v>
      </c>
      <c r="L21" s="258">
        <v>41</v>
      </c>
      <c r="M21" s="259">
        <v>41</v>
      </c>
      <c r="N21" s="253">
        <v>0</v>
      </c>
      <c r="O21" s="257">
        <v>0</v>
      </c>
      <c r="P21" s="254">
        <v>0</v>
      </c>
      <c r="Q21" s="256">
        <v>0</v>
      </c>
      <c r="R21" s="257">
        <v>1</v>
      </c>
      <c r="S21" s="257">
        <v>3</v>
      </c>
      <c r="T21" s="257">
        <v>4</v>
      </c>
      <c r="U21" s="257">
        <v>1</v>
      </c>
      <c r="V21" s="257">
        <v>1</v>
      </c>
      <c r="W21" s="254">
        <v>10</v>
      </c>
      <c r="X21" s="259">
        <v>10</v>
      </c>
      <c r="Y21" s="253">
        <v>0</v>
      </c>
      <c r="Z21" s="257">
        <v>0</v>
      </c>
      <c r="AA21" s="254">
        <v>0</v>
      </c>
      <c r="AB21" s="256">
        <v>0</v>
      </c>
      <c r="AC21" s="257">
        <v>127</v>
      </c>
      <c r="AD21" s="257">
        <v>104</v>
      </c>
      <c r="AE21" s="257">
        <v>50</v>
      </c>
      <c r="AF21" s="257">
        <v>20</v>
      </c>
      <c r="AG21" s="257">
        <v>11</v>
      </c>
      <c r="AH21" s="254">
        <v>312</v>
      </c>
      <c r="AI21" s="259">
        <v>312</v>
      </c>
      <c r="AJ21" s="253">
        <v>0</v>
      </c>
      <c r="AK21" s="257">
        <v>0</v>
      </c>
      <c r="AL21" s="254">
        <v>0</v>
      </c>
      <c r="AM21" s="256">
        <v>0</v>
      </c>
      <c r="AN21" s="257">
        <v>13</v>
      </c>
      <c r="AO21" s="257">
        <v>20</v>
      </c>
      <c r="AP21" s="257">
        <v>20</v>
      </c>
      <c r="AQ21" s="257">
        <v>3</v>
      </c>
      <c r="AR21" s="257">
        <v>5</v>
      </c>
      <c r="AS21" s="254">
        <v>61</v>
      </c>
      <c r="AT21" s="259">
        <v>61</v>
      </c>
      <c r="AU21" s="253">
        <v>0</v>
      </c>
      <c r="AV21" s="257">
        <v>3</v>
      </c>
      <c r="AW21" s="254">
        <v>3</v>
      </c>
      <c r="AX21" s="256">
        <v>0</v>
      </c>
      <c r="AY21" s="257">
        <v>18</v>
      </c>
      <c r="AZ21" s="257">
        <v>40</v>
      </c>
      <c r="BA21" s="257">
        <v>28</v>
      </c>
      <c r="BB21" s="257">
        <v>13</v>
      </c>
      <c r="BC21" s="257">
        <v>10</v>
      </c>
      <c r="BD21" s="254">
        <v>109</v>
      </c>
      <c r="BE21" s="259">
        <v>112</v>
      </c>
      <c r="BF21" s="253">
        <v>0</v>
      </c>
      <c r="BG21" s="257">
        <v>0</v>
      </c>
      <c r="BH21" s="254">
        <v>0</v>
      </c>
      <c r="BI21" s="256">
        <v>0</v>
      </c>
      <c r="BJ21" s="257">
        <v>12</v>
      </c>
      <c r="BK21" s="257">
        <v>26</v>
      </c>
      <c r="BL21" s="257">
        <v>27</v>
      </c>
      <c r="BM21" s="257">
        <v>19</v>
      </c>
      <c r="BN21" s="257">
        <v>14</v>
      </c>
      <c r="BO21" s="258">
        <v>98</v>
      </c>
      <c r="BP21" s="259">
        <v>98</v>
      </c>
      <c r="BQ21" s="253">
        <v>0</v>
      </c>
      <c r="BR21" s="257">
        <v>0</v>
      </c>
      <c r="BS21" s="254">
        <v>0</v>
      </c>
      <c r="BT21" s="256">
        <v>0</v>
      </c>
      <c r="BU21" s="257">
        <v>0</v>
      </c>
      <c r="BV21" s="257">
        <v>0</v>
      </c>
      <c r="BW21" s="257">
        <v>0</v>
      </c>
      <c r="BX21" s="257">
        <v>0</v>
      </c>
      <c r="BY21" s="257">
        <v>0</v>
      </c>
      <c r="BZ21" s="254">
        <v>0</v>
      </c>
      <c r="CA21" s="259">
        <v>0</v>
      </c>
      <c r="CB21" s="253">
        <v>0</v>
      </c>
      <c r="CC21" s="257">
        <v>0</v>
      </c>
      <c r="CD21" s="254">
        <v>0</v>
      </c>
      <c r="CE21" s="256">
        <v>0</v>
      </c>
      <c r="CF21" s="257">
        <v>0</v>
      </c>
      <c r="CG21" s="257">
        <v>0</v>
      </c>
      <c r="CH21" s="257">
        <v>0</v>
      </c>
      <c r="CI21" s="257">
        <v>0</v>
      </c>
      <c r="CJ21" s="257">
        <v>0</v>
      </c>
      <c r="CK21" s="254">
        <v>0</v>
      </c>
      <c r="CL21" s="259">
        <v>0</v>
      </c>
      <c r="CM21" s="253">
        <v>0</v>
      </c>
      <c r="CN21" s="257">
        <v>0</v>
      </c>
      <c r="CO21" s="254">
        <v>0</v>
      </c>
      <c r="CP21" s="256">
        <v>0</v>
      </c>
      <c r="CQ21" s="257">
        <v>1</v>
      </c>
      <c r="CR21" s="257">
        <v>4</v>
      </c>
      <c r="CS21" s="257">
        <v>2</v>
      </c>
      <c r="CT21" s="257">
        <v>3</v>
      </c>
      <c r="CU21" s="257">
        <v>12</v>
      </c>
      <c r="CV21" s="254">
        <v>22</v>
      </c>
      <c r="CW21" s="259">
        <v>22</v>
      </c>
    </row>
    <row r="22" spans="2:101" ht="21" customHeight="1" x14ac:dyDescent="0.2">
      <c r="B22" s="437" t="s">
        <v>20</v>
      </c>
      <c r="C22" s="253">
        <v>0</v>
      </c>
      <c r="D22" s="254">
        <v>0</v>
      </c>
      <c r="E22" s="255">
        <v>0</v>
      </c>
      <c r="F22" s="256">
        <v>0</v>
      </c>
      <c r="G22" s="257">
        <v>1</v>
      </c>
      <c r="H22" s="257">
        <v>0</v>
      </c>
      <c r="I22" s="257">
        <v>0</v>
      </c>
      <c r="J22" s="257">
        <v>0</v>
      </c>
      <c r="K22" s="257">
        <v>1</v>
      </c>
      <c r="L22" s="258">
        <v>2</v>
      </c>
      <c r="M22" s="259">
        <v>2</v>
      </c>
      <c r="N22" s="253">
        <v>0</v>
      </c>
      <c r="O22" s="257">
        <v>0</v>
      </c>
      <c r="P22" s="254">
        <v>0</v>
      </c>
      <c r="Q22" s="256">
        <v>0</v>
      </c>
      <c r="R22" s="257">
        <v>0</v>
      </c>
      <c r="S22" s="257">
        <v>0</v>
      </c>
      <c r="T22" s="257">
        <v>0</v>
      </c>
      <c r="U22" s="257">
        <v>0</v>
      </c>
      <c r="V22" s="257">
        <v>0</v>
      </c>
      <c r="W22" s="254">
        <v>0</v>
      </c>
      <c r="X22" s="259">
        <v>0</v>
      </c>
      <c r="Y22" s="253">
        <v>0</v>
      </c>
      <c r="Z22" s="257">
        <v>0</v>
      </c>
      <c r="AA22" s="254">
        <v>0</v>
      </c>
      <c r="AB22" s="256">
        <v>0</v>
      </c>
      <c r="AC22" s="257">
        <v>181</v>
      </c>
      <c r="AD22" s="257">
        <v>108</v>
      </c>
      <c r="AE22" s="257">
        <v>49</v>
      </c>
      <c r="AF22" s="257">
        <v>17</v>
      </c>
      <c r="AG22" s="257">
        <v>8</v>
      </c>
      <c r="AH22" s="254">
        <v>363</v>
      </c>
      <c r="AI22" s="259">
        <v>363</v>
      </c>
      <c r="AJ22" s="253">
        <v>0</v>
      </c>
      <c r="AK22" s="257">
        <v>0</v>
      </c>
      <c r="AL22" s="254">
        <v>0</v>
      </c>
      <c r="AM22" s="256">
        <v>0</v>
      </c>
      <c r="AN22" s="257">
        <v>2</v>
      </c>
      <c r="AO22" s="257">
        <v>1</v>
      </c>
      <c r="AP22" s="257">
        <v>5</v>
      </c>
      <c r="AQ22" s="257">
        <v>2</v>
      </c>
      <c r="AR22" s="257">
        <v>2</v>
      </c>
      <c r="AS22" s="254">
        <v>12</v>
      </c>
      <c r="AT22" s="259">
        <v>12</v>
      </c>
      <c r="AU22" s="253">
        <v>0</v>
      </c>
      <c r="AV22" s="257">
        <v>1</v>
      </c>
      <c r="AW22" s="254">
        <v>1</v>
      </c>
      <c r="AX22" s="256">
        <v>0</v>
      </c>
      <c r="AY22" s="257">
        <v>20</v>
      </c>
      <c r="AZ22" s="257">
        <v>11</v>
      </c>
      <c r="BA22" s="257">
        <v>11</v>
      </c>
      <c r="BB22" s="257">
        <v>3</v>
      </c>
      <c r="BC22" s="257">
        <v>1</v>
      </c>
      <c r="BD22" s="254">
        <v>46</v>
      </c>
      <c r="BE22" s="259">
        <v>47</v>
      </c>
      <c r="BF22" s="253">
        <v>0</v>
      </c>
      <c r="BG22" s="257">
        <v>0</v>
      </c>
      <c r="BH22" s="254">
        <v>0</v>
      </c>
      <c r="BI22" s="256">
        <v>0</v>
      </c>
      <c r="BJ22" s="257">
        <v>16</v>
      </c>
      <c r="BK22" s="257">
        <v>32</v>
      </c>
      <c r="BL22" s="257">
        <v>54</v>
      </c>
      <c r="BM22" s="257">
        <v>16</v>
      </c>
      <c r="BN22" s="257">
        <v>19</v>
      </c>
      <c r="BO22" s="258">
        <v>137</v>
      </c>
      <c r="BP22" s="259">
        <v>137</v>
      </c>
      <c r="BQ22" s="253">
        <v>0</v>
      </c>
      <c r="BR22" s="257">
        <v>0</v>
      </c>
      <c r="BS22" s="254">
        <v>0</v>
      </c>
      <c r="BT22" s="256">
        <v>0</v>
      </c>
      <c r="BU22" s="257">
        <v>0</v>
      </c>
      <c r="BV22" s="257">
        <v>0</v>
      </c>
      <c r="BW22" s="257">
        <v>0</v>
      </c>
      <c r="BX22" s="257">
        <v>0</v>
      </c>
      <c r="BY22" s="257">
        <v>0</v>
      </c>
      <c r="BZ22" s="254">
        <v>0</v>
      </c>
      <c r="CA22" s="259">
        <v>0</v>
      </c>
      <c r="CB22" s="253">
        <v>0</v>
      </c>
      <c r="CC22" s="257">
        <v>0</v>
      </c>
      <c r="CD22" s="254">
        <v>0</v>
      </c>
      <c r="CE22" s="256">
        <v>0</v>
      </c>
      <c r="CF22" s="257">
        <v>0</v>
      </c>
      <c r="CG22" s="257">
        <v>0</v>
      </c>
      <c r="CH22" s="257">
        <v>0</v>
      </c>
      <c r="CI22" s="257">
        <v>0</v>
      </c>
      <c r="CJ22" s="257">
        <v>0</v>
      </c>
      <c r="CK22" s="254">
        <v>0</v>
      </c>
      <c r="CL22" s="259">
        <v>0</v>
      </c>
      <c r="CM22" s="253">
        <v>0</v>
      </c>
      <c r="CN22" s="257">
        <v>0</v>
      </c>
      <c r="CO22" s="254">
        <v>0</v>
      </c>
      <c r="CP22" s="256">
        <v>0</v>
      </c>
      <c r="CQ22" s="257">
        <v>0</v>
      </c>
      <c r="CR22" s="257">
        <v>0</v>
      </c>
      <c r="CS22" s="257">
        <v>0</v>
      </c>
      <c r="CT22" s="257">
        <v>0</v>
      </c>
      <c r="CU22" s="257">
        <v>0</v>
      </c>
      <c r="CV22" s="254">
        <v>0</v>
      </c>
      <c r="CW22" s="259">
        <v>0</v>
      </c>
    </row>
    <row r="23" spans="2:101" ht="21" customHeight="1" x14ac:dyDescent="0.2">
      <c r="B23" s="437" t="s">
        <v>21</v>
      </c>
      <c r="C23" s="253">
        <v>0</v>
      </c>
      <c r="D23" s="254">
        <v>0</v>
      </c>
      <c r="E23" s="255">
        <v>0</v>
      </c>
      <c r="F23" s="256">
        <v>0</v>
      </c>
      <c r="G23" s="257">
        <v>3</v>
      </c>
      <c r="H23" s="257">
        <v>3</v>
      </c>
      <c r="I23" s="257">
        <v>1</v>
      </c>
      <c r="J23" s="257">
        <v>3</v>
      </c>
      <c r="K23" s="257">
        <v>3</v>
      </c>
      <c r="L23" s="258">
        <v>13</v>
      </c>
      <c r="M23" s="259">
        <v>13</v>
      </c>
      <c r="N23" s="253">
        <v>0</v>
      </c>
      <c r="O23" s="257">
        <v>0</v>
      </c>
      <c r="P23" s="254">
        <v>0</v>
      </c>
      <c r="Q23" s="256">
        <v>0</v>
      </c>
      <c r="R23" s="257">
        <v>0</v>
      </c>
      <c r="S23" s="257">
        <v>0</v>
      </c>
      <c r="T23" s="257">
        <v>0</v>
      </c>
      <c r="U23" s="257">
        <v>0</v>
      </c>
      <c r="V23" s="257">
        <v>0</v>
      </c>
      <c r="W23" s="254">
        <v>0</v>
      </c>
      <c r="X23" s="259">
        <v>0</v>
      </c>
      <c r="Y23" s="253">
        <v>0</v>
      </c>
      <c r="Z23" s="257">
        <v>0</v>
      </c>
      <c r="AA23" s="254">
        <v>0</v>
      </c>
      <c r="AB23" s="256">
        <v>0</v>
      </c>
      <c r="AC23" s="257">
        <v>194</v>
      </c>
      <c r="AD23" s="257">
        <v>178</v>
      </c>
      <c r="AE23" s="257">
        <v>81</v>
      </c>
      <c r="AF23" s="257">
        <v>32</v>
      </c>
      <c r="AG23" s="257">
        <v>12</v>
      </c>
      <c r="AH23" s="254">
        <v>497</v>
      </c>
      <c r="AI23" s="259">
        <v>497</v>
      </c>
      <c r="AJ23" s="253">
        <v>0</v>
      </c>
      <c r="AK23" s="257">
        <v>0</v>
      </c>
      <c r="AL23" s="254">
        <v>0</v>
      </c>
      <c r="AM23" s="256">
        <v>0</v>
      </c>
      <c r="AN23" s="257">
        <v>0</v>
      </c>
      <c r="AO23" s="257">
        <v>0</v>
      </c>
      <c r="AP23" s="257">
        <v>0</v>
      </c>
      <c r="AQ23" s="257">
        <v>0</v>
      </c>
      <c r="AR23" s="257">
        <v>0</v>
      </c>
      <c r="AS23" s="254">
        <v>0</v>
      </c>
      <c r="AT23" s="259">
        <v>0</v>
      </c>
      <c r="AU23" s="253">
        <v>0</v>
      </c>
      <c r="AV23" s="257">
        <v>0</v>
      </c>
      <c r="AW23" s="254">
        <v>0</v>
      </c>
      <c r="AX23" s="256">
        <v>0</v>
      </c>
      <c r="AY23" s="257">
        <v>12</v>
      </c>
      <c r="AZ23" s="257">
        <v>6</v>
      </c>
      <c r="BA23" s="257">
        <v>19</v>
      </c>
      <c r="BB23" s="257">
        <v>6</v>
      </c>
      <c r="BC23" s="257">
        <v>2</v>
      </c>
      <c r="BD23" s="254">
        <v>45</v>
      </c>
      <c r="BE23" s="259">
        <v>45</v>
      </c>
      <c r="BF23" s="253">
        <v>0</v>
      </c>
      <c r="BG23" s="257">
        <v>0</v>
      </c>
      <c r="BH23" s="254">
        <v>0</v>
      </c>
      <c r="BI23" s="256">
        <v>0</v>
      </c>
      <c r="BJ23" s="257">
        <v>17</v>
      </c>
      <c r="BK23" s="257">
        <v>36</v>
      </c>
      <c r="BL23" s="257">
        <v>42</v>
      </c>
      <c r="BM23" s="257">
        <v>17</v>
      </c>
      <c r="BN23" s="257">
        <v>10</v>
      </c>
      <c r="BO23" s="258">
        <v>122</v>
      </c>
      <c r="BP23" s="259">
        <v>122</v>
      </c>
      <c r="BQ23" s="253">
        <v>0</v>
      </c>
      <c r="BR23" s="257">
        <v>0</v>
      </c>
      <c r="BS23" s="254">
        <v>0</v>
      </c>
      <c r="BT23" s="256">
        <v>0</v>
      </c>
      <c r="BU23" s="257">
        <v>0</v>
      </c>
      <c r="BV23" s="257">
        <v>0</v>
      </c>
      <c r="BW23" s="257">
        <v>0</v>
      </c>
      <c r="BX23" s="257">
        <v>0</v>
      </c>
      <c r="BY23" s="257">
        <v>0</v>
      </c>
      <c r="BZ23" s="254">
        <v>0</v>
      </c>
      <c r="CA23" s="259">
        <v>0</v>
      </c>
      <c r="CB23" s="253">
        <v>0</v>
      </c>
      <c r="CC23" s="257">
        <v>0</v>
      </c>
      <c r="CD23" s="254">
        <v>0</v>
      </c>
      <c r="CE23" s="256">
        <v>0</v>
      </c>
      <c r="CF23" s="257">
        <v>0</v>
      </c>
      <c r="CG23" s="257">
        <v>0</v>
      </c>
      <c r="CH23" s="257">
        <v>0</v>
      </c>
      <c r="CI23" s="257">
        <v>0</v>
      </c>
      <c r="CJ23" s="257">
        <v>0</v>
      </c>
      <c r="CK23" s="254">
        <v>0</v>
      </c>
      <c r="CL23" s="259">
        <v>0</v>
      </c>
      <c r="CM23" s="253">
        <v>0</v>
      </c>
      <c r="CN23" s="257">
        <v>0</v>
      </c>
      <c r="CO23" s="254">
        <v>0</v>
      </c>
      <c r="CP23" s="256">
        <v>0</v>
      </c>
      <c r="CQ23" s="257">
        <v>2</v>
      </c>
      <c r="CR23" s="257">
        <v>3</v>
      </c>
      <c r="CS23" s="257">
        <v>3</v>
      </c>
      <c r="CT23" s="257">
        <v>1</v>
      </c>
      <c r="CU23" s="257">
        <v>6</v>
      </c>
      <c r="CV23" s="254">
        <v>15</v>
      </c>
      <c r="CW23" s="259">
        <v>15</v>
      </c>
    </row>
    <row r="24" spans="2:101" ht="21" customHeight="1" x14ac:dyDescent="0.2">
      <c r="B24" s="437" t="s">
        <v>22</v>
      </c>
      <c r="C24" s="253">
        <v>0</v>
      </c>
      <c r="D24" s="254">
        <v>0</v>
      </c>
      <c r="E24" s="255">
        <v>0</v>
      </c>
      <c r="F24" s="256">
        <v>0</v>
      </c>
      <c r="G24" s="257">
        <v>0</v>
      </c>
      <c r="H24" s="257">
        <v>8</v>
      </c>
      <c r="I24" s="257">
        <v>4</v>
      </c>
      <c r="J24" s="257">
        <v>4</v>
      </c>
      <c r="K24" s="257">
        <v>0</v>
      </c>
      <c r="L24" s="258">
        <v>16</v>
      </c>
      <c r="M24" s="259">
        <v>16</v>
      </c>
      <c r="N24" s="253">
        <v>0</v>
      </c>
      <c r="O24" s="257">
        <v>0</v>
      </c>
      <c r="P24" s="254">
        <v>0</v>
      </c>
      <c r="Q24" s="256">
        <v>0</v>
      </c>
      <c r="R24" s="257">
        <v>0</v>
      </c>
      <c r="S24" s="257">
        <v>0</v>
      </c>
      <c r="T24" s="257">
        <v>0</v>
      </c>
      <c r="U24" s="257">
        <v>0</v>
      </c>
      <c r="V24" s="257">
        <v>0</v>
      </c>
      <c r="W24" s="254">
        <v>0</v>
      </c>
      <c r="X24" s="259">
        <v>0</v>
      </c>
      <c r="Y24" s="253">
        <v>0</v>
      </c>
      <c r="Z24" s="257">
        <v>0</v>
      </c>
      <c r="AA24" s="254">
        <v>0</v>
      </c>
      <c r="AB24" s="256">
        <v>0</v>
      </c>
      <c r="AC24" s="257">
        <v>113</v>
      </c>
      <c r="AD24" s="257">
        <v>97</v>
      </c>
      <c r="AE24" s="257">
        <v>43</v>
      </c>
      <c r="AF24" s="257">
        <v>24</v>
      </c>
      <c r="AG24" s="257">
        <v>3</v>
      </c>
      <c r="AH24" s="254">
        <v>280</v>
      </c>
      <c r="AI24" s="259">
        <v>280</v>
      </c>
      <c r="AJ24" s="253">
        <v>0</v>
      </c>
      <c r="AK24" s="257">
        <v>0</v>
      </c>
      <c r="AL24" s="254">
        <v>0</v>
      </c>
      <c r="AM24" s="256">
        <v>0</v>
      </c>
      <c r="AN24" s="257">
        <v>3</v>
      </c>
      <c r="AO24" s="257">
        <v>3</v>
      </c>
      <c r="AP24" s="257">
        <v>5</v>
      </c>
      <c r="AQ24" s="257">
        <v>2</v>
      </c>
      <c r="AR24" s="257">
        <v>3</v>
      </c>
      <c r="AS24" s="254">
        <v>16</v>
      </c>
      <c r="AT24" s="259">
        <v>16</v>
      </c>
      <c r="AU24" s="253">
        <v>3</v>
      </c>
      <c r="AV24" s="257">
        <v>3</v>
      </c>
      <c r="AW24" s="254">
        <v>6</v>
      </c>
      <c r="AX24" s="256">
        <v>0</v>
      </c>
      <c r="AY24" s="257">
        <v>19</v>
      </c>
      <c r="AZ24" s="257">
        <v>24</v>
      </c>
      <c r="BA24" s="257">
        <v>5</v>
      </c>
      <c r="BB24" s="257">
        <v>10</v>
      </c>
      <c r="BC24" s="257">
        <v>5</v>
      </c>
      <c r="BD24" s="254">
        <v>63</v>
      </c>
      <c r="BE24" s="259">
        <v>69</v>
      </c>
      <c r="BF24" s="253">
        <v>0</v>
      </c>
      <c r="BG24" s="257">
        <v>0</v>
      </c>
      <c r="BH24" s="254">
        <v>0</v>
      </c>
      <c r="BI24" s="256">
        <v>0</v>
      </c>
      <c r="BJ24" s="257">
        <v>9</v>
      </c>
      <c r="BK24" s="257">
        <v>17</v>
      </c>
      <c r="BL24" s="257">
        <v>15</v>
      </c>
      <c r="BM24" s="257">
        <v>15</v>
      </c>
      <c r="BN24" s="257">
        <v>5</v>
      </c>
      <c r="BO24" s="258">
        <v>61</v>
      </c>
      <c r="BP24" s="259">
        <v>61</v>
      </c>
      <c r="BQ24" s="253">
        <v>0</v>
      </c>
      <c r="BR24" s="257">
        <v>0</v>
      </c>
      <c r="BS24" s="254">
        <v>0</v>
      </c>
      <c r="BT24" s="256">
        <v>0</v>
      </c>
      <c r="BU24" s="257">
        <v>0</v>
      </c>
      <c r="BV24" s="257">
        <v>0</v>
      </c>
      <c r="BW24" s="257">
        <v>0</v>
      </c>
      <c r="BX24" s="257">
        <v>0</v>
      </c>
      <c r="BY24" s="257">
        <v>0</v>
      </c>
      <c r="BZ24" s="254">
        <v>0</v>
      </c>
      <c r="CA24" s="259">
        <v>0</v>
      </c>
      <c r="CB24" s="253">
        <v>0</v>
      </c>
      <c r="CC24" s="257">
        <v>0</v>
      </c>
      <c r="CD24" s="254">
        <v>0</v>
      </c>
      <c r="CE24" s="256">
        <v>0</v>
      </c>
      <c r="CF24" s="257">
        <v>0</v>
      </c>
      <c r="CG24" s="257">
        <v>0</v>
      </c>
      <c r="CH24" s="257">
        <v>6</v>
      </c>
      <c r="CI24" s="257">
        <v>12</v>
      </c>
      <c r="CJ24" s="257">
        <v>10</v>
      </c>
      <c r="CK24" s="254">
        <v>28</v>
      </c>
      <c r="CL24" s="259">
        <v>28</v>
      </c>
      <c r="CM24" s="253">
        <v>0</v>
      </c>
      <c r="CN24" s="257">
        <v>0</v>
      </c>
      <c r="CO24" s="254">
        <v>0</v>
      </c>
      <c r="CP24" s="256">
        <v>0</v>
      </c>
      <c r="CQ24" s="257">
        <v>0</v>
      </c>
      <c r="CR24" s="257">
        <v>0</v>
      </c>
      <c r="CS24" s="257">
        <v>0</v>
      </c>
      <c r="CT24" s="257">
        <v>0</v>
      </c>
      <c r="CU24" s="257">
        <v>0</v>
      </c>
      <c r="CV24" s="254">
        <v>0</v>
      </c>
      <c r="CW24" s="259">
        <v>0</v>
      </c>
    </row>
    <row r="25" spans="2:101" ht="21" customHeight="1" x14ac:dyDescent="0.2">
      <c r="B25" s="437" t="s">
        <v>23</v>
      </c>
      <c r="C25" s="253">
        <v>0</v>
      </c>
      <c r="D25" s="254">
        <v>0</v>
      </c>
      <c r="E25" s="255">
        <v>0</v>
      </c>
      <c r="F25" s="256">
        <v>0</v>
      </c>
      <c r="G25" s="257">
        <v>0</v>
      </c>
      <c r="H25" s="257">
        <v>0</v>
      </c>
      <c r="I25" s="257">
        <v>1</v>
      </c>
      <c r="J25" s="257">
        <v>0</v>
      </c>
      <c r="K25" s="257">
        <v>1</v>
      </c>
      <c r="L25" s="258">
        <v>2</v>
      </c>
      <c r="M25" s="259">
        <v>2</v>
      </c>
      <c r="N25" s="253">
        <v>0</v>
      </c>
      <c r="O25" s="257">
        <v>0</v>
      </c>
      <c r="P25" s="254">
        <v>0</v>
      </c>
      <c r="Q25" s="256">
        <v>0</v>
      </c>
      <c r="R25" s="257">
        <v>0</v>
      </c>
      <c r="S25" s="257">
        <v>0</v>
      </c>
      <c r="T25" s="257">
        <v>0</v>
      </c>
      <c r="U25" s="257">
        <v>0</v>
      </c>
      <c r="V25" s="257">
        <v>0</v>
      </c>
      <c r="W25" s="254">
        <v>0</v>
      </c>
      <c r="X25" s="259">
        <v>0</v>
      </c>
      <c r="Y25" s="253">
        <v>0</v>
      </c>
      <c r="Z25" s="257">
        <v>0</v>
      </c>
      <c r="AA25" s="254">
        <v>0</v>
      </c>
      <c r="AB25" s="256">
        <v>0</v>
      </c>
      <c r="AC25" s="257">
        <v>70</v>
      </c>
      <c r="AD25" s="257">
        <v>48</v>
      </c>
      <c r="AE25" s="257">
        <v>31</v>
      </c>
      <c r="AF25" s="257">
        <v>13</v>
      </c>
      <c r="AG25" s="257">
        <v>2</v>
      </c>
      <c r="AH25" s="254">
        <v>164</v>
      </c>
      <c r="AI25" s="259">
        <v>164</v>
      </c>
      <c r="AJ25" s="253">
        <v>0</v>
      </c>
      <c r="AK25" s="257">
        <v>0</v>
      </c>
      <c r="AL25" s="254">
        <v>0</v>
      </c>
      <c r="AM25" s="256">
        <v>0</v>
      </c>
      <c r="AN25" s="257">
        <v>0</v>
      </c>
      <c r="AO25" s="257">
        <v>0</v>
      </c>
      <c r="AP25" s="257">
        <v>3</v>
      </c>
      <c r="AQ25" s="257">
        <v>1</v>
      </c>
      <c r="AR25" s="257">
        <v>0</v>
      </c>
      <c r="AS25" s="254">
        <v>4</v>
      </c>
      <c r="AT25" s="259">
        <v>4</v>
      </c>
      <c r="AU25" s="253">
        <v>0</v>
      </c>
      <c r="AV25" s="257">
        <v>0</v>
      </c>
      <c r="AW25" s="254">
        <v>0</v>
      </c>
      <c r="AX25" s="256">
        <v>0</v>
      </c>
      <c r="AY25" s="257">
        <v>6</v>
      </c>
      <c r="AZ25" s="257">
        <v>4</v>
      </c>
      <c r="BA25" s="257">
        <v>6</v>
      </c>
      <c r="BB25" s="257">
        <v>1</v>
      </c>
      <c r="BC25" s="257">
        <v>0</v>
      </c>
      <c r="BD25" s="254">
        <v>17</v>
      </c>
      <c r="BE25" s="259">
        <v>17</v>
      </c>
      <c r="BF25" s="253">
        <v>0</v>
      </c>
      <c r="BG25" s="257">
        <v>0</v>
      </c>
      <c r="BH25" s="254">
        <v>0</v>
      </c>
      <c r="BI25" s="256">
        <v>0</v>
      </c>
      <c r="BJ25" s="257">
        <v>42</v>
      </c>
      <c r="BK25" s="257">
        <v>23</v>
      </c>
      <c r="BL25" s="257">
        <v>20</v>
      </c>
      <c r="BM25" s="257">
        <v>23</v>
      </c>
      <c r="BN25" s="257">
        <v>4</v>
      </c>
      <c r="BO25" s="258">
        <v>112</v>
      </c>
      <c r="BP25" s="259">
        <v>112</v>
      </c>
      <c r="BQ25" s="253">
        <v>0</v>
      </c>
      <c r="BR25" s="257">
        <v>0</v>
      </c>
      <c r="BS25" s="254">
        <v>0</v>
      </c>
      <c r="BT25" s="256">
        <v>0</v>
      </c>
      <c r="BU25" s="257">
        <v>0</v>
      </c>
      <c r="BV25" s="257">
        <v>0</v>
      </c>
      <c r="BW25" s="257">
        <v>0</v>
      </c>
      <c r="BX25" s="257">
        <v>0</v>
      </c>
      <c r="BY25" s="257">
        <v>0</v>
      </c>
      <c r="BZ25" s="254">
        <v>0</v>
      </c>
      <c r="CA25" s="259">
        <v>0</v>
      </c>
      <c r="CB25" s="253">
        <v>0</v>
      </c>
      <c r="CC25" s="257">
        <v>0</v>
      </c>
      <c r="CD25" s="254">
        <v>0</v>
      </c>
      <c r="CE25" s="256">
        <v>0</v>
      </c>
      <c r="CF25" s="257">
        <v>0</v>
      </c>
      <c r="CG25" s="257">
        <v>0</v>
      </c>
      <c r="CH25" s="257">
        <v>0</v>
      </c>
      <c r="CI25" s="257">
        <v>0</v>
      </c>
      <c r="CJ25" s="257">
        <v>0</v>
      </c>
      <c r="CK25" s="254">
        <v>0</v>
      </c>
      <c r="CL25" s="259">
        <v>0</v>
      </c>
      <c r="CM25" s="253">
        <v>0</v>
      </c>
      <c r="CN25" s="257">
        <v>0</v>
      </c>
      <c r="CO25" s="254">
        <v>0</v>
      </c>
      <c r="CP25" s="256">
        <v>0</v>
      </c>
      <c r="CQ25" s="257">
        <v>0</v>
      </c>
      <c r="CR25" s="257">
        <v>0</v>
      </c>
      <c r="CS25" s="257">
        <v>0</v>
      </c>
      <c r="CT25" s="257">
        <v>1</v>
      </c>
      <c r="CU25" s="257">
        <v>0</v>
      </c>
      <c r="CV25" s="254">
        <v>1</v>
      </c>
      <c r="CW25" s="259">
        <v>1</v>
      </c>
    </row>
    <row r="26" spans="2:101" ht="21" customHeight="1" x14ac:dyDescent="0.2">
      <c r="B26" s="437" t="s">
        <v>24</v>
      </c>
      <c r="C26" s="253">
        <v>0</v>
      </c>
      <c r="D26" s="254">
        <v>0</v>
      </c>
      <c r="E26" s="255">
        <v>0</v>
      </c>
      <c r="F26" s="256">
        <v>0</v>
      </c>
      <c r="G26" s="257">
        <v>1</v>
      </c>
      <c r="H26" s="257">
        <v>2</v>
      </c>
      <c r="I26" s="257">
        <v>3</v>
      </c>
      <c r="J26" s="257">
        <v>5</v>
      </c>
      <c r="K26" s="257">
        <v>0</v>
      </c>
      <c r="L26" s="258">
        <v>11</v>
      </c>
      <c r="M26" s="259">
        <v>11</v>
      </c>
      <c r="N26" s="253">
        <v>0</v>
      </c>
      <c r="O26" s="257">
        <v>0</v>
      </c>
      <c r="P26" s="254">
        <v>0</v>
      </c>
      <c r="Q26" s="256">
        <v>0</v>
      </c>
      <c r="R26" s="257">
        <v>0</v>
      </c>
      <c r="S26" s="257">
        <v>0</v>
      </c>
      <c r="T26" s="257">
        <v>0</v>
      </c>
      <c r="U26" s="257">
        <v>0</v>
      </c>
      <c r="V26" s="257">
        <v>0</v>
      </c>
      <c r="W26" s="254">
        <v>0</v>
      </c>
      <c r="X26" s="259">
        <v>0</v>
      </c>
      <c r="Y26" s="253">
        <v>0</v>
      </c>
      <c r="Z26" s="257">
        <v>0</v>
      </c>
      <c r="AA26" s="254">
        <v>0</v>
      </c>
      <c r="AB26" s="256">
        <v>0</v>
      </c>
      <c r="AC26" s="257">
        <v>25</v>
      </c>
      <c r="AD26" s="257">
        <v>15</v>
      </c>
      <c r="AE26" s="257">
        <v>15</v>
      </c>
      <c r="AF26" s="257">
        <v>7</v>
      </c>
      <c r="AG26" s="257">
        <v>3</v>
      </c>
      <c r="AH26" s="254">
        <v>65</v>
      </c>
      <c r="AI26" s="259">
        <v>65</v>
      </c>
      <c r="AJ26" s="253">
        <v>0</v>
      </c>
      <c r="AK26" s="257">
        <v>0</v>
      </c>
      <c r="AL26" s="254">
        <v>0</v>
      </c>
      <c r="AM26" s="256">
        <v>0</v>
      </c>
      <c r="AN26" s="257">
        <v>5</v>
      </c>
      <c r="AO26" s="257">
        <v>8</v>
      </c>
      <c r="AP26" s="257">
        <v>4</v>
      </c>
      <c r="AQ26" s="257">
        <v>2</v>
      </c>
      <c r="AR26" s="257">
        <v>1</v>
      </c>
      <c r="AS26" s="254">
        <v>20</v>
      </c>
      <c r="AT26" s="259">
        <v>20</v>
      </c>
      <c r="AU26" s="253">
        <v>2</v>
      </c>
      <c r="AV26" s="257">
        <v>3</v>
      </c>
      <c r="AW26" s="254">
        <v>5</v>
      </c>
      <c r="AX26" s="256">
        <v>0</v>
      </c>
      <c r="AY26" s="257">
        <v>13</v>
      </c>
      <c r="AZ26" s="257">
        <v>11</v>
      </c>
      <c r="BA26" s="257">
        <v>7</v>
      </c>
      <c r="BB26" s="257">
        <v>5</v>
      </c>
      <c r="BC26" s="257">
        <v>2</v>
      </c>
      <c r="BD26" s="254">
        <v>38</v>
      </c>
      <c r="BE26" s="259">
        <v>43</v>
      </c>
      <c r="BF26" s="253">
        <v>0</v>
      </c>
      <c r="BG26" s="257">
        <v>0</v>
      </c>
      <c r="BH26" s="254">
        <v>0</v>
      </c>
      <c r="BI26" s="256">
        <v>0</v>
      </c>
      <c r="BJ26" s="257">
        <v>1</v>
      </c>
      <c r="BK26" s="257">
        <v>4</v>
      </c>
      <c r="BL26" s="257">
        <v>6</v>
      </c>
      <c r="BM26" s="257">
        <v>4</v>
      </c>
      <c r="BN26" s="257">
        <v>3</v>
      </c>
      <c r="BO26" s="258">
        <v>18</v>
      </c>
      <c r="BP26" s="259">
        <v>18</v>
      </c>
      <c r="BQ26" s="253">
        <v>0</v>
      </c>
      <c r="BR26" s="257">
        <v>0</v>
      </c>
      <c r="BS26" s="254">
        <v>0</v>
      </c>
      <c r="BT26" s="256">
        <v>0</v>
      </c>
      <c r="BU26" s="257">
        <v>0</v>
      </c>
      <c r="BV26" s="257">
        <v>0</v>
      </c>
      <c r="BW26" s="257">
        <v>0</v>
      </c>
      <c r="BX26" s="257">
        <v>0</v>
      </c>
      <c r="BY26" s="257">
        <v>0</v>
      </c>
      <c r="BZ26" s="254">
        <v>0</v>
      </c>
      <c r="CA26" s="259">
        <v>0</v>
      </c>
      <c r="CB26" s="253">
        <v>0</v>
      </c>
      <c r="CC26" s="257">
        <v>0</v>
      </c>
      <c r="CD26" s="254">
        <v>0</v>
      </c>
      <c r="CE26" s="256">
        <v>0</v>
      </c>
      <c r="CF26" s="257">
        <v>0</v>
      </c>
      <c r="CG26" s="257">
        <v>0</v>
      </c>
      <c r="CH26" s="257">
        <v>0</v>
      </c>
      <c r="CI26" s="257">
        <v>0</v>
      </c>
      <c r="CJ26" s="257">
        <v>0</v>
      </c>
      <c r="CK26" s="254">
        <v>0</v>
      </c>
      <c r="CL26" s="259">
        <v>0</v>
      </c>
      <c r="CM26" s="253">
        <v>0</v>
      </c>
      <c r="CN26" s="257">
        <v>0</v>
      </c>
      <c r="CO26" s="254">
        <v>0</v>
      </c>
      <c r="CP26" s="256">
        <v>0</v>
      </c>
      <c r="CQ26" s="257">
        <v>0</v>
      </c>
      <c r="CR26" s="257">
        <v>0</v>
      </c>
      <c r="CS26" s="257">
        <v>0</v>
      </c>
      <c r="CT26" s="257">
        <v>0</v>
      </c>
      <c r="CU26" s="257">
        <v>0</v>
      </c>
      <c r="CV26" s="254">
        <v>0</v>
      </c>
      <c r="CW26" s="259">
        <v>0</v>
      </c>
    </row>
    <row r="27" spans="2:101" ht="21" customHeight="1" x14ac:dyDescent="0.2">
      <c r="B27" s="437" t="s">
        <v>25</v>
      </c>
      <c r="C27" s="253">
        <v>0</v>
      </c>
      <c r="D27" s="254">
        <v>0</v>
      </c>
      <c r="E27" s="255">
        <v>0</v>
      </c>
      <c r="F27" s="256">
        <v>0</v>
      </c>
      <c r="G27" s="257">
        <v>0</v>
      </c>
      <c r="H27" s="257">
        <v>0</v>
      </c>
      <c r="I27" s="257">
        <v>0</v>
      </c>
      <c r="J27" s="257">
        <v>0</v>
      </c>
      <c r="K27" s="257">
        <v>0</v>
      </c>
      <c r="L27" s="258">
        <v>0</v>
      </c>
      <c r="M27" s="259">
        <v>0</v>
      </c>
      <c r="N27" s="253">
        <v>0</v>
      </c>
      <c r="O27" s="257">
        <v>0</v>
      </c>
      <c r="P27" s="254">
        <v>0</v>
      </c>
      <c r="Q27" s="256">
        <v>0</v>
      </c>
      <c r="R27" s="257">
        <v>0</v>
      </c>
      <c r="S27" s="257">
        <v>0</v>
      </c>
      <c r="T27" s="257">
        <v>0</v>
      </c>
      <c r="U27" s="257">
        <v>0</v>
      </c>
      <c r="V27" s="257">
        <v>0</v>
      </c>
      <c r="W27" s="254">
        <v>0</v>
      </c>
      <c r="X27" s="259">
        <v>0</v>
      </c>
      <c r="Y27" s="253">
        <v>0</v>
      </c>
      <c r="Z27" s="257">
        <v>0</v>
      </c>
      <c r="AA27" s="254">
        <v>0</v>
      </c>
      <c r="AB27" s="256">
        <v>0</v>
      </c>
      <c r="AC27" s="257">
        <v>86</v>
      </c>
      <c r="AD27" s="257">
        <v>37</v>
      </c>
      <c r="AE27" s="257">
        <v>15</v>
      </c>
      <c r="AF27" s="257">
        <v>4</v>
      </c>
      <c r="AG27" s="257">
        <v>0</v>
      </c>
      <c r="AH27" s="254">
        <v>142</v>
      </c>
      <c r="AI27" s="259">
        <v>142</v>
      </c>
      <c r="AJ27" s="253">
        <v>0</v>
      </c>
      <c r="AK27" s="257">
        <v>0</v>
      </c>
      <c r="AL27" s="254">
        <v>0</v>
      </c>
      <c r="AM27" s="256">
        <v>0</v>
      </c>
      <c r="AN27" s="257">
        <v>0</v>
      </c>
      <c r="AO27" s="257">
        <v>0</v>
      </c>
      <c r="AP27" s="257">
        <v>0</v>
      </c>
      <c r="AQ27" s="257">
        <v>0</v>
      </c>
      <c r="AR27" s="257">
        <v>0</v>
      </c>
      <c r="AS27" s="254">
        <v>0</v>
      </c>
      <c r="AT27" s="259">
        <v>0</v>
      </c>
      <c r="AU27" s="253">
        <v>2</v>
      </c>
      <c r="AV27" s="257">
        <v>0</v>
      </c>
      <c r="AW27" s="254">
        <v>2</v>
      </c>
      <c r="AX27" s="256">
        <v>0</v>
      </c>
      <c r="AY27" s="257">
        <v>4</v>
      </c>
      <c r="AZ27" s="257">
        <v>4</v>
      </c>
      <c r="BA27" s="257">
        <v>3</v>
      </c>
      <c r="BB27" s="257">
        <v>2</v>
      </c>
      <c r="BC27" s="257">
        <v>1</v>
      </c>
      <c r="BD27" s="254">
        <v>14</v>
      </c>
      <c r="BE27" s="259">
        <v>16</v>
      </c>
      <c r="BF27" s="253">
        <v>0</v>
      </c>
      <c r="BG27" s="257">
        <v>0</v>
      </c>
      <c r="BH27" s="254">
        <v>0</v>
      </c>
      <c r="BI27" s="256">
        <v>0</v>
      </c>
      <c r="BJ27" s="257">
        <v>10</v>
      </c>
      <c r="BK27" s="257">
        <v>6</v>
      </c>
      <c r="BL27" s="257">
        <v>9</v>
      </c>
      <c r="BM27" s="257">
        <v>7</v>
      </c>
      <c r="BN27" s="257">
        <v>2</v>
      </c>
      <c r="BO27" s="258">
        <v>34</v>
      </c>
      <c r="BP27" s="259">
        <v>34</v>
      </c>
      <c r="BQ27" s="253">
        <v>0</v>
      </c>
      <c r="BR27" s="257">
        <v>0</v>
      </c>
      <c r="BS27" s="254">
        <v>0</v>
      </c>
      <c r="BT27" s="256">
        <v>0</v>
      </c>
      <c r="BU27" s="257">
        <v>0</v>
      </c>
      <c r="BV27" s="257">
        <v>0</v>
      </c>
      <c r="BW27" s="257">
        <v>0</v>
      </c>
      <c r="BX27" s="257">
        <v>0</v>
      </c>
      <c r="BY27" s="257">
        <v>0</v>
      </c>
      <c r="BZ27" s="254">
        <v>0</v>
      </c>
      <c r="CA27" s="259">
        <v>0</v>
      </c>
      <c r="CB27" s="253">
        <v>0</v>
      </c>
      <c r="CC27" s="257">
        <v>0</v>
      </c>
      <c r="CD27" s="254">
        <v>0</v>
      </c>
      <c r="CE27" s="256">
        <v>0</v>
      </c>
      <c r="CF27" s="257">
        <v>0</v>
      </c>
      <c r="CG27" s="257">
        <v>0</v>
      </c>
      <c r="CH27" s="257">
        <v>0</v>
      </c>
      <c r="CI27" s="257">
        <v>0</v>
      </c>
      <c r="CJ27" s="257">
        <v>0</v>
      </c>
      <c r="CK27" s="254">
        <v>0</v>
      </c>
      <c r="CL27" s="259">
        <v>0</v>
      </c>
      <c r="CM27" s="253">
        <v>0</v>
      </c>
      <c r="CN27" s="257">
        <v>0</v>
      </c>
      <c r="CO27" s="254">
        <v>0</v>
      </c>
      <c r="CP27" s="256">
        <v>0</v>
      </c>
      <c r="CQ27" s="257">
        <v>0</v>
      </c>
      <c r="CR27" s="257">
        <v>0</v>
      </c>
      <c r="CS27" s="257">
        <v>0</v>
      </c>
      <c r="CT27" s="257">
        <v>0</v>
      </c>
      <c r="CU27" s="257">
        <v>0</v>
      </c>
      <c r="CV27" s="254">
        <v>0</v>
      </c>
      <c r="CW27" s="259">
        <v>0</v>
      </c>
    </row>
    <row r="28" spans="2:101" ht="21" customHeight="1" x14ac:dyDescent="0.2">
      <c r="B28" s="437" t="s">
        <v>26</v>
      </c>
      <c r="C28" s="253">
        <v>0</v>
      </c>
      <c r="D28" s="254">
        <v>0</v>
      </c>
      <c r="E28" s="255">
        <v>0</v>
      </c>
      <c r="F28" s="256">
        <v>0</v>
      </c>
      <c r="G28" s="257">
        <v>0</v>
      </c>
      <c r="H28" s="257">
        <v>0</v>
      </c>
      <c r="I28" s="257">
        <v>0</v>
      </c>
      <c r="J28" s="257">
        <v>0</v>
      </c>
      <c r="K28" s="257">
        <v>0</v>
      </c>
      <c r="L28" s="258">
        <v>0</v>
      </c>
      <c r="M28" s="259">
        <v>0</v>
      </c>
      <c r="N28" s="253">
        <v>0</v>
      </c>
      <c r="O28" s="257">
        <v>0</v>
      </c>
      <c r="P28" s="254">
        <v>0</v>
      </c>
      <c r="Q28" s="256">
        <v>0</v>
      </c>
      <c r="R28" s="257">
        <v>0</v>
      </c>
      <c r="S28" s="257">
        <v>0</v>
      </c>
      <c r="T28" s="257">
        <v>0</v>
      </c>
      <c r="U28" s="257">
        <v>0</v>
      </c>
      <c r="V28" s="257">
        <v>0</v>
      </c>
      <c r="W28" s="254">
        <v>0</v>
      </c>
      <c r="X28" s="259">
        <v>0</v>
      </c>
      <c r="Y28" s="253">
        <v>0</v>
      </c>
      <c r="Z28" s="257">
        <v>0</v>
      </c>
      <c r="AA28" s="254">
        <v>0</v>
      </c>
      <c r="AB28" s="256">
        <v>0</v>
      </c>
      <c r="AC28" s="257">
        <v>47</v>
      </c>
      <c r="AD28" s="257">
        <v>39</v>
      </c>
      <c r="AE28" s="257">
        <v>26</v>
      </c>
      <c r="AF28" s="257">
        <v>10</v>
      </c>
      <c r="AG28" s="257">
        <v>7</v>
      </c>
      <c r="AH28" s="254">
        <v>129</v>
      </c>
      <c r="AI28" s="259">
        <v>129</v>
      </c>
      <c r="AJ28" s="253">
        <v>0</v>
      </c>
      <c r="AK28" s="257">
        <v>0</v>
      </c>
      <c r="AL28" s="254">
        <v>0</v>
      </c>
      <c r="AM28" s="256">
        <v>0</v>
      </c>
      <c r="AN28" s="257">
        <v>0</v>
      </c>
      <c r="AO28" s="257">
        <v>3</v>
      </c>
      <c r="AP28" s="257">
        <v>3</v>
      </c>
      <c r="AQ28" s="257">
        <v>1</v>
      </c>
      <c r="AR28" s="257">
        <v>2</v>
      </c>
      <c r="AS28" s="254">
        <v>9</v>
      </c>
      <c r="AT28" s="259">
        <v>9</v>
      </c>
      <c r="AU28" s="253">
        <v>0</v>
      </c>
      <c r="AV28" s="257">
        <v>1</v>
      </c>
      <c r="AW28" s="254">
        <v>1</v>
      </c>
      <c r="AX28" s="256">
        <v>0</v>
      </c>
      <c r="AY28" s="257">
        <v>4</v>
      </c>
      <c r="AZ28" s="257">
        <v>8</v>
      </c>
      <c r="BA28" s="257">
        <v>6</v>
      </c>
      <c r="BB28" s="257">
        <v>1</v>
      </c>
      <c r="BC28" s="257">
        <v>2</v>
      </c>
      <c r="BD28" s="254">
        <v>21</v>
      </c>
      <c r="BE28" s="259">
        <v>22</v>
      </c>
      <c r="BF28" s="253">
        <v>0</v>
      </c>
      <c r="BG28" s="257">
        <v>0</v>
      </c>
      <c r="BH28" s="254">
        <v>0</v>
      </c>
      <c r="BI28" s="256">
        <v>0</v>
      </c>
      <c r="BJ28" s="257">
        <v>6</v>
      </c>
      <c r="BK28" s="257">
        <v>15</v>
      </c>
      <c r="BL28" s="257">
        <v>23</v>
      </c>
      <c r="BM28" s="257">
        <v>9</v>
      </c>
      <c r="BN28" s="257">
        <v>1</v>
      </c>
      <c r="BO28" s="258">
        <v>54</v>
      </c>
      <c r="BP28" s="259">
        <v>54</v>
      </c>
      <c r="BQ28" s="253">
        <v>0</v>
      </c>
      <c r="BR28" s="257">
        <v>0</v>
      </c>
      <c r="BS28" s="254">
        <v>0</v>
      </c>
      <c r="BT28" s="256">
        <v>0</v>
      </c>
      <c r="BU28" s="257">
        <v>0</v>
      </c>
      <c r="BV28" s="257">
        <v>0</v>
      </c>
      <c r="BW28" s="257">
        <v>0</v>
      </c>
      <c r="BX28" s="257">
        <v>0</v>
      </c>
      <c r="BY28" s="257">
        <v>0</v>
      </c>
      <c r="BZ28" s="254">
        <v>0</v>
      </c>
      <c r="CA28" s="259">
        <v>0</v>
      </c>
      <c r="CB28" s="253">
        <v>0</v>
      </c>
      <c r="CC28" s="257">
        <v>0</v>
      </c>
      <c r="CD28" s="254">
        <v>0</v>
      </c>
      <c r="CE28" s="256">
        <v>0</v>
      </c>
      <c r="CF28" s="257">
        <v>0</v>
      </c>
      <c r="CG28" s="257">
        <v>0</v>
      </c>
      <c r="CH28" s="257">
        <v>0</v>
      </c>
      <c r="CI28" s="257">
        <v>0</v>
      </c>
      <c r="CJ28" s="257">
        <v>0</v>
      </c>
      <c r="CK28" s="254">
        <v>0</v>
      </c>
      <c r="CL28" s="259">
        <v>0</v>
      </c>
      <c r="CM28" s="253">
        <v>0</v>
      </c>
      <c r="CN28" s="257">
        <v>0</v>
      </c>
      <c r="CO28" s="254">
        <v>0</v>
      </c>
      <c r="CP28" s="256">
        <v>0</v>
      </c>
      <c r="CQ28" s="257">
        <v>0</v>
      </c>
      <c r="CR28" s="257">
        <v>0</v>
      </c>
      <c r="CS28" s="257">
        <v>0</v>
      </c>
      <c r="CT28" s="257">
        <v>0</v>
      </c>
      <c r="CU28" s="257">
        <v>0</v>
      </c>
      <c r="CV28" s="254">
        <v>0</v>
      </c>
      <c r="CW28" s="259">
        <v>0</v>
      </c>
    </row>
    <row r="29" spans="2:101" ht="21" customHeight="1" x14ac:dyDescent="0.2">
      <c r="B29" s="437" t="s">
        <v>27</v>
      </c>
      <c r="C29" s="253">
        <v>0</v>
      </c>
      <c r="D29" s="254">
        <v>0</v>
      </c>
      <c r="E29" s="255">
        <v>0</v>
      </c>
      <c r="F29" s="256">
        <v>0</v>
      </c>
      <c r="G29" s="257">
        <v>0</v>
      </c>
      <c r="H29" s="257">
        <v>0</v>
      </c>
      <c r="I29" s="257">
        <v>1</v>
      </c>
      <c r="J29" s="257">
        <v>0</v>
      </c>
      <c r="K29" s="257">
        <v>0</v>
      </c>
      <c r="L29" s="258">
        <v>1</v>
      </c>
      <c r="M29" s="259">
        <v>1</v>
      </c>
      <c r="N29" s="253">
        <v>0</v>
      </c>
      <c r="O29" s="257">
        <v>0</v>
      </c>
      <c r="P29" s="254">
        <v>0</v>
      </c>
      <c r="Q29" s="256">
        <v>0</v>
      </c>
      <c r="R29" s="257">
        <v>0</v>
      </c>
      <c r="S29" s="257">
        <v>0</v>
      </c>
      <c r="T29" s="257">
        <v>0</v>
      </c>
      <c r="U29" s="257">
        <v>0</v>
      </c>
      <c r="V29" s="257">
        <v>0</v>
      </c>
      <c r="W29" s="254">
        <v>0</v>
      </c>
      <c r="X29" s="259">
        <v>0</v>
      </c>
      <c r="Y29" s="253">
        <v>0</v>
      </c>
      <c r="Z29" s="257">
        <v>0</v>
      </c>
      <c r="AA29" s="254">
        <v>0</v>
      </c>
      <c r="AB29" s="256">
        <v>0</v>
      </c>
      <c r="AC29" s="257">
        <v>34</v>
      </c>
      <c r="AD29" s="257">
        <v>17</v>
      </c>
      <c r="AE29" s="257">
        <v>5</v>
      </c>
      <c r="AF29" s="257">
        <v>1</v>
      </c>
      <c r="AG29" s="257">
        <v>0</v>
      </c>
      <c r="AH29" s="254">
        <v>57</v>
      </c>
      <c r="AI29" s="259">
        <v>57</v>
      </c>
      <c r="AJ29" s="253">
        <v>0</v>
      </c>
      <c r="AK29" s="257">
        <v>0</v>
      </c>
      <c r="AL29" s="254">
        <v>0</v>
      </c>
      <c r="AM29" s="256">
        <v>0</v>
      </c>
      <c r="AN29" s="257">
        <v>1</v>
      </c>
      <c r="AO29" s="257">
        <v>1</v>
      </c>
      <c r="AP29" s="257">
        <v>2</v>
      </c>
      <c r="AQ29" s="257">
        <v>1</v>
      </c>
      <c r="AR29" s="257">
        <v>1</v>
      </c>
      <c r="AS29" s="254">
        <v>6</v>
      </c>
      <c r="AT29" s="259">
        <v>6</v>
      </c>
      <c r="AU29" s="253">
        <v>0</v>
      </c>
      <c r="AV29" s="257">
        <v>0</v>
      </c>
      <c r="AW29" s="254">
        <v>0</v>
      </c>
      <c r="AX29" s="256">
        <v>0</v>
      </c>
      <c r="AY29" s="257">
        <v>10</v>
      </c>
      <c r="AZ29" s="257">
        <v>6</v>
      </c>
      <c r="BA29" s="257">
        <v>5</v>
      </c>
      <c r="BB29" s="257">
        <v>2</v>
      </c>
      <c r="BC29" s="257">
        <v>2</v>
      </c>
      <c r="BD29" s="254">
        <v>25</v>
      </c>
      <c r="BE29" s="259">
        <v>25</v>
      </c>
      <c r="BF29" s="253">
        <v>0</v>
      </c>
      <c r="BG29" s="257">
        <v>0</v>
      </c>
      <c r="BH29" s="254">
        <v>0</v>
      </c>
      <c r="BI29" s="256">
        <v>0</v>
      </c>
      <c r="BJ29" s="257">
        <v>6</v>
      </c>
      <c r="BK29" s="257">
        <v>4</v>
      </c>
      <c r="BL29" s="257">
        <v>12</v>
      </c>
      <c r="BM29" s="257">
        <v>5</v>
      </c>
      <c r="BN29" s="257">
        <v>7</v>
      </c>
      <c r="BO29" s="258">
        <v>34</v>
      </c>
      <c r="BP29" s="259">
        <v>34</v>
      </c>
      <c r="BQ29" s="253">
        <v>0</v>
      </c>
      <c r="BR29" s="257">
        <v>0</v>
      </c>
      <c r="BS29" s="254">
        <v>0</v>
      </c>
      <c r="BT29" s="256">
        <v>0</v>
      </c>
      <c r="BU29" s="257">
        <v>0</v>
      </c>
      <c r="BV29" s="257">
        <v>0</v>
      </c>
      <c r="BW29" s="257">
        <v>0</v>
      </c>
      <c r="BX29" s="257">
        <v>0</v>
      </c>
      <c r="BY29" s="257">
        <v>0</v>
      </c>
      <c r="BZ29" s="254">
        <v>0</v>
      </c>
      <c r="CA29" s="259">
        <v>0</v>
      </c>
      <c r="CB29" s="253">
        <v>0</v>
      </c>
      <c r="CC29" s="257">
        <v>0</v>
      </c>
      <c r="CD29" s="254">
        <v>0</v>
      </c>
      <c r="CE29" s="256">
        <v>0</v>
      </c>
      <c r="CF29" s="257">
        <v>0</v>
      </c>
      <c r="CG29" s="257">
        <v>0</v>
      </c>
      <c r="CH29" s="257">
        <v>6</v>
      </c>
      <c r="CI29" s="257">
        <v>11</v>
      </c>
      <c r="CJ29" s="257">
        <v>7</v>
      </c>
      <c r="CK29" s="254">
        <v>24</v>
      </c>
      <c r="CL29" s="259">
        <v>24</v>
      </c>
      <c r="CM29" s="253">
        <v>0</v>
      </c>
      <c r="CN29" s="257">
        <v>0</v>
      </c>
      <c r="CO29" s="254">
        <v>0</v>
      </c>
      <c r="CP29" s="256">
        <v>0</v>
      </c>
      <c r="CQ29" s="257">
        <v>0</v>
      </c>
      <c r="CR29" s="257">
        <v>0</v>
      </c>
      <c r="CS29" s="257">
        <v>0</v>
      </c>
      <c r="CT29" s="257">
        <v>1</v>
      </c>
      <c r="CU29" s="257">
        <v>0</v>
      </c>
      <c r="CV29" s="254">
        <v>1</v>
      </c>
      <c r="CW29" s="259">
        <v>1</v>
      </c>
    </row>
    <row r="30" spans="2:101" ht="21" customHeight="1" x14ac:dyDescent="0.2">
      <c r="B30" s="437" t="s">
        <v>28</v>
      </c>
      <c r="C30" s="253">
        <v>0</v>
      </c>
      <c r="D30" s="254">
        <v>0</v>
      </c>
      <c r="E30" s="255">
        <v>0</v>
      </c>
      <c r="F30" s="256">
        <v>0</v>
      </c>
      <c r="G30" s="257">
        <v>0</v>
      </c>
      <c r="H30" s="257">
        <v>0</v>
      </c>
      <c r="I30" s="257">
        <v>0</v>
      </c>
      <c r="J30" s="257">
        <v>0</v>
      </c>
      <c r="K30" s="257">
        <v>0</v>
      </c>
      <c r="L30" s="258">
        <v>0</v>
      </c>
      <c r="M30" s="259">
        <v>0</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24</v>
      </c>
      <c r="AD30" s="257">
        <v>11</v>
      </c>
      <c r="AE30" s="257">
        <v>2</v>
      </c>
      <c r="AF30" s="257">
        <v>1</v>
      </c>
      <c r="AG30" s="257">
        <v>1</v>
      </c>
      <c r="AH30" s="254">
        <v>39</v>
      </c>
      <c r="AI30" s="259">
        <v>39</v>
      </c>
      <c r="AJ30" s="253">
        <v>0</v>
      </c>
      <c r="AK30" s="257">
        <v>0</v>
      </c>
      <c r="AL30" s="254">
        <v>0</v>
      </c>
      <c r="AM30" s="256">
        <v>0</v>
      </c>
      <c r="AN30" s="257">
        <v>2</v>
      </c>
      <c r="AO30" s="257">
        <v>1</v>
      </c>
      <c r="AP30" s="257">
        <v>1</v>
      </c>
      <c r="AQ30" s="257">
        <v>1</v>
      </c>
      <c r="AR30" s="257">
        <v>0</v>
      </c>
      <c r="AS30" s="254">
        <v>5</v>
      </c>
      <c r="AT30" s="259">
        <v>5</v>
      </c>
      <c r="AU30" s="253">
        <v>0</v>
      </c>
      <c r="AV30" s="257">
        <v>0</v>
      </c>
      <c r="AW30" s="254">
        <v>0</v>
      </c>
      <c r="AX30" s="256">
        <v>0</v>
      </c>
      <c r="AY30" s="257">
        <v>0</v>
      </c>
      <c r="AZ30" s="257">
        <v>0</v>
      </c>
      <c r="BA30" s="257">
        <v>0</v>
      </c>
      <c r="BB30" s="257">
        <v>0</v>
      </c>
      <c r="BC30" s="257">
        <v>0</v>
      </c>
      <c r="BD30" s="254">
        <v>0</v>
      </c>
      <c r="BE30" s="259">
        <v>0</v>
      </c>
      <c r="BF30" s="253">
        <v>0</v>
      </c>
      <c r="BG30" s="257">
        <v>0</v>
      </c>
      <c r="BH30" s="254">
        <v>0</v>
      </c>
      <c r="BI30" s="256">
        <v>0</v>
      </c>
      <c r="BJ30" s="257">
        <v>1</v>
      </c>
      <c r="BK30" s="257">
        <v>5</v>
      </c>
      <c r="BL30" s="257">
        <v>2</v>
      </c>
      <c r="BM30" s="257">
        <v>4</v>
      </c>
      <c r="BN30" s="257">
        <v>4</v>
      </c>
      <c r="BO30" s="258">
        <v>16</v>
      </c>
      <c r="BP30" s="259">
        <v>16</v>
      </c>
      <c r="BQ30" s="253">
        <v>0</v>
      </c>
      <c r="BR30" s="257">
        <v>0</v>
      </c>
      <c r="BS30" s="254">
        <v>0</v>
      </c>
      <c r="BT30" s="256">
        <v>0</v>
      </c>
      <c r="BU30" s="257">
        <v>0</v>
      </c>
      <c r="BV30" s="257">
        <v>0</v>
      </c>
      <c r="BW30" s="257">
        <v>0</v>
      </c>
      <c r="BX30" s="257">
        <v>0</v>
      </c>
      <c r="BY30" s="257">
        <v>0</v>
      </c>
      <c r="BZ30" s="254">
        <v>0</v>
      </c>
      <c r="CA30" s="259">
        <v>0</v>
      </c>
      <c r="CB30" s="253">
        <v>0</v>
      </c>
      <c r="CC30" s="257">
        <v>0</v>
      </c>
      <c r="CD30" s="254">
        <v>0</v>
      </c>
      <c r="CE30" s="256">
        <v>0</v>
      </c>
      <c r="CF30" s="257">
        <v>0</v>
      </c>
      <c r="CG30" s="257">
        <v>0</v>
      </c>
      <c r="CH30" s="257">
        <v>0</v>
      </c>
      <c r="CI30" s="257">
        <v>1</v>
      </c>
      <c r="CJ30" s="257">
        <v>0</v>
      </c>
      <c r="CK30" s="254">
        <v>1</v>
      </c>
      <c r="CL30" s="259">
        <v>1</v>
      </c>
      <c r="CM30" s="253">
        <v>0</v>
      </c>
      <c r="CN30" s="257">
        <v>0</v>
      </c>
      <c r="CO30" s="254">
        <v>0</v>
      </c>
      <c r="CP30" s="256">
        <v>0</v>
      </c>
      <c r="CQ30" s="257">
        <v>0</v>
      </c>
      <c r="CR30" s="257">
        <v>0</v>
      </c>
      <c r="CS30" s="257">
        <v>0</v>
      </c>
      <c r="CT30" s="257">
        <v>0</v>
      </c>
      <c r="CU30" s="257">
        <v>0</v>
      </c>
      <c r="CV30" s="254">
        <v>0</v>
      </c>
      <c r="CW30" s="259">
        <v>0</v>
      </c>
    </row>
    <row r="31" spans="2:101" ht="21" customHeight="1" x14ac:dyDescent="0.2">
      <c r="B31" s="437" t="s">
        <v>29</v>
      </c>
      <c r="C31" s="253">
        <v>0</v>
      </c>
      <c r="D31" s="254">
        <v>0</v>
      </c>
      <c r="E31" s="255">
        <v>0</v>
      </c>
      <c r="F31" s="256">
        <v>0</v>
      </c>
      <c r="G31" s="257">
        <v>2</v>
      </c>
      <c r="H31" s="257">
        <v>0</v>
      </c>
      <c r="I31" s="257">
        <v>1</v>
      </c>
      <c r="J31" s="257">
        <v>0</v>
      </c>
      <c r="K31" s="257">
        <v>0</v>
      </c>
      <c r="L31" s="258">
        <v>3</v>
      </c>
      <c r="M31" s="259">
        <v>3</v>
      </c>
      <c r="N31" s="253">
        <v>0</v>
      </c>
      <c r="O31" s="257">
        <v>0</v>
      </c>
      <c r="P31" s="254">
        <v>0</v>
      </c>
      <c r="Q31" s="256">
        <v>0</v>
      </c>
      <c r="R31" s="257">
        <v>0</v>
      </c>
      <c r="S31" s="257">
        <v>0</v>
      </c>
      <c r="T31" s="257">
        <v>0</v>
      </c>
      <c r="U31" s="257">
        <v>0</v>
      </c>
      <c r="V31" s="257">
        <v>0</v>
      </c>
      <c r="W31" s="254">
        <v>0</v>
      </c>
      <c r="X31" s="259">
        <v>0</v>
      </c>
      <c r="Y31" s="253">
        <v>0</v>
      </c>
      <c r="Z31" s="257">
        <v>0</v>
      </c>
      <c r="AA31" s="254">
        <v>0</v>
      </c>
      <c r="AB31" s="256">
        <v>0</v>
      </c>
      <c r="AC31" s="257">
        <v>15</v>
      </c>
      <c r="AD31" s="257">
        <v>14</v>
      </c>
      <c r="AE31" s="257">
        <v>7</v>
      </c>
      <c r="AF31" s="257">
        <v>3</v>
      </c>
      <c r="AG31" s="257">
        <v>0</v>
      </c>
      <c r="AH31" s="254">
        <v>39</v>
      </c>
      <c r="AI31" s="259">
        <v>39</v>
      </c>
      <c r="AJ31" s="253">
        <v>0</v>
      </c>
      <c r="AK31" s="257">
        <v>0</v>
      </c>
      <c r="AL31" s="254">
        <v>0</v>
      </c>
      <c r="AM31" s="256">
        <v>0</v>
      </c>
      <c r="AN31" s="257">
        <v>1</v>
      </c>
      <c r="AO31" s="257">
        <v>0</v>
      </c>
      <c r="AP31" s="257">
        <v>0</v>
      </c>
      <c r="AQ31" s="257">
        <v>0</v>
      </c>
      <c r="AR31" s="257">
        <v>0</v>
      </c>
      <c r="AS31" s="254">
        <v>1</v>
      </c>
      <c r="AT31" s="259">
        <v>1</v>
      </c>
      <c r="AU31" s="253">
        <v>0</v>
      </c>
      <c r="AV31" s="257">
        <v>1</v>
      </c>
      <c r="AW31" s="254">
        <v>1</v>
      </c>
      <c r="AX31" s="256">
        <v>0</v>
      </c>
      <c r="AY31" s="257">
        <v>8</v>
      </c>
      <c r="AZ31" s="257">
        <v>5</v>
      </c>
      <c r="BA31" s="257">
        <v>5</v>
      </c>
      <c r="BB31" s="257">
        <v>5</v>
      </c>
      <c r="BC31" s="257">
        <v>1</v>
      </c>
      <c r="BD31" s="254">
        <v>24</v>
      </c>
      <c r="BE31" s="259">
        <v>25</v>
      </c>
      <c r="BF31" s="253">
        <v>0</v>
      </c>
      <c r="BG31" s="257">
        <v>0</v>
      </c>
      <c r="BH31" s="254">
        <v>0</v>
      </c>
      <c r="BI31" s="256">
        <v>0</v>
      </c>
      <c r="BJ31" s="257">
        <v>6</v>
      </c>
      <c r="BK31" s="257">
        <v>8</v>
      </c>
      <c r="BL31" s="257">
        <v>8</v>
      </c>
      <c r="BM31" s="257">
        <v>3</v>
      </c>
      <c r="BN31" s="257">
        <v>2</v>
      </c>
      <c r="BO31" s="258">
        <v>27</v>
      </c>
      <c r="BP31" s="259">
        <v>27</v>
      </c>
      <c r="BQ31" s="253">
        <v>0</v>
      </c>
      <c r="BR31" s="257">
        <v>0</v>
      </c>
      <c r="BS31" s="254">
        <v>0</v>
      </c>
      <c r="BT31" s="256">
        <v>0</v>
      </c>
      <c r="BU31" s="257">
        <v>0</v>
      </c>
      <c r="BV31" s="257">
        <v>0</v>
      </c>
      <c r="BW31" s="257">
        <v>0</v>
      </c>
      <c r="BX31" s="257">
        <v>0</v>
      </c>
      <c r="BY31" s="257">
        <v>0</v>
      </c>
      <c r="BZ31" s="254">
        <v>0</v>
      </c>
      <c r="CA31" s="259">
        <v>0</v>
      </c>
      <c r="CB31" s="253">
        <v>0</v>
      </c>
      <c r="CC31" s="257">
        <v>0</v>
      </c>
      <c r="CD31" s="254">
        <v>0</v>
      </c>
      <c r="CE31" s="256">
        <v>0</v>
      </c>
      <c r="CF31" s="257">
        <v>0</v>
      </c>
      <c r="CG31" s="257">
        <v>0</v>
      </c>
      <c r="CH31" s="257">
        <v>12</v>
      </c>
      <c r="CI31" s="257">
        <v>7</v>
      </c>
      <c r="CJ31" s="257">
        <v>4</v>
      </c>
      <c r="CK31" s="254">
        <v>23</v>
      </c>
      <c r="CL31" s="259">
        <v>23</v>
      </c>
      <c r="CM31" s="253">
        <v>0</v>
      </c>
      <c r="CN31" s="257">
        <v>0</v>
      </c>
      <c r="CO31" s="254">
        <v>0</v>
      </c>
      <c r="CP31" s="256">
        <v>0</v>
      </c>
      <c r="CQ31" s="257">
        <v>0</v>
      </c>
      <c r="CR31" s="257">
        <v>0</v>
      </c>
      <c r="CS31" s="257">
        <v>0</v>
      </c>
      <c r="CT31" s="257">
        <v>0</v>
      </c>
      <c r="CU31" s="257">
        <v>0</v>
      </c>
      <c r="CV31" s="254">
        <v>0</v>
      </c>
      <c r="CW31" s="259">
        <v>0</v>
      </c>
    </row>
    <row r="32" spans="2:101" ht="21" customHeight="1" x14ac:dyDescent="0.2">
      <c r="B32" s="437" t="s">
        <v>30</v>
      </c>
      <c r="C32" s="253">
        <v>0</v>
      </c>
      <c r="D32" s="254">
        <v>0</v>
      </c>
      <c r="E32" s="255">
        <v>0</v>
      </c>
      <c r="F32" s="256">
        <v>0</v>
      </c>
      <c r="G32" s="257">
        <v>0</v>
      </c>
      <c r="H32" s="257">
        <v>1</v>
      </c>
      <c r="I32" s="257">
        <v>1</v>
      </c>
      <c r="J32" s="257">
        <v>0</v>
      </c>
      <c r="K32" s="257">
        <v>0</v>
      </c>
      <c r="L32" s="258">
        <v>2</v>
      </c>
      <c r="M32" s="259">
        <v>2</v>
      </c>
      <c r="N32" s="253">
        <v>0</v>
      </c>
      <c r="O32" s="257">
        <v>0</v>
      </c>
      <c r="P32" s="254">
        <v>0</v>
      </c>
      <c r="Q32" s="256">
        <v>0</v>
      </c>
      <c r="R32" s="257">
        <v>0</v>
      </c>
      <c r="S32" s="257">
        <v>0</v>
      </c>
      <c r="T32" s="257">
        <v>0</v>
      </c>
      <c r="U32" s="257">
        <v>0</v>
      </c>
      <c r="V32" s="257">
        <v>0</v>
      </c>
      <c r="W32" s="254">
        <v>0</v>
      </c>
      <c r="X32" s="259">
        <v>0</v>
      </c>
      <c r="Y32" s="253">
        <v>0</v>
      </c>
      <c r="Z32" s="257">
        <v>0</v>
      </c>
      <c r="AA32" s="254">
        <v>0</v>
      </c>
      <c r="AB32" s="256">
        <v>0</v>
      </c>
      <c r="AC32" s="257">
        <v>26</v>
      </c>
      <c r="AD32" s="257">
        <v>7</v>
      </c>
      <c r="AE32" s="257">
        <v>12</v>
      </c>
      <c r="AF32" s="257">
        <v>3</v>
      </c>
      <c r="AG32" s="257">
        <v>0</v>
      </c>
      <c r="AH32" s="254">
        <v>48</v>
      </c>
      <c r="AI32" s="259">
        <v>48</v>
      </c>
      <c r="AJ32" s="253">
        <v>0</v>
      </c>
      <c r="AK32" s="257">
        <v>0</v>
      </c>
      <c r="AL32" s="254">
        <v>0</v>
      </c>
      <c r="AM32" s="256">
        <v>0</v>
      </c>
      <c r="AN32" s="257">
        <v>1</v>
      </c>
      <c r="AO32" s="257">
        <v>3</v>
      </c>
      <c r="AP32" s="257">
        <v>1</v>
      </c>
      <c r="AQ32" s="257">
        <v>0</v>
      </c>
      <c r="AR32" s="257">
        <v>0</v>
      </c>
      <c r="AS32" s="254">
        <v>5</v>
      </c>
      <c r="AT32" s="259">
        <v>5</v>
      </c>
      <c r="AU32" s="253">
        <v>0</v>
      </c>
      <c r="AV32" s="257">
        <v>0</v>
      </c>
      <c r="AW32" s="254">
        <v>0</v>
      </c>
      <c r="AX32" s="256">
        <v>0</v>
      </c>
      <c r="AY32" s="257">
        <v>0</v>
      </c>
      <c r="AZ32" s="257">
        <v>0</v>
      </c>
      <c r="BA32" s="257">
        <v>0</v>
      </c>
      <c r="BB32" s="257">
        <v>1</v>
      </c>
      <c r="BC32" s="257">
        <v>0</v>
      </c>
      <c r="BD32" s="254">
        <v>1</v>
      </c>
      <c r="BE32" s="259">
        <v>1</v>
      </c>
      <c r="BF32" s="253">
        <v>0</v>
      </c>
      <c r="BG32" s="257">
        <v>0</v>
      </c>
      <c r="BH32" s="254">
        <v>0</v>
      </c>
      <c r="BI32" s="256">
        <v>0</v>
      </c>
      <c r="BJ32" s="257">
        <v>4</v>
      </c>
      <c r="BK32" s="257">
        <v>4</v>
      </c>
      <c r="BL32" s="257">
        <v>2</v>
      </c>
      <c r="BM32" s="257">
        <v>7</v>
      </c>
      <c r="BN32" s="257">
        <v>2</v>
      </c>
      <c r="BO32" s="258">
        <v>19</v>
      </c>
      <c r="BP32" s="259">
        <v>19</v>
      </c>
      <c r="BQ32" s="253">
        <v>0</v>
      </c>
      <c r="BR32" s="257">
        <v>0</v>
      </c>
      <c r="BS32" s="254">
        <v>0</v>
      </c>
      <c r="BT32" s="256">
        <v>0</v>
      </c>
      <c r="BU32" s="257">
        <v>0</v>
      </c>
      <c r="BV32" s="257">
        <v>0</v>
      </c>
      <c r="BW32" s="257">
        <v>0</v>
      </c>
      <c r="BX32" s="257">
        <v>0</v>
      </c>
      <c r="BY32" s="257">
        <v>0</v>
      </c>
      <c r="BZ32" s="254">
        <v>0</v>
      </c>
      <c r="CA32" s="259">
        <v>0</v>
      </c>
      <c r="CB32" s="253">
        <v>0</v>
      </c>
      <c r="CC32" s="257">
        <v>0</v>
      </c>
      <c r="CD32" s="254">
        <v>0</v>
      </c>
      <c r="CE32" s="256">
        <v>0</v>
      </c>
      <c r="CF32" s="257">
        <v>0</v>
      </c>
      <c r="CG32" s="257">
        <v>0</v>
      </c>
      <c r="CH32" s="257">
        <v>0</v>
      </c>
      <c r="CI32" s="257">
        <v>0</v>
      </c>
      <c r="CJ32" s="257">
        <v>0</v>
      </c>
      <c r="CK32" s="254">
        <v>0</v>
      </c>
      <c r="CL32" s="259">
        <v>0</v>
      </c>
      <c r="CM32" s="253">
        <v>0</v>
      </c>
      <c r="CN32" s="257">
        <v>0</v>
      </c>
      <c r="CO32" s="254">
        <v>0</v>
      </c>
      <c r="CP32" s="256">
        <v>0</v>
      </c>
      <c r="CQ32" s="257">
        <v>0</v>
      </c>
      <c r="CR32" s="257">
        <v>0</v>
      </c>
      <c r="CS32" s="257">
        <v>0</v>
      </c>
      <c r="CT32" s="257">
        <v>0</v>
      </c>
      <c r="CU32" s="257">
        <v>0</v>
      </c>
      <c r="CV32" s="254">
        <v>0</v>
      </c>
      <c r="CW32" s="259">
        <v>0</v>
      </c>
    </row>
    <row r="33" spans="2:101" ht="21" customHeight="1" x14ac:dyDescent="0.2">
      <c r="B33" s="437" t="s">
        <v>31</v>
      </c>
      <c r="C33" s="253">
        <v>0</v>
      </c>
      <c r="D33" s="254">
        <v>0</v>
      </c>
      <c r="E33" s="255">
        <v>0</v>
      </c>
      <c r="F33" s="256">
        <v>0</v>
      </c>
      <c r="G33" s="257">
        <v>0</v>
      </c>
      <c r="H33" s="257">
        <v>2</v>
      </c>
      <c r="I33" s="257">
        <v>0</v>
      </c>
      <c r="J33" s="257">
        <v>0</v>
      </c>
      <c r="K33" s="257">
        <v>0</v>
      </c>
      <c r="L33" s="258">
        <v>2</v>
      </c>
      <c r="M33" s="259">
        <v>2</v>
      </c>
      <c r="N33" s="253">
        <v>0</v>
      </c>
      <c r="O33" s="257">
        <v>0</v>
      </c>
      <c r="P33" s="254">
        <v>0</v>
      </c>
      <c r="Q33" s="256">
        <v>0</v>
      </c>
      <c r="R33" s="257">
        <v>0</v>
      </c>
      <c r="S33" s="257">
        <v>0</v>
      </c>
      <c r="T33" s="257">
        <v>0</v>
      </c>
      <c r="U33" s="257">
        <v>0</v>
      </c>
      <c r="V33" s="257">
        <v>0</v>
      </c>
      <c r="W33" s="254">
        <v>0</v>
      </c>
      <c r="X33" s="259">
        <v>0</v>
      </c>
      <c r="Y33" s="253">
        <v>0</v>
      </c>
      <c r="Z33" s="257">
        <v>0</v>
      </c>
      <c r="AA33" s="254">
        <v>0</v>
      </c>
      <c r="AB33" s="256">
        <v>0</v>
      </c>
      <c r="AC33" s="257">
        <v>30</v>
      </c>
      <c r="AD33" s="257">
        <v>19</v>
      </c>
      <c r="AE33" s="257">
        <v>8</v>
      </c>
      <c r="AF33" s="257">
        <v>3</v>
      </c>
      <c r="AG33" s="257">
        <v>0</v>
      </c>
      <c r="AH33" s="254">
        <v>60</v>
      </c>
      <c r="AI33" s="259">
        <v>60</v>
      </c>
      <c r="AJ33" s="253">
        <v>0</v>
      </c>
      <c r="AK33" s="257">
        <v>0</v>
      </c>
      <c r="AL33" s="254">
        <v>0</v>
      </c>
      <c r="AM33" s="256">
        <v>0</v>
      </c>
      <c r="AN33" s="257">
        <v>0</v>
      </c>
      <c r="AO33" s="257">
        <v>1</v>
      </c>
      <c r="AP33" s="257">
        <v>1</v>
      </c>
      <c r="AQ33" s="257">
        <v>1</v>
      </c>
      <c r="AR33" s="257">
        <v>1</v>
      </c>
      <c r="AS33" s="254">
        <v>4</v>
      </c>
      <c r="AT33" s="259">
        <v>4</v>
      </c>
      <c r="AU33" s="253">
        <v>0</v>
      </c>
      <c r="AV33" s="257">
        <v>1</v>
      </c>
      <c r="AW33" s="254">
        <v>1</v>
      </c>
      <c r="AX33" s="256">
        <v>0</v>
      </c>
      <c r="AY33" s="257">
        <v>7</v>
      </c>
      <c r="AZ33" s="257">
        <v>5</v>
      </c>
      <c r="BA33" s="257">
        <v>4</v>
      </c>
      <c r="BB33" s="257">
        <v>2</v>
      </c>
      <c r="BC33" s="257">
        <v>1</v>
      </c>
      <c r="BD33" s="254">
        <v>19</v>
      </c>
      <c r="BE33" s="259">
        <v>20</v>
      </c>
      <c r="BF33" s="253">
        <v>0</v>
      </c>
      <c r="BG33" s="257">
        <v>0</v>
      </c>
      <c r="BH33" s="254">
        <v>0</v>
      </c>
      <c r="BI33" s="256">
        <v>0</v>
      </c>
      <c r="BJ33" s="257">
        <v>9</v>
      </c>
      <c r="BK33" s="257">
        <v>8</v>
      </c>
      <c r="BL33" s="257">
        <v>10</v>
      </c>
      <c r="BM33" s="257">
        <v>11</v>
      </c>
      <c r="BN33" s="257">
        <v>6</v>
      </c>
      <c r="BO33" s="258">
        <v>44</v>
      </c>
      <c r="BP33" s="259">
        <v>44</v>
      </c>
      <c r="BQ33" s="253">
        <v>0</v>
      </c>
      <c r="BR33" s="257">
        <v>0</v>
      </c>
      <c r="BS33" s="254">
        <v>0</v>
      </c>
      <c r="BT33" s="256">
        <v>0</v>
      </c>
      <c r="BU33" s="257">
        <v>0</v>
      </c>
      <c r="BV33" s="257">
        <v>0</v>
      </c>
      <c r="BW33" s="257">
        <v>0</v>
      </c>
      <c r="BX33" s="257">
        <v>0</v>
      </c>
      <c r="BY33" s="257">
        <v>0</v>
      </c>
      <c r="BZ33" s="254">
        <v>0</v>
      </c>
      <c r="CA33" s="259">
        <v>0</v>
      </c>
      <c r="CB33" s="253">
        <v>0</v>
      </c>
      <c r="CC33" s="257">
        <v>0</v>
      </c>
      <c r="CD33" s="254">
        <v>0</v>
      </c>
      <c r="CE33" s="256">
        <v>0</v>
      </c>
      <c r="CF33" s="257">
        <v>0</v>
      </c>
      <c r="CG33" s="257">
        <v>1</v>
      </c>
      <c r="CH33" s="257">
        <v>0</v>
      </c>
      <c r="CI33" s="257">
        <v>0</v>
      </c>
      <c r="CJ33" s="257">
        <v>0</v>
      </c>
      <c r="CK33" s="254">
        <v>1</v>
      </c>
      <c r="CL33" s="259">
        <v>1</v>
      </c>
      <c r="CM33" s="253">
        <v>0</v>
      </c>
      <c r="CN33" s="257">
        <v>0</v>
      </c>
      <c r="CO33" s="254">
        <v>0</v>
      </c>
      <c r="CP33" s="256">
        <v>0</v>
      </c>
      <c r="CQ33" s="257">
        <v>0</v>
      </c>
      <c r="CR33" s="257">
        <v>0</v>
      </c>
      <c r="CS33" s="257">
        <v>0</v>
      </c>
      <c r="CT33" s="257">
        <v>0</v>
      </c>
      <c r="CU33" s="257">
        <v>0</v>
      </c>
      <c r="CV33" s="254">
        <v>0</v>
      </c>
      <c r="CW33" s="259">
        <v>0</v>
      </c>
    </row>
    <row r="34" spans="2:101" ht="21" customHeight="1" x14ac:dyDescent="0.2">
      <c r="B34" s="437" t="s">
        <v>32</v>
      </c>
      <c r="C34" s="253">
        <v>0</v>
      </c>
      <c r="D34" s="254">
        <v>0</v>
      </c>
      <c r="E34" s="255">
        <v>0</v>
      </c>
      <c r="F34" s="256">
        <v>0</v>
      </c>
      <c r="G34" s="257">
        <v>3</v>
      </c>
      <c r="H34" s="257">
        <v>3</v>
      </c>
      <c r="I34" s="257">
        <v>1</v>
      </c>
      <c r="J34" s="257">
        <v>0</v>
      </c>
      <c r="K34" s="257">
        <v>0</v>
      </c>
      <c r="L34" s="258">
        <v>7</v>
      </c>
      <c r="M34" s="259">
        <v>7</v>
      </c>
      <c r="N34" s="253">
        <v>0</v>
      </c>
      <c r="O34" s="257">
        <v>0</v>
      </c>
      <c r="P34" s="254">
        <v>0</v>
      </c>
      <c r="Q34" s="256">
        <v>0</v>
      </c>
      <c r="R34" s="257">
        <v>0</v>
      </c>
      <c r="S34" s="257">
        <v>0</v>
      </c>
      <c r="T34" s="257">
        <v>0</v>
      </c>
      <c r="U34" s="257">
        <v>0</v>
      </c>
      <c r="V34" s="257">
        <v>0</v>
      </c>
      <c r="W34" s="254">
        <v>0</v>
      </c>
      <c r="X34" s="259">
        <v>0</v>
      </c>
      <c r="Y34" s="253">
        <v>0</v>
      </c>
      <c r="Z34" s="257">
        <v>0</v>
      </c>
      <c r="AA34" s="254">
        <v>0</v>
      </c>
      <c r="AB34" s="256">
        <v>0</v>
      </c>
      <c r="AC34" s="257">
        <v>43</v>
      </c>
      <c r="AD34" s="257">
        <v>30</v>
      </c>
      <c r="AE34" s="257">
        <v>7</v>
      </c>
      <c r="AF34" s="257">
        <v>4</v>
      </c>
      <c r="AG34" s="257">
        <v>2</v>
      </c>
      <c r="AH34" s="254">
        <v>86</v>
      </c>
      <c r="AI34" s="259">
        <v>86</v>
      </c>
      <c r="AJ34" s="253">
        <v>0</v>
      </c>
      <c r="AK34" s="257">
        <v>0</v>
      </c>
      <c r="AL34" s="254">
        <v>0</v>
      </c>
      <c r="AM34" s="256">
        <v>0</v>
      </c>
      <c r="AN34" s="257">
        <v>6</v>
      </c>
      <c r="AO34" s="257">
        <v>1</v>
      </c>
      <c r="AP34" s="257">
        <v>0</v>
      </c>
      <c r="AQ34" s="257">
        <v>0</v>
      </c>
      <c r="AR34" s="257">
        <v>1</v>
      </c>
      <c r="AS34" s="254">
        <v>8</v>
      </c>
      <c r="AT34" s="259">
        <v>8</v>
      </c>
      <c r="AU34" s="253">
        <v>0</v>
      </c>
      <c r="AV34" s="257">
        <v>3</v>
      </c>
      <c r="AW34" s="254">
        <v>3</v>
      </c>
      <c r="AX34" s="256">
        <v>0</v>
      </c>
      <c r="AY34" s="257">
        <v>9</v>
      </c>
      <c r="AZ34" s="257">
        <v>1</v>
      </c>
      <c r="BA34" s="257">
        <v>3</v>
      </c>
      <c r="BB34" s="257">
        <v>3</v>
      </c>
      <c r="BC34" s="257">
        <v>0</v>
      </c>
      <c r="BD34" s="254">
        <v>16</v>
      </c>
      <c r="BE34" s="259">
        <v>19</v>
      </c>
      <c r="BF34" s="253">
        <v>0</v>
      </c>
      <c r="BG34" s="257">
        <v>0</v>
      </c>
      <c r="BH34" s="254">
        <v>0</v>
      </c>
      <c r="BI34" s="256">
        <v>0</v>
      </c>
      <c r="BJ34" s="257">
        <v>3</v>
      </c>
      <c r="BK34" s="257">
        <v>4</v>
      </c>
      <c r="BL34" s="257">
        <v>6</v>
      </c>
      <c r="BM34" s="257">
        <v>8</v>
      </c>
      <c r="BN34" s="257">
        <v>6</v>
      </c>
      <c r="BO34" s="258">
        <v>27</v>
      </c>
      <c r="BP34" s="259">
        <v>27</v>
      </c>
      <c r="BQ34" s="253">
        <v>0</v>
      </c>
      <c r="BR34" s="257">
        <v>0</v>
      </c>
      <c r="BS34" s="254">
        <v>0</v>
      </c>
      <c r="BT34" s="256">
        <v>0</v>
      </c>
      <c r="BU34" s="257">
        <v>0</v>
      </c>
      <c r="BV34" s="257">
        <v>0</v>
      </c>
      <c r="BW34" s="257">
        <v>0</v>
      </c>
      <c r="BX34" s="257">
        <v>0</v>
      </c>
      <c r="BY34" s="257">
        <v>0</v>
      </c>
      <c r="BZ34" s="254">
        <v>0</v>
      </c>
      <c r="CA34" s="259">
        <v>0</v>
      </c>
      <c r="CB34" s="253">
        <v>0</v>
      </c>
      <c r="CC34" s="257">
        <v>0</v>
      </c>
      <c r="CD34" s="254">
        <v>0</v>
      </c>
      <c r="CE34" s="256">
        <v>0</v>
      </c>
      <c r="CF34" s="257">
        <v>1</v>
      </c>
      <c r="CG34" s="257">
        <v>1</v>
      </c>
      <c r="CH34" s="257">
        <v>11</v>
      </c>
      <c r="CI34" s="257">
        <v>8</v>
      </c>
      <c r="CJ34" s="257">
        <v>6</v>
      </c>
      <c r="CK34" s="254">
        <v>27</v>
      </c>
      <c r="CL34" s="259">
        <v>27</v>
      </c>
      <c r="CM34" s="253">
        <v>0</v>
      </c>
      <c r="CN34" s="257">
        <v>0</v>
      </c>
      <c r="CO34" s="254">
        <v>0</v>
      </c>
      <c r="CP34" s="256">
        <v>0</v>
      </c>
      <c r="CQ34" s="257">
        <v>0</v>
      </c>
      <c r="CR34" s="257">
        <v>0</v>
      </c>
      <c r="CS34" s="257">
        <v>0</v>
      </c>
      <c r="CT34" s="257">
        <v>0</v>
      </c>
      <c r="CU34" s="257">
        <v>0</v>
      </c>
      <c r="CV34" s="254">
        <v>0</v>
      </c>
      <c r="CW34" s="259">
        <v>0</v>
      </c>
    </row>
    <row r="35" spans="2:101" ht="21" customHeight="1" x14ac:dyDescent="0.2">
      <c r="B35" s="437" t="s">
        <v>33</v>
      </c>
      <c r="C35" s="253">
        <v>0</v>
      </c>
      <c r="D35" s="254">
        <v>0</v>
      </c>
      <c r="E35" s="255">
        <v>0</v>
      </c>
      <c r="F35" s="256">
        <v>0</v>
      </c>
      <c r="G35" s="257">
        <v>0</v>
      </c>
      <c r="H35" s="257">
        <v>0</v>
      </c>
      <c r="I35" s="257">
        <v>0</v>
      </c>
      <c r="J35" s="257">
        <v>0</v>
      </c>
      <c r="K35" s="257">
        <v>0</v>
      </c>
      <c r="L35" s="258">
        <v>0</v>
      </c>
      <c r="M35" s="259">
        <v>0</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18</v>
      </c>
      <c r="AD35" s="257">
        <v>9</v>
      </c>
      <c r="AE35" s="257">
        <v>4</v>
      </c>
      <c r="AF35" s="257">
        <v>2</v>
      </c>
      <c r="AG35" s="257">
        <v>1</v>
      </c>
      <c r="AH35" s="254">
        <v>34</v>
      </c>
      <c r="AI35" s="259">
        <v>34</v>
      </c>
      <c r="AJ35" s="253">
        <v>0</v>
      </c>
      <c r="AK35" s="257">
        <v>0</v>
      </c>
      <c r="AL35" s="254">
        <v>0</v>
      </c>
      <c r="AM35" s="256">
        <v>0</v>
      </c>
      <c r="AN35" s="257">
        <v>0</v>
      </c>
      <c r="AO35" s="257">
        <v>0</v>
      </c>
      <c r="AP35" s="257">
        <v>0</v>
      </c>
      <c r="AQ35" s="257">
        <v>0</v>
      </c>
      <c r="AR35" s="257">
        <v>0</v>
      </c>
      <c r="AS35" s="254">
        <v>0</v>
      </c>
      <c r="AT35" s="259">
        <v>0</v>
      </c>
      <c r="AU35" s="253">
        <v>0</v>
      </c>
      <c r="AV35" s="257">
        <v>0</v>
      </c>
      <c r="AW35" s="254">
        <v>0</v>
      </c>
      <c r="AX35" s="256">
        <v>0</v>
      </c>
      <c r="AY35" s="257">
        <v>0</v>
      </c>
      <c r="AZ35" s="257">
        <v>0</v>
      </c>
      <c r="BA35" s="257">
        <v>0</v>
      </c>
      <c r="BB35" s="257">
        <v>0</v>
      </c>
      <c r="BC35" s="257">
        <v>0</v>
      </c>
      <c r="BD35" s="254">
        <v>0</v>
      </c>
      <c r="BE35" s="259">
        <v>0</v>
      </c>
      <c r="BF35" s="253">
        <v>0</v>
      </c>
      <c r="BG35" s="257">
        <v>1</v>
      </c>
      <c r="BH35" s="254">
        <v>1</v>
      </c>
      <c r="BI35" s="256">
        <v>0</v>
      </c>
      <c r="BJ35" s="257">
        <v>3</v>
      </c>
      <c r="BK35" s="257">
        <v>3</v>
      </c>
      <c r="BL35" s="257">
        <v>8</v>
      </c>
      <c r="BM35" s="257">
        <v>1</v>
      </c>
      <c r="BN35" s="257">
        <v>2</v>
      </c>
      <c r="BO35" s="258">
        <v>17</v>
      </c>
      <c r="BP35" s="259">
        <v>18</v>
      </c>
      <c r="BQ35" s="253">
        <v>0</v>
      </c>
      <c r="BR35" s="257">
        <v>0</v>
      </c>
      <c r="BS35" s="254">
        <v>0</v>
      </c>
      <c r="BT35" s="256">
        <v>0</v>
      </c>
      <c r="BU35" s="257">
        <v>0</v>
      </c>
      <c r="BV35" s="257">
        <v>0</v>
      </c>
      <c r="BW35" s="257">
        <v>0</v>
      </c>
      <c r="BX35" s="257">
        <v>0</v>
      </c>
      <c r="BY35" s="257">
        <v>0</v>
      </c>
      <c r="BZ35" s="254">
        <v>0</v>
      </c>
      <c r="CA35" s="259">
        <v>0</v>
      </c>
      <c r="CB35" s="253">
        <v>0</v>
      </c>
      <c r="CC35" s="257">
        <v>0</v>
      </c>
      <c r="CD35" s="254">
        <v>0</v>
      </c>
      <c r="CE35" s="256">
        <v>0</v>
      </c>
      <c r="CF35" s="257">
        <v>0</v>
      </c>
      <c r="CG35" s="257">
        <v>0</v>
      </c>
      <c r="CH35" s="257">
        <v>0</v>
      </c>
      <c r="CI35" s="257">
        <v>0</v>
      </c>
      <c r="CJ35" s="257">
        <v>0</v>
      </c>
      <c r="CK35" s="254">
        <v>0</v>
      </c>
      <c r="CL35" s="259">
        <v>0</v>
      </c>
      <c r="CM35" s="253">
        <v>0</v>
      </c>
      <c r="CN35" s="257">
        <v>0</v>
      </c>
      <c r="CO35" s="254">
        <v>0</v>
      </c>
      <c r="CP35" s="256">
        <v>0</v>
      </c>
      <c r="CQ35" s="257">
        <v>3</v>
      </c>
      <c r="CR35" s="257">
        <v>2</v>
      </c>
      <c r="CS35" s="257">
        <v>4</v>
      </c>
      <c r="CT35" s="257">
        <v>5</v>
      </c>
      <c r="CU35" s="257">
        <v>7</v>
      </c>
      <c r="CV35" s="254">
        <v>21</v>
      </c>
      <c r="CW35" s="259">
        <v>21</v>
      </c>
    </row>
    <row r="36" spans="2:101" ht="21" customHeight="1" x14ac:dyDescent="0.2">
      <c r="B36" s="437" t="s">
        <v>34</v>
      </c>
      <c r="C36" s="253">
        <v>0</v>
      </c>
      <c r="D36" s="254">
        <v>0</v>
      </c>
      <c r="E36" s="255">
        <v>0</v>
      </c>
      <c r="F36" s="256">
        <v>0</v>
      </c>
      <c r="G36" s="257">
        <v>0</v>
      </c>
      <c r="H36" s="257">
        <v>0</v>
      </c>
      <c r="I36" s="257">
        <v>0</v>
      </c>
      <c r="J36" s="257">
        <v>0</v>
      </c>
      <c r="K36" s="257">
        <v>0</v>
      </c>
      <c r="L36" s="258">
        <v>0</v>
      </c>
      <c r="M36" s="259">
        <v>0</v>
      </c>
      <c r="N36" s="253">
        <v>0</v>
      </c>
      <c r="O36" s="257">
        <v>0</v>
      </c>
      <c r="P36" s="254">
        <v>0</v>
      </c>
      <c r="Q36" s="256">
        <v>0</v>
      </c>
      <c r="R36" s="257">
        <v>0</v>
      </c>
      <c r="S36" s="257">
        <v>0</v>
      </c>
      <c r="T36" s="257">
        <v>0</v>
      </c>
      <c r="U36" s="257">
        <v>0</v>
      </c>
      <c r="V36" s="257">
        <v>0</v>
      </c>
      <c r="W36" s="254">
        <v>0</v>
      </c>
      <c r="X36" s="259">
        <v>0</v>
      </c>
      <c r="Y36" s="253">
        <v>0</v>
      </c>
      <c r="Z36" s="257">
        <v>0</v>
      </c>
      <c r="AA36" s="254">
        <v>0</v>
      </c>
      <c r="AB36" s="256">
        <v>0</v>
      </c>
      <c r="AC36" s="257">
        <v>11</v>
      </c>
      <c r="AD36" s="257">
        <v>4</v>
      </c>
      <c r="AE36" s="257">
        <v>1</v>
      </c>
      <c r="AF36" s="257">
        <v>1</v>
      </c>
      <c r="AG36" s="257">
        <v>1</v>
      </c>
      <c r="AH36" s="254">
        <v>18</v>
      </c>
      <c r="AI36" s="259">
        <v>18</v>
      </c>
      <c r="AJ36" s="253">
        <v>0</v>
      </c>
      <c r="AK36" s="257">
        <v>0</v>
      </c>
      <c r="AL36" s="254">
        <v>0</v>
      </c>
      <c r="AM36" s="256">
        <v>0</v>
      </c>
      <c r="AN36" s="257">
        <v>0</v>
      </c>
      <c r="AO36" s="257">
        <v>0</v>
      </c>
      <c r="AP36" s="257">
        <v>0</v>
      </c>
      <c r="AQ36" s="257">
        <v>0</v>
      </c>
      <c r="AR36" s="257">
        <v>1</v>
      </c>
      <c r="AS36" s="254">
        <v>1</v>
      </c>
      <c r="AT36" s="259">
        <v>1</v>
      </c>
      <c r="AU36" s="253">
        <v>1</v>
      </c>
      <c r="AV36" s="257">
        <v>1</v>
      </c>
      <c r="AW36" s="254">
        <v>2</v>
      </c>
      <c r="AX36" s="256">
        <v>0</v>
      </c>
      <c r="AY36" s="257">
        <v>10</v>
      </c>
      <c r="AZ36" s="257">
        <v>10</v>
      </c>
      <c r="BA36" s="257">
        <v>5</v>
      </c>
      <c r="BB36" s="257">
        <v>0</v>
      </c>
      <c r="BC36" s="257">
        <v>0</v>
      </c>
      <c r="BD36" s="254">
        <v>25</v>
      </c>
      <c r="BE36" s="259">
        <v>27</v>
      </c>
      <c r="BF36" s="253">
        <v>0</v>
      </c>
      <c r="BG36" s="257">
        <v>0</v>
      </c>
      <c r="BH36" s="254">
        <v>0</v>
      </c>
      <c r="BI36" s="256">
        <v>0</v>
      </c>
      <c r="BJ36" s="257">
        <v>0</v>
      </c>
      <c r="BK36" s="257">
        <v>0</v>
      </c>
      <c r="BL36" s="257">
        <v>0</v>
      </c>
      <c r="BM36" s="257">
        <v>0</v>
      </c>
      <c r="BN36" s="257">
        <v>0</v>
      </c>
      <c r="BO36" s="258">
        <v>0</v>
      </c>
      <c r="BP36" s="259">
        <v>0</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8</v>
      </c>
      <c r="CR36" s="257">
        <v>6</v>
      </c>
      <c r="CS36" s="257">
        <v>5</v>
      </c>
      <c r="CT36" s="257">
        <v>4</v>
      </c>
      <c r="CU36" s="257">
        <v>1</v>
      </c>
      <c r="CV36" s="254">
        <v>24</v>
      </c>
      <c r="CW36" s="259">
        <v>24</v>
      </c>
    </row>
    <row r="37" spans="2:101" ht="21" customHeight="1" x14ac:dyDescent="0.2">
      <c r="B37" s="437" t="s">
        <v>35</v>
      </c>
      <c r="C37" s="253">
        <v>0</v>
      </c>
      <c r="D37" s="254">
        <v>0</v>
      </c>
      <c r="E37" s="255">
        <v>0</v>
      </c>
      <c r="F37" s="256">
        <v>0</v>
      </c>
      <c r="G37" s="257">
        <v>0</v>
      </c>
      <c r="H37" s="257">
        <v>0</v>
      </c>
      <c r="I37" s="257">
        <v>2</v>
      </c>
      <c r="J37" s="257">
        <v>1</v>
      </c>
      <c r="K37" s="257">
        <v>0</v>
      </c>
      <c r="L37" s="258">
        <v>3</v>
      </c>
      <c r="M37" s="259">
        <v>3</v>
      </c>
      <c r="N37" s="253">
        <v>0</v>
      </c>
      <c r="O37" s="257">
        <v>0</v>
      </c>
      <c r="P37" s="254">
        <v>0</v>
      </c>
      <c r="Q37" s="256">
        <v>0</v>
      </c>
      <c r="R37" s="257">
        <v>0</v>
      </c>
      <c r="S37" s="257">
        <v>0</v>
      </c>
      <c r="T37" s="257">
        <v>0</v>
      </c>
      <c r="U37" s="257">
        <v>0</v>
      </c>
      <c r="V37" s="257">
        <v>0</v>
      </c>
      <c r="W37" s="254">
        <v>0</v>
      </c>
      <c r="X37" s="259">
        <v>0</v>
      </c>
      <c r="Y37" s="253">
        <v>0</v>
      </c>
      <c r="Z37" s="257">
        <v>0</v>
      </c>
      <c r="AA37" s="254">
        <v>0</v>
      </c>
      <c r="AB37" s="256">
        <v>0</v>
      </c>
      <c r="AC37" s="257">
        <v>14</v>
      </c>
      <c r="AD37" s="257">
        <v>14</v>
      </c>
      <c r="AE37" s="257">
        <v>11</v>
      </c>
      <c r="AF37" s="257">
        <v>9</v>
      </c>
      <c r="AG37" s="257">
        <v>2</v>
      </c>
      <c r="AH37" s="254">
        <v>50</v>
      </c>
      <c r="AI37" s="259">
        <v>50</v>
      </c>
      <c r="AJ37" s="253">
        <v>0</v>
      </c>
      <c r="AK37" s="257">
        <v>0</v>
      </c>
      <c r="AL37" s="254">
        <v>0</v>
      </c>
      <c r="AM37" s="256">
        <v>0</v>
      </c>
      <c r="AN37" s="257">
        <v>0</v>
      </c>
      <c r="AO37" s="257">
        <v>0</v>
      </c>
      <c r="AP37" s="257">
        <v>0</v>
      </c>
      <c r="AQ37" s="257">
        <v>0</v>
      </c>
      <c r="AR37" s="257">
        <v>0</v>
      </c>
      <c r="AS37" s="254">
        <v>0</v>
      </c>
      <c r="AT37" s="259">
        <v>0</v>
      </c>
      <c r="AU37" s="253">
        <v>4</v>
      </c>
      <c r="AV37" s="257">
        <v>1</v>
      </c>
      <c r="AW37" s="254">
        <v>5</v>
      </c>
      <c r="AX37" s="256">
        <v>0</v>
      </c>
      <c r="AY37" s="257">
        <v>9</v>
      </c>
      <c r="AZ37" s="257">
        <v>12</v>
      </c>
      <c r="BA37" s="257">
        <v>11</v>
      </c>
      <c r="BB37" s="257">
        <v>3</v>
      </c>
      <c r="BC37" s="257">
        <v>3</v>
      </c>
      <c r="BD37" s="254">
        <v>38</v>
      </c>
      <c r="BE37" s="259">
        <v>43</v>
      </c>
      <c r="BF37" s="253">
        <v>0</v>
      </c>
      <c r="BG37" s="257">
        <v>1</v>
      </c>
      <c r="BH37" s="254">
        <v>1</v>
      </c>
      <c r="BI37" s="256">
        <v>0</v>
      </c>
      <c r="BJ37" s="257">
        <v>14</v>
      </c>
      <c r="BK37" s="257">
        <v>15</v>
      </c>
      <c r="BL37" s="257">
        <v>16</v>
      </c>
      <c r="BM37" s="257">
        <v>11</v>
      </c>
      <c r="BN37" s="257">
        <v>6</v>
      </c>
      <c r="BO37" s="258">
        <v>62</v>
      </c>
      <c r="BP37" s="259">
        <v>63</v>
      </c>
      <c r="BQ37" s="253">
        <v>0</v>
      </c>
      <c r="BR37" s="257">
        <v>0</v>
      </c>
      <c r="BS37" s="254">
        <v>0</v>
      </c>
      <c r="BT37" s="256">
        <v>0</v>
      </c>
      <c r="BU37" s="257">
        <v>0</v>
      </c>
      <c r="BV37" s="257">
        <v>0</v>
      </c>
      <c r="BW37" s="257">
        <v>0</v>
      </c>
      <c r="BX37" s="257">
        <v>0</v>
      </c>
      <c r="BY37" s="257">
        <v>0</v>
      </c>
      <c r="BZ37" s="254">
        <v>0</v>
      </c>
      <c r="CA37" s="259">
        <v>0</v>
      </c>
      <c r="CB37" s="253">
        <v>0</v>
      </c>
      <c r="CC37" s="257">
        <v>0</v>
      </c>
      <c r="CD37" s="254">
        <v>0</v>
      </c>
      <c r="CE37" s="256">
        <v>0</v>
      </c>
      <c r="CF37" s="257">
        <v>0</v>
      </c>
      <c r="CG37" s="257">
        <v>0</v>
      </c>
      <c r="CH37" s="257">
        <v>0</v>
      </c>
      <c r="CI37" s="257">
        <v>0</v>
      </c>
      <c r="CJ37" s="257">
        <v>0</v>
      </c>
      <c r="CK37" s="254">
        <v>0</v>
      </c>
      <c r="CL37" s="259">
        <v>0</v>
      </c>
      <c r="CM37" s="253">
        <v>0</v>
      </c>
      <c r="CN37" s="257">
        <v>0</v>
      </c>
      <c r="CO37" s="254">
        <v>0</v>
      </c>
      <c r="CP37" s="256">
        <v>0</v>
      </c>
      <c r="CQ37" s="257">
        <v>0</v>
      </c>
      <c r="CR37" s="257">
        <v>0</v>
      </c>
      <c r="CS37" s="257">
        <v>0</v>
      </c>
      <c r="CT37" s="257">
        <v>0</v>
      </c>
      <c r="CU37" s="257">
        <v>0</v>
      </c>
      <c r="CV37" s="254">
        <v>0</v>
      </c>
      <c r="CW37" s="259">
        <v>0</v>
      </c>
    </row>
    <row r="38" spans="2:101" ht="21" customHeight="1" x14ac:dyDescent="0.2">
      <c r="B38" s="437" t="s">
        <v>36</v>
      </c>
      <c r="C38" s="253">
        <v>0</v>
      </c>
      <c r="D38" s="254">
        <v>0</v>
      </c>
      <c r="E38" s="255">
        <v>0</v>
      </c>
      <c r="F38" s="256">
        <v>0</v>
      </c>
      <c r="G38" s="257">
        <v>0</v>
      </c>
      <c r="H38" s="257">
        <v>1</v>
      </c>
      <c r="I38" s="257">
        <v>0</v>
      </c>
      <c r="J38" s="257">
        <v>0</v>
      </c>
      <c r="K38" s="257">
        <v>0</v>
      </c>
      <c r="L38" s="258">
        <v>1</v>
      </c>
      <c r="M38" s="259">
        <v>1</v>
      </c>
      <c r="N38" s="253">
        <v>0</v>
      </c>
      <c r="O38" s="257">
        <v>0</v>
      </c>
      <c r="P38" s="254">
        <v>0</v>
      </c>
      <c r="Q38" s="256">
        <v>0</v>
      </c>
      <c r="R38" s="257">
        <v>0</v>
      </c>
      <c r="S38" s="257">
        <v>0</v>
      </c>
      <c r="T38" s="257">
        <v>0</v>
      </c>
      <c r="U38" s="257">
        <v>0</v>
      </c>
      <c r="V38" s="257">
        <v>0</v>
      </c>
      <c r="W38" s="254">
        <v>0</v>
      </c>
      <c r="X38" s="259">
        <v>0</v>
      </c>
      <c r="Y38" s="253">
        <v>0</v>
      </c>
      <c r="Z38" s="257">
        <v>0</v>
      </c>
      <c r="AA38" s="254">
        <v>0</v>
      </c>
      <c r="AB38" s="256">
        <v>0</v>
      </c>
      <c r="AC38" s="257">
        <v>68</v>
      </c>
      <c r="AD38" s="257">
        <v>40</v>
      </c>
      <c r="AE38" s="257">
        <v>28</v>
      </c>
      <c r="AF38" s="257">
        <v>9</v>
      </c>
      <c r="AG38" s="257">
        <v>14</v>
      </c>
      <c r="AH38" s="254">
        <v>159</v>
      </c>
      <c r="AI38" s="259">
        <v>159</v>
      </c>
      <c r="AJ38" s="253">
        <v>0</v>
      </c>
      <c r="AK38" s="257">
        <v>0</v>
      </c>
      <c r="AL38" s="254">
        <v>0</v>
      </c>
      <c r="AM38" s="256">
        <v>0</v>
      </c>
      <c r="AN38" s="257">
        <v>0</v>
      </c>
      <c r="AO38" s="257">
        <v>0</v>
      </c>
      <c r="AP38" s="257">
        <v>0</v>
      </c>
      <c r="AQ38" s="257">
        <v>0</v>
      </c>
      <c r="AR38" s="257">
        <v>0</v>
      </c>
      <c r="AS38" s="254">
        <v>0</v>
      </c>
      <c r="AT38" s="259">
        <v>0</v>
      </c>
      <c r="AU38" s="253">
        <v>0</v>
      </c>
      <c r="AV38" s="257">
        <v>1</v>
      </c>
      <c r="AW38" s="254">
        <v>1</v>
      </c>
      <c r="AX38" s="256">
        <v>0</v>
      </c>
      <c r="AY38" s="257">
        <v>11</v>
      </c>
      <c r="AZ38" s="257">
        <v>14</v>
      </c>
      <c r="BA38" s="257">
        <v>9</v>
      </c>
      <c r="BB38" s="257">
        <v>3</v>
      </c>
      <c r="BC38" s="257">
        <v>1</v>
      </c>
      <c r="BD38" s="254">
        <v>38</v>
      </c>
      <c r="BE38" s="259">
        <v>39</v>
      </c>
      <c r="BF38" s="253">
        <v>0</v>
      </c>
      <c r="BG38" s="257">
        <v>0</v>
      </c>
      <c r="BH38" s="254">
        <v>0</v>
      </c>
      <c r="BI38" s="256">
        <v>0</v>
      </c>
      <c r="BJ38" s="257">
        <v>5</v>
      </c>
      <c r="BK38" s="257">
        <v>14</v>
      </c>
      <c r="BL38" s="257">
        <v>14</v>
      </c>
      <c r="BM38" s="257">
        <v>9</v>
      </c>
      <c r="BN38" s="257">
        <v>6</v>
      </c>
      <c r="BO38" s="258">
        <v>48</v>
      </c>
      <c r="BP38" s="259">
        <v>48</v>
      </c>
      <c r="BQ38" s="253">
        <v>0</v>
      </c>
      <c r="BR38" s="257">
        <v>0</v>
      </c>
      <c r="BS38" s="254">
        <v>0</v>
      </c>
      <c r="BT38" s="256">
        <v>0</v>
      </c>
      <c r="BU38" s="257">
        <v>0</v>
      </c>
      <c r="BV38" s="257">
        <v>0</v>
      </c>
      <c r="BW38" s="257">
        <v>0</v>
      </c>
      <c r="BX38" s="257">
        <v>0</v>
      </c>
      <c r="BY38" s="257">
        <v>0</v>
      </c>
      <c r="BZ38" s="254">
        <v>0</v>
      </c>
      <c r="CA38" s="259">
        <v>0</v>
      </c>
      <c r="CB38" s="253">
        <v>0</v>
      </c>
      <c r="CC38" s="257">
        <v>0</v>
      </c>
      <c r="CD38" s="254">
        <v>0</v>
      </c>
      <c r="CE38" s="256">
        <v>0</v>
      </c>
      <c r="CF38" s="257">
        <v>0</v>
      </c>
      <c r="CG38" s="257">
        <v>0</v>
      </c>
      <c r="CH38" s="257">
        <v>0</v>
      </c>
      <c r="CI38" s="257">
        <v>0</v>
      </c>
      <c r="CJ38" s="257">
        <v>0</v>
      </c>
      <c r="CK38" s="254">
        <v>0</v>
      </c>
      <c r="CL38" s="259">
        <v>0</v>
      </c>
      <c r="CM38" s="253">
        <v>0</v>
      </c>
      <c r="CN38" s="257">
        <v>0</v>
      </c>
      <c r="CO38" s="254">
        <v>0</v>
      </c>
      <c r="CP38" s="256">
        <v>0</v>
      </c>
      <c r="CQ38" s="257">
        <v>0</v>
      </c>
      <c r="CR38" s="257">
        <v>0</v>
      </c>
      <c r="CS38" s="257">
        <v>0</v>
      </c>
      <c r="CT38" s="257">
        <v>1</v>
      </c>
      <c r="CU38" s="257">
        <v>0</v>
      </c>
      <c r="CV38" s="254">
        <v>1</v>
      </c>
      <c r="CW38" s="259">
        <v>1</v>
      </c>
    </row>
    <row r="39" spans="2:101" ht="21" customHeight="1" thickBot="1" x14ac:dyDescent="0.25">
      <c r="B39" s="438" t="s">
        <v>37</v>
      </c>
      <c r="C39" s="260">
        <v>0</v>
      </c>
      <c r="D39" s="261">
        <v>0</v>
      </c>
      <c r="E39" s="262">
        <v>0</v>
      </c>
      <c r="F39" s="263">
        <v>0</v>
      </c>
      <c r="G39" s="264">
        <v>0</v>
      </c>
      <c r="H39" s="264">
        <v>0</v>
      </c>
      <c r="I39" s="264">
        <v>0</v>
      </c>
      <c r="J39" s="264">
        <v>1</v>
      </c>
      <c r="K39" s="264">
        <v>0</v>
      </c>
      <c r="L39" s="265">
        <v>1</v>
      </c>
      <c r="M39" s="266">
        <v>1</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15</v>
      </c>
      <c r="AD39" s="264">
        <v>6</v>
      </c>
      <c r="AE39" s="264">
        <v>5</v>
      </c>
      <c r="AF39" s="264">
        <v>0</v>
      </c>
      <c r="AG39" s="264">
        <v>2</v>
      </c>
      <c r="AH39" s="261">
        <v>28</v>
      </c>
      <c r="AI39" s="266">
        <v>28</v>
      </c>
      <c r="AJ39" s="260">
        <v>0</v>
      </c>
      <c r="AK39" s="264">
        <v>0</v>
      </c>
      <c r="AL39" s="261">
        <v>0</v>
      </c>
      <c r="AM39" s="263">
        <v>0</v>
      </c>
      <c r="AN39" s="264">
        <v>1</v>
      </c>
      <c r="AO39" s="264">
        <v>0</v>
      </c>
      <c r="AP39" s="264">
        <v>0</v>
      </c>
      <c r="AQ39" s="264">
        <v>1</v>
      </c>
      <c r="AR39" s="264">
        <v>1</v>
      </c>
      <c r="AS39" s="261">
        <v>3</v>
      </c>
      <c r="AT39" s="266">
        <v>3</v>
      </c>
      <c r="AU39" s="260">
        <v>0</v>
      </c>
      <c r="AV39" s="264">
        <v>0</v>
      </c>
      <c r="AW39" s="261">
        <v>0</v>
      </c>
      <c r="AX39" s="263">
        <v>0</v>
      </c>
      <c r="AY39" s="264">
        <v>0</v>
      </c>
      <c r="AZ39" s="264">
        <v>0</v>
      </c>
      <c r="BA39" s="264">
        <v>0</v>
      </c>
      <c r="BB39" s="264">
        <v>0</v>
      </c>
      <c r="BC39" s="264">
        <v>0</v>
      </c>
      <c r="BD39" s="261">
        <v>0</v>
      </c>
      <c r="BE39" s="266">
        <v>0</v>
      </c>
      <c r="BF39" s="260">
        <v>0</v>
      </c>
      <c r="BG39" s="264">
        <v>0</v>
      </c>
      <c r="BH39" s="261">
        <v>0</v>
      </c>
      <c r="BI39" s="263">
        <v>0</v>
      </c>
      <c r="BJ39" s="264">
        <v>2</v>
      </c>
      <c r="BK39" s="264">
        <v>0</v>
      </c>
      <c r="BL39" s="264">
        <v>4</v>
      </c>
      <c r="BM39" s="264">
        <v>3</v>
      </c>
      <c r="BN39" s="264">
        <v>1</v>
      </c>
      <c r="BO39" s="265">
        <v>10</v>
      </c>
      <c r="BP39" s="266">
        <v>10</v>
      </c>
      <c r="BQ39" s="260">
        <v>0</v>
      </c>
      <c r="BR39" s="264">
        <v>0</v>
      </c>
      <c r="BS39" s="261">
        <v>0</v>
      </c>
      <c r="BT39" s="263">
        <v>0</v>
      </c>
      <c r="BU39" s="264">
        <v>0</v>
      </c>
      <c r="BV39" s="264">
        <v>0</v>
      </c>
      <c r="BW39" s="264">
        <v>0</v>
      </c>
      <c r="BX39" s="264">
        <v>0</v>
      </c>
      <c r="BY39" s="264">
        <v>0</v>
      </c>
      <c r="BZ39" s="261">
        <v>0</v>
      </c>
      <c r="CA39" s="266">
        <v>0</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0</v>
      </c>
      <c r="CV39" s="261">
        <v>0</v>
      </c>
      <c r="CW39" s="266">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33203125" style="238" customWidth="1"/>
    <col min="6" max="6" width="7.6640625" style="238" customWidth="1"/>
    <col min="7" max="7" width="8.44140625" style="238" customWidth="1"/>
    <col min="8" max="8" width="8.77734375" style="238" customWidth="1"/>
    <col min="9" max="16" width="9" style="238"/>
    <col min="17" max="17" width="7.21875" style="238" customWidth="1"/>
    <col min="18" max="27" width="9" style="238"/>
    <col min="28" max="28" width="7.6640625" style="238" customWidth="1"/>
    <col min="29" max="38" width="9" style="238"/>
    <col min="39" max="39" width="8.5546875" style="238" customWidth="1"/>
    <col min="40" max="49" width="9" style="238"/>
    <col min="50" max="50" width="7.6640625" style="238" customWidth="1"/>
    <col min="51" max="60" width="9" style="238"/>
    <col min="61" max="61" width="7.21875" style="238" customWidth="1"/>
    <col min="62" max="71" width="9" style="238"/>
    <col min="72" max="72" width="7.21875" style="238" customWidth="1"/>
    <col min="73" max="82" width="9" style="238"/>
    <col min="83" max="83" width="7.33203125" style="238" customWidth="1"/>
    <col min="84" max="93" width="9" style="238"/>
    <col min="94" max="94" width="7.44140625" style="238" customWidth="1"/>
    <col min="95" max="16384" width="9" style="238"/>
  </cols>
  <sheetData>
    <row r="1" spans="1:101" ht="24" customHeight="1" x14ac:dyDescent="0.2">
      <c r="B1" s="267" t="s">
        <v>123</v>
      </c>
      <c r="I1" s="495">
        <f>第１表!F2</f>
        <v>6</v>
      </c>
      <c r="J1" s="495"/>
      <c r="K1" s="231">
        <f>第１表!G2</f>
        <v>2</v>
      </c>
      <c r="L1" s="499">
        <f>IF(K1&lt;3,K1+12-2,K1-2)</f>
        <v>12</v>
      </c>
      <c r="M1" s="499"/>
    </row>
    <row r="2" spans="1:101" s="268" customFormat="1" ht="24" customHeight="1" thickBot="1" x14ac:dyDescent="0.25">
      <c r="A2" s="39"/>
      <c r="B2" s="267" t="s">
        <v>129</v>
      </c>
    </row>
    <row r="3" spans="1:101" ht="21" customHeight="1" thickBot="1" x14ac:dyDescent="0.25">
      <c r="B3" s="512"/>
      <c r="C3" s="503" t="s">
        <v>94</v>
      </c>
      <c r="D3" s="504"/>
      <c r="E3" s="504"/>
      <c r="F3" s="504"/>
      <c r="G3" s="504"/>
      <c r="H3" s="504"/>
      <c r="I3" s="504"/>
      <c r="J3" s="504"/>
      <c r="K3" s="504"/>
      <c r="L3" s="504"/>
      <c r="M3" s="505"/>
      <c r="N3" s="503" t="s">
        <v>88</v>
      </c>
      <c r="O3" s="504"/>
      <c r="P3" s="504"/>
      <c r="Q3" s="504"/>
      <c r="R3" s="504"/>
      <c r="S3" s="504"/>
      <c r="T3" s="504"/>
      <c r="U3" s="504"/>
      <c r="V3" s="504"/>
      <c r="W3" s="504"/>
      <c r="X3" s="505"/>
      <c r="Y3" s="503" t="s">
        <v>140</v>
      </c>
      <c r="Z3" s="504"/>
      <c r="AA3" s="504"/>
      <c r="AB3" s="504"/>
      <c r="AC3" s="504"/>
      <c r="AD3" s="504"/>
      <c r="AE3" s="504"/>
      <c r="AF3" s="504"/>
      <c r="AG3" s="504"/>
      <c r="AH3" s="504"/>
      <c r="AI3" s="505"/>
      <c r="AJ3" s="503" t="s">
        <v>90</v>
      </c>
      <c r="AK3" s="504"/>
      <c r="AL3" s="504"/>
      <c r="AM3" s="504"/>
      <c r="AN3" s="504"/>
      <c r="AO3" s="504"/>
      <c r="AP3" s="504"/>
      <c r="AQ3" s="504"/>
      <c r="AR3" s="504"/>
      <c r="AS3" s="504"/>
      <c r="AT3" s="505"/>
      <c r="AU3" s="516" t="s">
        <v>89</v>
      </c>
      <c r="AV3" s="517"/>
      <c r="AW3" s="517"/>
      <c r="AX3" s="517"/>
      <c r="AY3" s="517"/>
      <c r="AZ3" s="517"/>
      <c r="BA3" s="517"/>
      <c r="BB3" s="517"/>
      <c r="BC3" s="517"/>
      <c r="BD3" s="517"/>
      <c r="BE3" s="518"/>
      <c r="BF3" s="516" t="s">
        <v>91</v>
      </c>
      <c r="BG3" s="517"/>
      <c r="BH3" s="517"/>
      <c r="BI3" s="517"/>
      <c r="BJ3" s="517"/>
      <c r="BK3" s="517"/>
      <c r="BL3" s="517"/>
      <c r="BM3" s="517"/>
      <c r="BN3" s="517"/>
      <c r="BO3" s="517"/>
      <c r="BP3" s="518"/>
      <c r="BQ3" s="516" t="s">
        <v>92</v>
      </c>
      <c r="BR3" s="517"/>
      <c r="BS3" s="517"/>
      <c r="BT3" s="517"/>
      <c r="BU3" s="517"/>
      <c r="BV3" s="517"/>
      <c r="BW3" s="517"/>
      <c r="BX3" s="517"/>
      <c r="BY3" s="517"/>
      <c r="BZ3" s="517"/>
      <c r="CA3" s="518"/>
      <c r="CB3" s="516" t="s">
        <v>93</v>
      </c>
      <c r="CC3" s="517"/>
      <c r="CD3" s="517"/>
      <c r="CE3" s="517"/>
      <c r="CF3" s="517"/>
      <c r="CG3" s="517"/>
      <c r="CH3" s="517"/>
      <c r="CI3" s="517"/>
      <c r="CJ3" s="517"/>
      <c r="CK3" s="517"/>
      <c r="CL3" s="518"/>
      <c r="CM3" s="517" t="s">
        <v>139</v>
      </c>
      <c r="CN3" s="517"/>
      <c r="CO3" s="517"/>
      <c r="CP3" s="517"/>
      <c r="CQ3" s="517"/>
      <c r="CR3" s="517"/>
      <c r="CS3" s="517"/>
      <c r="CT3" s="517"/>
      <c r="CU3" s="517"/>
      <c r="CV3" s="517"/>
      <c r="CW3" s="518"/>
    </row>
    <row r="4" spans="1:101"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34" t="s">
        <v>61</v>
      </c>
      <c r="AV4" s="532"/>
      <c r="AW4" s="533"/>
      <c r="AX4" s="531" t="s">
        <v>62</v>
      </c>
      <c r="AY4" s="532"/>
      <c r="AZ4" s="532"/>
      <c r="BA4" s="532"/>
      <c r="BB4" s="532"/>
      <c r="BC4" s="532"/>
      <c r="BD4" s="533"/>
      <c r="BE4" s="529" t="s">
        <v>52</v>
      </c>
      <c r="BF4" s="534" t="s">
        <v>61</v>
      </c>
      <c r="BG4" s="532"/>
      <c r="BH4" s="533"/>
      <c r="BI4" s="531" t="s">
        <v>62</v>
      </c>
      <c r="BJ4" s="532"/>
      <c r="BK4" s="532"/>
      <c r="BL4" s="532"/>
      <c r="BM4" s="532"/>
      <c r="BN4" s="532"/>
      <c r="BO4" s="533"/>
      <c r="BP4" s="529" t="s">
        <v>52</v>
      </c>
      <c r="BQ4" s="534" t="s">
        <v>61</v>
      </c>
      <c r="BR4" s="532"/>
      <c r="BS4" s="533"/>
      <c r="BT4" s="531" t="s">
        <v>62</v>
      </c>
      <c r="BU4" s="532"/>
      <c r="BV4" s="532"/>
      <c r="BW4" s="532"/>
      <c r="BX4" s="532"/>
      <c r="BY4" s="532"/>
      <c r="BZ4" s="533"/>
      <c r="CA4" s="529" t="s">
        <v>52</v>
      </c>
      <c r="CB4" s="534" t="s">
        <v>61</v>
      </c>
      <c r="CC4" s="532"/>
      <c r="CD4" s="533"/>
      <c r="CE4" s="531" t="s">
        <v>62</v>
      </c>
      <c r="CF4" s="532"/>
      <c r="CG4" s="532"/>
      <c r="CH4" s="532"/>
      <c r="CI4" s="532"/>
      <c r="CJ4" s="532"/>
      <c r="CK4" s="533"/>
      <c r="CL4" s="529" t="s">
        <v>52</v>
      </c>
      <c r="CM4" s="534" t="s">
        <v>61</v>
      </c>
      <c r="CN4" s="532"/>
      <c r="CO4" s="533"/>
      <c r="CP4" s="531" t="s">
        <v>62</v>
      </c>
      <c r="CQ4" s="532"/>
      <c r="CR4" s="532"/>
      <c r="CS4" s="532"/>
      <c r="CT4" s="532"/>
      <c r="CU4" s="532"/>
      <c r="CV4" s="533"/>
      <c r="CW4" s="529" t="s">
        <v>52</v>
      </c>
    </row>
    <row r="5" spans="1:101" ht="30" customHeight="1" thickBot="1" x14ac:dyDescent="0.25">
      <c r="B5" s="514"/>
      <c r="C5" s="295" t="s">
        <v>43</v>
      </c>
      <c r="D5" s="242" t="s">
        <v>44</v>
      </c>
      <c r="E5" s="243" t="s">
        <v>45</v>
      </c>
      <c r="F5" s="244" t="s">
        <v>83</v>
      </c>
      <c r="G5" s="239" t="s">
        <v>47</v>
      </c>
      <c r="H5" s="239" t="s">
        <v>48</v>
      </c>
      <c r="I5" s="239" t="s">
        <v>49</v>
      </c>
      <c r="J5" s="239" t="s">
        <v>50</v>
      </c>
      <c r="K5" s="239" t="s">
        <v>51</v>
      </c>
      <c r="L5" s="245" t="s">
        <v>45</v>
      </c>
      <c r="M5" s="510"/>
      <c r="N5" s="295" t="s">
        <v>43</v>
      </c>
      <c r="O5" s="239" t="s">
        <v>44</v>
      </c>
      <c r="P5" s="242" t="s">
        <v>45</v>
      </c>
      <c r="Q5" s="244" t="s">
        <v>83</v>
      </c>
      <c r="R5" s="239" t="s">
        <v>47</v>
      </c>
      <c r="S5" s="239" t="s">
        <v>48</v>
      </c>
      <c r="T5" s="239" t="s">
        <v>49</v>
      </c>
      <c r="U5" s="239" t="s">
        <v>50</v>
      </c>
      <c r="V5" s="239" t="s">
        <v>51</v>
      </c>
      <c r="W5" s="242" t="s">
        <v>45</v>
      </c>
      <c r="X5" s="510"/>
      <c r="Y5" s="295" t="s">
        <v>43</v>
      </c>
      <c r="Z5" s="239" t="s">
        <v>44</v>
      </c>
      <c r="AA5" s="242" t="s">
        <v>45</v>
      </c>
      <c r="AB5" s="244" t="s">
        <v>83</v>
      </c>
      <c r="AC5" s="239" t="s">
        <v>47</v>
      </c>
      <c r="AD5" s="239" t="s">
        <v>48</v>
      </c>
      <c r="AE5" s="239" t="s">
        <v>49</v>
      </c>
      <c r="AF5" s="239" t="s">
        <v>50</v>
      </c>
      <c r="AG5" s="239" t="s">
        <v>51</v>
      </c>
      <c r="AH5" s="242" t="s">
        <v>45</v>
      </c>
      <c r="AI5" s="510"/>
      <c r="AJ5" s="300" t="s">
        <v>43</v>
      </c>
      <c r="AK5" s="239" t="s">
        <v>44</v>
      </c>
      <c r="AL5" s="242" t="s">
        <v>45</v>
      </c>
      <c r="AM5" s="244" t="s">
        <v>83</v>
      </c>
      <c r="AN5" s="239" t="s">
        <v>47</v>
      </c>
      <c r="AO5" s="239" t="s">
        <v>48</v>
      </c>
      <c r="AP5" s="239" t="s">
        <v>49</v>
      </c>
      <c r="AQ5" s="239" t="s">
        <v>50</v>
      </c>
      <c r="AR5" s="239" t="s">
        <v>51</v>
      </c>
      <c r="AS5" s="242" t="s">
        <v>45</v>
      </c>
      <c r="AT5" s="510"/>
      <c r="AU5" s="300" t="s">
        <v>43</v>
      </c>
      <c r="AV5" s="239" t="s">
        <v>44</v>
      </c>
      <c r="AW5" s="242" t="s">
        <v>45</v>
      </c>
      <c r="AX5" s="244" t="s">
        <v>83</v>
      </c>
      <c r="AY5" s="239" t="s">
        <v>47</v>
      </c>
      <c r="AZ5" s="239" t="s">
        <v>48</v>
      </c>
      <c r="BA5" s="239" t="s">
        <v>49</v>
      </c>
      <c r="BB5" s="239" t="s">
        <v>50</v>
      </c>
      <c r="BC5" s="239" t="s">
        <v>51</v>
      </c>
      <c r="BD5" s="242" t="s">
        <v>45</v>
      </c>
      <c r="BE5" s="530"/>
      <c r="BF5" s="300" t="s">
        <v>43</v>
      </c>
      <c r="BG5" s="239" t="s">
        <v>44</v>
      </c>
      <c r="BH5" s="242" t="s">
        <v>45</v>
      </c>
      <c r="BI5" s="244" t="s">
        <v>83</v>
      </c>
      <c r="BJ5" s="239" t="s">
        <v>47</v>
      </c>
      <c r="BK5" s="239" t="s">
        <v>48</v>
      </c>
      <c r="BL5" s="239" t="s">
        <v>49</v>
      </c>
      <c r="BM5" s="239" t="s">
        <v>50</v>
      </c>
      <c r="BN5" s="239" t="s">
        <v>51</v>
      </c>
      <c r="BO5" s="242" t="s">
        <v>45</v>
      </c>
      <c r="BP5" s="530"/>
      <c r="BQ5" s="300" t="s">
        <v>43</v>
      </c>
      <c r="BR5" s="239" t="s">
        <v>44</v>
      </c>
      <c r="BS5" s="242" t="s">
        <v>45</v>
      </c>
      <c r="BT5" s="244" t="s">
        <v>83</v>
      </c>
      <c r="BU5" s="239" t="s">
        <v>47</v>
      </c>
      <c r="BV5" s="239" t="s">
        <v>48</v>
      </c>
      <c r="BW5" s="239" t="s">
        <v>49</v>
      </c>
      <c r="BX5" s="239" t="s">
        <v>50</v>
      </c>
      <c r="BY5" s="239" t="s">
        <v>51</v>
      </c>
      <c r="BZ5" s="242" t="s">
        <v>45</v>
      </c>
      <c r="CA5" s="530"/>
      <c r="CB5" s="300" t="s">
        <v>43</v>
      </c>
      <c r="CC5" s="239" t="s">
        <v>44</v>
      </c>
      <c r="CD5" s="242" t="s">
        <v>45</v>
      </c>
      <c r="CE5" s="244" t="s">
        <v>83</v>
      </c>
      <c r="CF5" s="239" t="s">
        <v>47</v>
      </c>
      <c r="CG5" s="239" t="s">
        <v>48</v>
      </c>
      <c r="CH5" s="239" t="s">
        <v>49</v>
      </c>
      <c r="CI5" s="239" t="s">
        <v>50</v>
      </c>
      <c r="CJ5" s="239" t="s">
        <v>51</v>
      </c>
      <c r="CK5" s="242" t="s">
        <v>45</v>
      </c>
      <c r="CL5" s="530"/>
      <c r="CM5" s="300" t="s">
        <v>43</v>
      </c>
      <c r="CN5" s="239" t="s">
        <v>44</v>
      </c>
      <c r="CO5" s="242" t="s">
        <v>45</v>
      </c>
      <c r="CP5" s="244" t="s">
        <v>83</v>
      </c>
      <c r="CQ5" s="239" t="s">
        <v>47</v>
      </c>
      <c r="CR5" s="239" t="s">
        <v>48</v>
      </c>
      <c r="CS5" s="239" t="s">
        <v>49</v>
      </c>
      <c r="CT5" s="239" t="s">
        <v>50</v>
      </c>
      <c r="CU5" s="239" t="s">
        <v>51</v>
      </c>
      <c r="CV5" s="242" t="s">
        <v>45</v>
      </c>
      <c r="CW5" s="530"/>
    </row>
    <row r="6" spans="1:101" ht="21" customHeight="1" x14ac:dyDescent="0.2">
      <c r="B6" s="435" t="s">
        <v>4</v>
      </c>
      <c r="C6" s="246">
        <v>0</v>
      </c>
      <c r="D6" s="247">
        <v>0</v>
      </c>
      <c r="E6" s="248">
        <v>0</v>
      </c>
      <c r="F6" s="249">
        <v>0</v>
      </c>
      <c r="G6" s="250">
        <v>14</v>
      </c>
      <c r="H6" s="250">
        <v>26</v>
      </c>
      <c r="I6" s="250">
        <v>19</v>
      </c>
      <c r="J6" s="250">
        <v>25</v>
      </c>
      <c r="K6" s="250">
        <v>14</v>
      </c>
      <c r="L6" s="251">
        <v>98</v>
      </c>
      <c r="M6" s="252">
        <v>98</v>
      </c>
      <c r="N6" s="246">
        <v>0</v>
      </c>
      <c r="O6" s="250">
        <v>0</v>
      </c>
      <c r="P6" s="247">
        <v>0</v>
      </c>
      <c r="Q6" s="249">
        <v>0</v>
      </c>
      <c r="R6" s="250">
        <v>10</v>
      </c>
      <c r="S6" s="250">
        <v>34</v>
      </c>
      <c r="T6" s="250">
        <v>27</v>
      </c>
      <c r="U6" s="250">
        <v>37</v>
      </c>
      <c r="V6" s="250">
        <v>20</v>
      </c>
      <c r="W6" s="247">
        <v>128</v>
      </c>
      <c r="X6" s="252">
        <v>128</v>
      </c>
      <c r="Y6" s="246">
        <v>0</v>
      </c>
      <c r="Z6" s="250">
        <v>0</v>
      </c>
      <c r="AA6" s="247">
        <v>0</v>
      </c>
      <c r="AB6" s="249">
        <v>0</v>
      </c>
      <c r="AC6" s="250">
        <v>955</v>
      </c>
      <c r="AD6" s="250">
        <v>837</v>
      </c>
      <c r="AE6" s="250">
        <v>371</v>
      </c>
      <c r="AF6" s="250">
        <v>159</v>
      </c>
      <c r="AG6" s="250">
        <v>67</v>
      </c>
      <c r="AH6" s="247">
        <v>2389</v>
      </c>
      <c r="AI6" s="252">
        <v>2389</v>
      </c>
      <c r="AJ6" s="246">
        <v>0</v>
      </c>
      <c r="AK6" s="250">
        <v>0</v>
      </c>
      <c r="AL6" s="247">
        <v>0</v>
      </c>
      <c r="AM6" s="249">
        <v>0</v>
      </c>
      <c r="AN6" s="250">
        <v>67</v>
      </c>
      <c r="AO6" s="250">
        <v>77</v>
      </c>
      <c r="AP6" s="250">
        <v>84</v>
      </c>
      <c r="AQ6" s="250">
        <v>41</v>
      </c>
      <c r="AR6" s="250">
        <v>21</v>
      </c>
      <c r="AS6" s="247">
        <v>290</v>
      </c>
      <c r="AT6" s="252">
        <v>290</v>
      </c>
      <c r="AU6" s="246">
        <v>13</v>
      </c>
      <c r="AV6" s="250">
        <v>9</v>
      </c>
      <c r="AW6" s="247">
        <v>22</v>
      </c>
      <c r="AX6" s="249">
        <v>0</v>
      </c>
      <c r="AY6" s="250">
        <v>79</v>
      </c>
      <c r="AZ6" s="250">
        <v>83</v>
      </c>
      <c r="BA6" s="250">
        <v>73</v>
      </c>
      <c r="BB6" s="250">
        <v>42</v>
      </c>
      <c r="BC6" s="250">
        <v>22</v>
      </c>
      <c r="BD6" s="247">
        <v>299</v>
      </c>
      <c r="BE6" s="252">
        <v>321</v>
      </c>
      <c r="BF6" s="246">
        <v>0</v>
      </c>
      <c r="BG6" s="250">
        <v>0</v>
      </c>
      <c r="BH6" s="247">
        <v>0</v>
      </c>
      <c r="BI6" s="249">
        <v>0</v>
      </c>
      <c r="BJ6" s="250">
        <v>91</v>
      </c>
      <c r="BK6" s="250">
        <v>150</v>
      </c>
      <c r="BL6" s="250">
        <v>159</v>
      </c>
      <c r="BM6" s="250">
        <v>105</v>
      </c>
      <c r="BN6" s="250">
        <v>63</v>
      </c>
      <c r="BO6" s="251">
        <v>568</v>
      </c>
      <c r="BP6" s="252">
        <v>568</v>
      </c>
      <c r="BQ6" s="246">
        <v>0</v>
      </c>
      <c r="BR6" s="250">
        <v>0</v>
      </c>
      <c r="BS6" s="247">
        <v>0</v>
      </c>
      <c r="BT6" s="249">
        <v>0</v>
      </c>
      <c r="BU6" s="250">
        <v>4</v>
      </c>
      <c r="BV6" s="250">
        <v>5</v>
      </c>
      <c r="BW6" s="250">
        <v>5</v>
      </c>
      <c r="BX6" s="250">
        <v>3</v>
      </c>
      <c r="BY6" s="250">
        <v>1</v>
      </c>
      <c r="BZ6" s="247">
        <v>18</v>
      </c>
      <c r="CA6" s="252">
        <v>18</v>
      </c>
      <c r="CB6" s="246">
        <v>0</v>
      </c>
      <c r="CC6" s="250">
        <v>0</v>
      </c>
      <c r="CD6" s="247">
        <v>0</v>
      </c>
      <c r="CE6" s="249">
        <v>0</v>
      </c>
      <c r="CF6" s="250">
        <v>0</v>
      </c>
      <c r="CG6" s="250">
        <v>3</v>
      </c>
      <c r="CH6" s="250">
        <v>21</v>
      </c>
      <c r="CI6" s="250">
        <v>21</v>
      </c>
      <c r="CJ6" s="250">
        <v>13</v>
      </c>
      <c r="CK6" s="247">
        <v>58</v>
      </c>
      <c r="CL6" s="252">
        <v>58</v>
      </c>
      <c r="CM6" s="246">
        <v>0</v>
      </c>
      <c r="CN6" s="250">
        <v>0</v>
      </c>
      <c r="CO6" s="247">
        <v>0</v>
      </c>
      <c r="CP6" s="249">
        <v>0</v>
      </c>
      <c r="CQ6" s="250">
        <v>18</v>
      </c>
      <c r="CR6" s="250">
        <v>20</v>
      </c>
      <c r="CS6" s="250">
        <v>17</v>
      </c>
      <c r="CT6" s="250">
        <v>32</v>
      </c>
      <c r="CU6" s="250">
        <v>30</v>
      </c>
      <c r="CV6" s="247">
        <v>117</v>
      </c>
      <c r="CW6" s="252">
        <v>117</v>
      </c>
    </row>
    <row r="7" spans="1:101" ht="21" customHeight="1" x14ac:dyDescent="0.2">
      <c r="B7" s="436" t="s">
        <v>5</v>
      </c>
      <c r="C7" s="253">
        <v>0</v>
      </c>
      <c r="D7" s="254">
        <v>0</v>
      </c>
      <c r="E7" s="255">
        <v>0</v>
      </c>
      <c r="F7" s="256">
        <v>0</v>
      </c>
      <c r="G7" s="257">
        <v>4</v>
      </c>
      <c r="H7" s="257">
        <v>15</v>
      </c>
      <c r="I7" s="257">
        <v>8</v>
      </c>
      <c r="J7" s="257">
        <v>13</v>
      </c>
      <c r="K7" s="257">
        <v>6</v>
      </c>
      <c r="L7" s="258">
        <v>46</v>
      </c>
      <c r="M7" s="259">
        <v>46</v>
      </c>
      <c r="N7" s="253">
        <v>0</v>
      </c>
      <c r="O7" s="257">
        <v>0</v>
      </c>
      <c r="P7" s="254">
        <v>0</v>
      </c>
      <c r="Q7" s="256">
        <v>0</v>
      </c>
      <c r="R7" s="257">
        <v>6</v>
      </c>
      <c r="S7" s="257">
        <v>29</v>
      </c>
      <c r="T7" s="257">
        <v>16</v>
      </c>
      <c r="U7" s="257">
        <v>35</v>
      </c>
      <c r="V7" s="257">
        <v>15</v>
      </c>
      <c r="W7" s="254">
        <v>101</v>
      </c>
      <c r="X7" s="259">
        <v>101</v>
      </c>
      <c r="Y7" s="253">
        <v>0</v>
      </c>
      <c r="Z7" s="257">
        <v>0</v>
      </c>
      <c r="AA7" s="254">
        <v>0</v>
      </c>
      <c r="AB7" s="256">
        <v>0</v>
      </c>
      <c r="AC7" s="257">
        <v>398</v>
      </c>
      <c r="AD7" s="257">
        <v>422</v>
      </c>
      <c r="AE7" s="257">
        <v>180</v>
      </c>
      <c r="AF7" s="257">
        <v>75</v>
      </c>
      <c r="AG7" s="257">
        <v>34</v>
      </c>
      <c r="AH7" s="254">
        <v>1109</v>
      </c>
      <c r="AI7" s="259">
        <v>1109</v>
      </c>
      <c r="AJ7" s="253">
        <v>0</v>
      </c>
      <c r="AK7" s="257">
        <v>0</v>
      </c>
      <c r="AL7" s="254">
        <v>0</v>
      </c>
      <c r="AM7" s="256">
        <v>0</v>
      </c>
      <c r="AN7" s="257">
        <v>36</v>
      </c>
      <c r="AO7" s="257">
        <v>38</v>
      </c>
      <c r="AP7" s="257">
        <v>45</v>
      </c>
      <c r="AQ7" s="257">
        <v>19</v>
      </c>
      <c r="AR7" s="257">
        <v>12</v>
      </c>
      <c r="AS7" s="254">
        <v>150</v>
      </c>
      <c r="AT7" s="259">
        <v>150</v>
      </c>
      <c r="AU7" s="253">
        <v>5</v>
      </c>
      <c r="AV7" s="257">
        <v>4</v>
      </c>
      <c r="AW7" s="254">
        <v>9</v>
      </c>
      <c r="AX7" s="256">
        <v>0</v>
      </c>
      <c r="AY7" s="257">
        <v>29</v>
      </c>
      <c r="AZ7" s="257">
        <v>38</v>
      </c>
      <c r="BA7" s="257">
        <v>33</v>
      </c>
      <c r="BB7" s="257">
        <v>15</v>
      </c>
      <c r="BC7" s="257">
        <v>10</v>
      </c>
      <c r="BD7" s="254">
        <v>125</v>
      </c>
      <c r="BE7" s="259">
        <v>134</v>
      </c>
      <c r="BF7" s="253">
        <v>0</v>
      </c>
      <c r="BG7" s="257">
        <v>0</v>
      </c>
      <c r="BH7" s="254">
        <v>0</v>
      </c>
      <c r="BI7" s="256">
        <v>0</v>
      </c>
      <c r="BJ7" s="257">
        <v>33</v>
      </c>
      <c r="BK7" s="257">
        <v>57</v>
      </c>
      <c r="BL7" s="257">
        <v>54</v>
      </c>
      <c r="BM7" s="257">
        <v>44</v>
      </c>
      <c r="BN7" s="257">
        <v>28</v>
      </c>
      <c r="BO7" s="258">
        <v>216</v>
      </c>
      <c r="BP7" s="259">
        <v>216</v>
      </c>
      <c r="BQ7" s="253">
        <v>0</v>
      </c>
      <c r="BR7" s="257">
        <v>0</v>
      </c>
      <c r="BS7" s="254">
        <v>0</v>
      </c>
      <c r="BT7" s="256">
        <v>0</v>
      </c>
      <c r="BU7" s="257">
        <v>0</v>
      </c>
      <c r="BV7" s="257">
        <v>0</v>
      </c>
      <c r="BW7" s="257">
        <v>0</v>
      </c>
      <c r="BX7" s="257">
        <v>0</v>
      </c>
      <c r="BY7" s="257">
        <v>0</v>
      </c>
      <c r="BZ7" s="254">
        <v>0</v>
      </c>
      <c r="CA7" s="259">
        <v>0</v>
      </c>
      <c r="CB7" s="253">
        <v>0</v>
      </c>
      <c r="CC7" s="257">
        <v>0</v>
      </c>
      <c r="CD7" s="254">
        <v>0</v>
      </c>
      <c r="CE7" s="256">
        <v>0</v>
      </c>
      <c r="CF7" s="257">
        <v>0</v>
      </c>
      <c r="CG7" s="257">
        <v>1</v>
      </c>
      <c r="CH7" s="257">
        <v>4</v>
      </c>
      <c r="CI7" s="257">
        <v>3</v>
      </c>
      <c r="CJ7" s="257">
        <v>4</v>
      </c>
      <c r="CK7" s="254">
        <v>12</v>
      </c>
      <c r="CL7" s="259">
        <v>12</v>
      </c>
      <c r="CM7" s="253">
        <v>0</v>
      </c>
      <c r="CN7" s="257">
        <v>0</v>
      </c>
      <c r="CO7" s="254">
        <v>0</v>
      </c>
      <c r="CP7" s="256">
        <v>0</v>
      </c>
      <c r="CQ7" s="257">
        <v>3</v>
      </c>
      <c r="CR7" s="257">
        <v>5</v>
      </c>
      <c r="CS7" s="257">
        <v>5</v>
      </c>
      <c r="CT7" s="257">
        <v>9</v>
      </c>
      <c r="CU7" s="257">
        <v>16</v>
      </c>
      <c r="CV7" s="254">
        <v>38</v>
      </c>
      <c r="CW7" s="259">
        <v>38</v>
      </c>
    </row>
    <row r="8" spans="1:101" ht="21" customHeight="1" x14ac:dyDescent="0.2">
      <c r="B8" s="437" t="s">
        <v>6</v>
      </c>
      <c r="C8" s="253">
        <v>0</v>
      </c>
      <c r="D8" s="254">
        <v>0</v>
      </c>
      <c r="E8" s="255">
        <v>0</v>
      </c>
      <c r="F8" s="256">
        <v>0</v>
      </c>
      <c r="G8" s="257">
        <v>3</v>
      </c>
      <c r="H8" s="257">
        <v>2</v>
      </c>
      <c r="I8" s="257">
        <v>4</v>
      </c>
      <c r="J8" s="257">
        <v>6</v>
      </c>
      <c r="K8" s="257">
        <v>2</v>
      </c>
      <c r="L8" s="258">
        <v>17</v>
      </c>
      <c r="M8" s="259">
        <v>17</v>
      </c>
      <c r="N8" s="253">
        <v>0</v>
      </c>
      <c r="O8" s="257">
        <v>0</v>
      </c>
      <c r="P8" s="254">
        <v>0</v>
      </c>
      <c r="Q8" s="256">
        <v>0</v>
      </c>
      <c r="R8" s="257">
        <v>3</v>
      </c>
      <c r="S8" s="257">
        <v>5</v>
      </c>
      <c r="T8" s="257">
        <v>9</v>
      </c>
      <c r="U8" s="257">
        <v>1</v>
      </c>
      <c r="V8" s="257">
        <v>4</v>
      </c>
      <c r="W8" s="254">
        <v>22</v>
      </c>
      <c r="X8" s="259">
        <v>22</v>
      </c>
      <c r="Y8" s="253">
        <v>0</v>
      </c>
      <c r="Z8" s="257">
        <v>0</v>
      </c>
      <c r="AA8" s="254">
        <v>0</v>
      </c>
      <c r="AB8" s="256">
        <v>0</v>
      </c>
      <c r="AC8" s="257">
        <v>110</v>
      </c>
      <c r="AD8" s="257">
        <v>71</v>
      </c>
      <c r="AE8" s="257">
        <v>31</v>
      </c>
      <c r="AF8" s="257">
        <v>20</v>
      </c>
      <c r="AG8" s="257">
        <v>10</v>
      </c>
      <c r="AH8" s="254">
        <v>242</v>
      </c>
      <c r="AI8" s="259">
        <v>242</v>
      </c>
      <c r="AJ8" s="253">
        <v>0</v>
      </c>
      <c r="AK8" s="257">
        <v>0</v>
      </c>
      <c r="AL8" s="254">
        <v>0</v>
      </c>
      <c r="AM8" s="256">
        <v>0</v>
      </c>
      <c r="AN8" s="257">
        <v>13</v>
      </c>
      <c r="AO8" s="257">
        <v>13</v>
      </c>
      <c r="AP8" s="257">
        <v>14</v>
      </c>
      <c r="AQ8" s="257">
        <v>9</v>
      </c>
      <c r="AR8" s="257">
        <v>4</v>
      </c>
      <c r="AS8" s="254">
        <v>53</v>
      </c>
      <c r="AT8" s="259">
        <v>53</v>
      </c>
      <c r="AU8" s="253">
        <v>3</v>
      </c>
      <c r="AV8" s="257">
        <v>1</v>
      </c>
      <c r="AW8" s="254">
        <v>4</v>
      </c>
      <c r="AX8" s="256">
        <v>0</v>
      </c>
      <c r="AY8" s="257">
        <v>13</v>
      </c>
      <c r="AZ8" s="257">
        <v>11</v>
      </c>
      <c r="BA8" s="257">
        <v>3</v>
      </c>
      <c r="BB8" s="257">
        <v>12</v>
      </c>
      <c r="BC8" s="257">
        <v>3</v>
      </c>
      <c r="BD8" s="254">
        <v>42</v>
      </c>
      <c r="BE8" s="259">
        <v>46</v>
      </c>
      <c r="BF8" s="253">
        <v>0</v>
      </c>
      <c r="BG8" s="257">
        <v>0</v>
      </c>
      <c r="BH8" s="254">
        <v>0</v>
      </c>
      <c r="BI8" s="256">
        <v>0</v>
      </c>
      <c r="BJ8" s="257">
        <v>22</v>
      </c>
      <c r="BK8" s="257">
        <v>31</v>
      </c>
      <c r="BL8" s="257">
        <v>23</v>
      </c>
      <c r="BM8" s="257">
        <v>17</v>
      </c>
      <c r="BN8" s="257">
        <v>7</v>
      </c>
      <c r="BO8" s="258">
        <v>100</v>
      </c>
      <c r="BP8" s="259">
        <v>100</v>
      </c>
      <c r="BQ8" s="253">
        <v>0</v>
      </c>
      <c r="BR8" s="257">
        <v>0</v>
      </c>
      <c r="BS8" s="254">
        <v>0</v>
      </c>
      <c r="BT8" s="256">
        <v>0</v>
      </c>
      <c r="BU8" s="257">
        <v>0</v>
      </c>
      <c r="BV8" s="257">
        <v>0</v>
      </c>
      <c r="BW8" s="257">
        <v>0</v>
      </c>
      <c r="BX8" s="257">
        <v>0</v>
      </c>
      <c r="BY8" s="257">
        <v>0</v>
      </c>
      <c r="BZ8" s="254">
        <v>0</v>
      </c>
      <c r="CA8" s="259">
        <v>0</v>
      </c>
      <c r="CB8" s="253">
        <v>0</v>
      </c>
      <c r="CC8" s="257">
        <v>0</v>
      </c>
      <c r="CD8" s="254">
        <v>0</v>
      </c>
      <c r="CE8" s="256">
        <v>0</v>
      </c>
      <c r="CF8" s="257">
        <v>0</v>
      </c>
      <c r="CG8" s="257">
        <v>0</v>
      </c>
      <c r="CH8" s="257">
        <v>3</v>
      </c>
      <c r="CI8" s="257">
        <v>7</v>
      </c>
      <c r="CJ8" s="257">
        <v>3</v>
      </c>
      <c r="CK8" s="254">
        <v>13</v>
      </c>
      <c r="CL8" s="259">
        <v>13</v>
      </c>
      <c r="CM8" s="253">
        <v>0</v>
      </c>
      <c r="CN8" s="257">
        <v>0</v>
      </c>
      <c r="CO8" s="254">
        <v>0</v>
      </c>
      <c r="CP8" s="256">
        <v>0</v>
      </c>
      <c r="CQ8" s="257">
        <v>8</v>
      </c>
      <c r="CR8" s="257">
        <v>4</v>
      </c>
      <c r="CS8" s="257">
        <v>1</v>
      </c>
      <c r="CT8" s="257">
        <v>9</v>
      </c>
      <c r="CU8" s="257">
        <v>4</v>
      </c>
      <c r="CV8" s="254">
        <v>26</v>
      </c>
      <c r="CW8" s="259">
        <v>26</v>
      </c>
    </row>
    <row r="9" spans="1:101" ht="21" customHeight="1" x14ac:dyDescent="0.2">
      <c r="B9" s="437" t="s">
        <v>14</v>
      </c>
      <c r="C9" s="253">
        <v>0</v>
      </c>
      <c r="D9" s="254">
        <v>0</v>
      </c>
      <c r="E9" s="255">
        <v>0</v>
      </c>
      <c r="F9" s="256">
        <v>0</v>
      </c>
      <c r="G9" s="257">
        <v>0</v>
      </c>
      <c r="H9" s="257">
        <v>2</v>
      </c>
      <c r="I9" s="257">
        <v>1</v>
      </c>
      <c r="J9" s="257">
        <v>2</v>
      </c>
      <c r="K9" s="257">
        <v>1</v>
      </c>
      <c r="L9" s="258">
        <v>6</v>
      </c>
      <c r="M9" s="259">
        <v>6</v>
      </c>
      <c r="N9" s="253">
        <v>0</v>
      </c>
      <c r="O9" s="257">
        <v>0</v>
      </c>
      <c r="P9" s="254">
        <v>0</v>
      </c>
      <c r="Q9" s="256">
        <v>0</v>
      </c>
      <c r="R9" s="257">
        <v>0</v>
      </c>
      <c r="S9" s="257">
        <v>0</v>
      </c>
      <c r="T9" s="257">
        <v>0</v>
      </c>
      <c r="U9" s="257">
        <v>0</v>
      </c>
      <c r="V9" s="257">
        <v>0</v>
      </c>
      <c r="W9" s="254">
        <v>0</v>
      </c>
      <c r="X9" s="259">
        <v>0</v>
      </c>
      <c r="Y9" s="253">
        <v>0</v>
      </c>
      <c r="Z9" s="257">
        <v>0</v>
      </c>
      <c r="AA9" s="254">
        <v>0</v>
      </c>
      <c r="AB9" s="256">
        <v>0</v>
      </c>
      <c r="AC9" s="257">
        <v>82</v>
      </c>
      <c r="AD9" s="257">
        <v>74</v>
      </c>
      <c r="AE9" s="257">
        <v>45</v>
      </c>
      <c r="AF9" s="257">
        <v>16</v>
      </c>
      <c r="AG9" s="257">
        <v>6</v>
      </c>
      <c r="AH9" s="254">
        <v>223</v>
      </c>
      <c r="AI9" s="259">
        <v>223</v>
      </c>
      <c r="AJ9" s="253">
        <v>0</v>
      </c>
      <c r="AK9" s="257">
        <v>0</v>
      </c>
      <c r="AL9" s="254">
        <v>0</v>
      </c>
      <c r="AM9" s="256">
        <v>0</v>
      </c>
      <c r="AN9" s="257">
        <v>1</v>
      </c>
      <c r="AO9" s="257">
        <v>4</v>
      </c>
      <c r="AP9" s="257">
        <v>3</v>
      </c>
      <c r="AQ9" s="257">
        <v>0</v>
      </c>
      <c r="AR9" s="257">
        <v>0</v>
      </c>
      <c r="AS9" s="254">
        <v>8</v>
      </c>
      <c r="AT9" s="259">
        <v>8</v>
      </c>
      <c r="AU9" s="253">
        <v>0</v>
      </c>
      <c r="AV9" s="257">
        <v>1</v>
      </c>
      <c r="AW9" s="254">
        <v>1</v>
      </c>
      <c r="AX9" s="256">
        <v>0</v>
      </c>
      <c r="AY9" s="257">
        <v>10</v>
      </c>
      <c r="AZ9" s="257">
        <v>5</v>
      </c>
      <c r="BA9" s="257">
        <v>5</v>
      </c>
      <c r="BB9" s="257">
        <v>3</v>
      </c>
      <c r="BC9" s="257">
        <v>2</v>
      </c>
      <c r="BD9" s="254">
        <v>25</v>
      </c>
      <c r="BE9" s="259">
        <v>26</v>
      </c>
      <c r="BF9" s="253">
        <v>0</v>
      </c>
      <c r="BG9" s="257">
        <v>0</v>
      </c>
      <c r="BH9" s="254">
        <v>0</v>
      </c>
      <c r="BI9" s="256">
        <v>0</v>
      </c>
      <c r="BJ9" s="257">
        <v>6</v>
      </c>
      <c r="BK9" s="257">
        <v>8</v>
      </c>
      <c r="BL9" s="257">
        <v>15</v>
      </c>
      <c r="BM9" s="257">
        <v>10</v>
      </c>
      <c r="BN9" s="257">
        <v>5</v>
      </c>
      <c r="BO9" s="258">
        <v>44</v>
      </c>
      <c r="BP9" s="259">
        <v>44</v>
      </c>
      <c r="BQ9" s="253">
        <v>0</v>
      </c>
      <c r="BR9" s="257">
        <v>0</v>
      </c>
      <c r="BS9" s="254">
        <v>0</v>
      </c>
      <c r="BT9" s="256">
        <v>0</v>
      </c>
      <c r="BU9" s="257">
        <v>0</v>
      </c>
      <c r="BV9" s="257">
        <v>0</v>
      </c>
      <c r="BW9" s="257">
        <v>0</v>
      </c>
      <c r="BX9" s="257">
        <v>0</v>
      </c>
      <c r="BY9" s="257">
        <v>0</v>
      </c>
      <c r="BZ9" s="254">
        <v>0</v>
      </c>
      <c r="CA9" s="259">
        <v>0</v>
      </c>
      <c r="CB9" s="253">
        <v>0</v>
      </c>
      <c r="CC9" s="257">
        <v>0</v>
      </c>
      <c r="CD9" s="254">
        <v>0</v>
      </c>
      <c r="CE9" s="256">
        <v>0</v>
      </c>
      <c r="CF9" s="257">
        <v>0</v>
      </c>
      <c r="CG9" s="257">
        <v>0</v>
      </c>
      <c r="CH9" s="257">
        <v>2</v>
      </c>
      <c r="CI9" s="257">
        <v>1</v>
      </c>
      <c r="CJ9" s="257">
        <v>0</v>
      </c>
      <c r="CK9" s="254">
        <v>3</v>
      </c>
      <c r="CL9" s="259">
        <v>3</v>
      </c>
      <c r="CM9" s="253">
        <v>0</v>
      </c>
      <c r="CN9" s="257">
        <v>0</v>
      </c>
      <c r="CO9" s="254">
        <v>0</v>
      </c>
      <c r="CP9" s="256">
        <v>0</v>
      </c>
      <c r="CQ9" s="257">
        <v>1</v>
      </c>
      <c r="CR9" s="257">
        <v>2</v>
      </c>
      <c r="CS9" s="257">
        <v>0</v>
      </c>
      <c r="CT9" s="257">
        <v>3</v>
      </c>
      <c r="CU9" s="257">
        <v>2</v>
      </c>
      <c r="CV9" s="254">
        <v>8</v>
      </c>
      <c r="CW9" s="259">
        <v>8</v>
      </c>
    </row>
    <row r="10" spans="1:101" ht="21" customHeight="1" x14ac:dyDescent="0.2">
      <c r="B10" s="437" t="s">
        <v>7</v>
      </c>
      <c r="C10" s="253">
        <v>0</v>
      </c>
      <c r="D10" s="254">
        <v>0</v>
      </c>
      <c r="E10" s="255">
        <v>0</v>
      </c>
      <c r="F10" s="256">
        <v>0</v>
      </c>
      <c r="G10" s="257">
        <v>0</v>
      </c>
      <c r="H10" s="257">
        <v>0</v>
      </c>
      <c r="I10" s="257">
        <v>0</v>
      </c>
      <c r="J10" s="257">
        <v>1</v>
      </c>
      <c r="K10" s="257">
        <v>1</v>
      </c>
      <c r="L10" s="258">
        <v>2</v>
      </c>
      <c r="M10" s="259">
        <v>2</v>
      </c>
      <c r="N10" s="253">
        <v>0</v>
      </c>
      <c r="O10" s="257">
        <v>0</v>
      </c>
      <c r="P10" s="254">
        <v>0</v>
      </c>
      <c r="Q10" s="256">
        <v>0</v>
      </c>
      <c r="R10" s="257">
        <v>0</v>
      </c>
      <c r="S10" s="257">
        <v>0</v>
      </c>
      <c r="T10" s="257">
        <v>0</v>
      </c>
      <c r="U10" s="257">
        <v>0</v>
      </c>
      <c r="V10" s="257">
        <v>0</v>
      </c>
      <c r="W10" s="254">
        <v>0</v>
      </c>
      <c r="X10" s="259">
        <v>0</v>
      </c>
      <c r="Y10" s="253">
        <v>0</v>
      </c>
      <c r="Z10" s="257">
        <v>0</v>
      </c>
      <c r="AA10" s="254">
        <v>0</v>
      </c>
      <c r="AB10" s="256">
        <v>0</v>
      </c>
      <c r="AC10" s="257">
        <v>75</v>
      </c>
      <c r="AD10" s="257">
        <v>55</v>
      </c>
      <c r="AE10" s="257">
        <v>16</v>
      </c>
      <c r="AF10" s="257">
        <v>9</v>
      </c>
      <c r="AG10" s="257">
        <v>1</v>
      </c>
      <c r="AH10" s="254">
        <v>156</v>
      </c>
      <c r="AI10" s="259">
        <v>156</v>
      </c>
      <c r="AJ10" s="253">
        <v>0</v>
      </c>
      <c r="AK10" s="257">
        <v>0</v>
      </c>
      <c r="AL10" s="254">
        <v>0</v>
      </c>
      <c r="AM10" s="256">
        <v>0</v>
      </c>
      <c r="AN10" s="257">
        <v>9</v>
      </c>
      <c r="AO10" s="257">
        <v>10</v>
      </c>
      <c r="AP10" s="257">
        <v>5</v>
      </c>
      <c r="AQ10" s="257">
        <v>7</v>
      </c>
      <c r="AR10" s="257">
        <v>2</v>
      </c>
      <c r="AS10" s="254">
        <v>33</v>
      </c>
      <c r="AT10" s="259">
        <v>33</v>
      </c>
      <c r="AU10" s="253">
        <v>0</v>
      </c>
      <c r="AV10" s="257">
        <v>0</v>
      </c>
      <c r="AW10" s="254">
        <v>0</v>
      </c>
      <c r="AX10" s="256">
        <v>0</v>
      </c>
      <c r="AY10" s="257">
        <v>4</v>
      </c>
      <c r="AZ10" s="257">
        <v>2</v>
      </c>
      <c r="BA10" s="257">
        <v>2</v>
      </c>
      <c r="BB10" s="257">
        <v>0</v>
      </c>
      <c r="BC10" s="257">
        <v>0</v>
      </c>
      <c r="BD10" s="254">
        <v>8</v>
      </c>
      <c r="BE10" s="259">
        <v>8</v>
      </c>
      <c r="BF10" s="253">
        <v>0</v>
      </c>
      <c r="BG10" s="257">
        <v>0</v>
      </c>
      <c r="BH10" s="254">
        <v>0</v>
      </c>
      <c r="BI10" s="256">
        <v>0</v>
      </c>
      <c r="BJ10" s="257">
        <v>5</v>
      </c>
      <c r="BK10" s="257">
        <v>6</v>
      </c>
      <c r="BL10" s="257">
        <v>11</v>
      </c>
      <c r="BM10" s="257">
        <v>4</v>
      </c>
      <c r="BN10" s="257">
        <v>5</v>
      </c>
      <c r="BO10" s="258">
        <v>31</v>
      </c>
      <c r="BP10" s="259">
        <v>31</v>
      </c>
      <c r="BQ10" s="253">
        <v>0</v>
      </c>
      <c r="BR10" s="257">
        <v>0</v>
      </c>
      <c r="BS10" s="254">
        <v>0</v>
      </c>
      <c r="BT10" s="256">
        <v>0</v>
      </c>
      <c r="BU10" s="257">
        <v>0</v>
      </c>
      <c r="BV10" s="257">
        <v>0</v>
      </c>
      <c r="BW10" s="257">
        <v>0</v>
      </c>
      <c r="BX10" s="257">
        <v>0</v>
      </c>
      <c r="BY10" s="257">
        <v>0</v>
      </c>
      <c r="BZ10" s="254">
        <v>0</v>
      </c>
      <c r="CA10" s="259">
        <v>0</v>
      </c>
      <c r="CB10" s="253">
        <v>0</v>
      </c>
      <c r="CC10" s="257">
        <v>0</v>
      </c>
      <c r="CD10" s="254">
        <v>0</v>
      </c>
      <c r="CE10" s="256">
        <v>0</v>
      </c>
      <c r="CF10" s="257">
        <v>0</v>
      </c>
      <c r="CG10" s="257">
        <v>0</v>
      </c>
      <c r="CH10" s="257">
        <v>0</v>
      </c>
      <c r="CI10" s="257">
        <v>0</v>
      </c>
      <c r="CJ10" s="257">
        <v>0</v>
      </c>
      <c r="CK10" s="254">
        <v>0</v>
      </c>
      <c r="CL10" s="259">
        <v>0</v>
      </c>
      <c r="CM10" s="253">
        <v>0</v>
      </c>
      <c r="CN10" s="257">
        <v>0</v>
      </c>
      <c r="CO10" s="254">
        <v>0</v>
      </c>
      <c r="CP10" s="256">
        <v>0</v>
      </c>
      <c r="CQ10" s="257">
        <v>1</v>
      </c>
      <c r="CR10" s="257">
        <v>2</v>
      </c>
      <c r="CS10" s="257">
        <v>1</v>
      </c>
      <c r="CT10" s="257">
        <v>1</v>
      </c>
      <c r="CU10" s="257">
        <v>2</v>
      </c>
      <c r="CV10" s="254">
        <v>7</v>
      </c>
      <c r="CW10" s="259">
        <v>7</v>
      </c>
    </row>
    <row r="11" spans="1:101" ht="21" customHeight="1" x14ac:dyDescent="0.2">
      <c r="B11" s="437" t="s">
        <v>8</v>
      </c>
      <c r="C11" s="253">
        <v>0</v>
      </c>
      <c r="D11" s="254">
        <v>0</v>
      </c>
      <c r="E11" s="255">
        <v>0</v>
      </c>
      <c r="F11" s="256">
        <v>0</v>
      </c>
      <c r="G11" s="257">
        <v>1</v>
      </c>
      <c r="H11" s="257">
        <v>0</v>
      </c>
      <c r="I11" s="257">
        <v>0</v>
      </c>
      <c r="J11" s="257">
        <v>0</v>
      </c>
      <c r="K11" s="257">
        <v>0</v>
      </c>
      <c r="L11" s="258">
        <v>1</v>
      </c>
      <c r="M11" s="259">
        <v>1</v>
      </c>
      <c r="N11" s="253">
        <v>0</v>
      </c>
      <c r="O11" s="257">
        <v>0</v>
      </c>
      <c r="P11" s="254">
        <v>0</v>
      </c>
      <c r="Q11" s="256">
        <v>0</v>
      </c>
      <c r="R11" s="257">
        <v>1</v>
      </c>
      <c r="S11" s="257">
        <v>0</v>
      </c>
      <c r="T11" s="257">
        <v>0</v>
      </c>
      <c r="U11" s="257">
        <v>0</v>
      </c>
      <c r="V11" s="257">
        <v>0</v>
      </c>
      <c r="W11" s="254">
        <v>1</v>
      </c>
      <c r="X11" s="259">
        <v>1</v>
      </c>
      <c r="Y11" s="253">
        <v>0</v>
      </c>
      <c r="Z11" s="257">
        <v>0</v>
      </c>
      <c r="AA11" s="254">
        <v>0</v>
      </c>
      <c r="AB11" s="256">
        <v>0</v>
      </c>
      <c r="AC11" s="257">
        <v>31</v>
      </c>
      <c r="AD11" s="257">
        <v>32</v>
      </c>
      <c r="AE11" s="257">
        <v>12</v>
      </c>
      <c r="AF11" s="257">
        <v>4</v>
      </c>
      <c r="AG11" s="257">
        <v>3</v>
      </c>
      <c r="AH11" s="254">
        <v>82</v>
      </c>
      <c r="AI11" s="259">
        <v>82</v>
      </c>
      <c r="AJ11" s="253">
        <v>0</v>
      </c>
      <c r="AK11" s="257">
        <v>0</v>
      </c>
      <c r="AL11" s="254">
        <v>0</v>
      </c>
      <c r="AM11" s="256">
        <v>0</v>
      </c>
      <c r="AN11" s="257">
        <v>1</v>
      </c>
      <c r="AO11" s="257">
        <v>0</v>
      </c>
      <c r="AP11" s="257">
        <v>0</v>
      </c>
      <c r="AQ11" s="257">
        <v>1</v>
      </c>
      <c r="AR11" s="257">
        <v>0</v>
      </c>
      <c r="AS11" s="254">
        <v>2</v>
      </c>
      <c r="AT11" s="259">
        <v>2</v>
      </c>
      <c r="AU11" s="253">
        <v>0</v>
      </c>
      <c r="AV11" s="257">
        <v>2</v>
      </c>
      <c r="AW11" s="254">
        <v>2</v>
      </c>
      <c r="AX11" s="256">
        <v>0</v>
      </c>
      <c r="AY11" s="257">
        <v>1</v>
      </c>
      <c r="AZ11" s="257">
        <v>2</v>
      </c>
      <c r="BA11" s="257">
        <v>2</v>
      </c>
      <c r="BB11" s="257">
        <v>1</v>
      </c>
      <c r="BC11" s="257">
        <v>0</v>
      </c>
      <c r="BD11" s="254">
        <v>6</v>
      </c>
      <c r="BE11" s="259">
        <v>8</v>
      </c>
      <c r="BF11" s="253">
        <v>0</v>
      </c>
      <c r="BG11" s="257">
        <v>0</v>
      </c>
      <c r="BH11" s="254">
        <v>0</v>
      </c>
      <c r="BI11" s="256">
        <v>0</v>
      </c>
      <c r="BJ11" s="257">
        <v>4</v>
      </c>
      <c r="BK11" s="257">
        <v>2</v>
      </c>
      <c r="BL11" s="257">
        <v>3</v>
      </c>
      <c r="BM11" s="257">
        <v>5</v>
      </c>
      <c r="BN11" s="257">
        <v>1</v>
      </c>
      <c r="BO11" s="258">
        <v>15</v>
      </c>
      <c r="BP11" s="259">
        <v>15</v>
      </c>
      <c r="BQ11" s="253">
        <v>0</v>
      </c>
      <c r="BR11" s="257">
        <v>0</v>
      </c>
      <c r="BS11" s="254">
        <v>0</v>
      </c>
      <c r="BT11" s="256">
        <v>0</v>
      </c>
      <c r="BU11" s="257">
        <v>0</v>
      </c>
      <c r="BV11" s="257">
        <v>0</v>
      </c>
      <c r="BW11" s="257">
        <v>3</v>
      </c>
      <c r="BX11" s="257">
        <v>0</v>
      </c>
      <c r="BY11" s="257">
        <v>1</v>
      </c>
      <c r="BZ11" s="254">
        <v>4</v>
      </c>
      <c r="CA11" s="259">
        <v>4</v>
      </c>
      <c r="CB11" s="253">
        <v>0</v>
      </c>
      <c r="CC11" s="257">
        <v>0</v>
      </c>
      <c r="CD11" s="254">
        <v>0</v>
      </c>
      <c r="CE11" s="256">
        <v>0</v>
      </c>
      <c r="CF11" s="257">
        <v>0</v>
      </c>
      <c r="CG11" s="257">
        <v>0</v>
      </c>
      <c r="CH11" s="257">
        <v>1</v>
      </c>
      <c r="CI11" s="257">
        <v>1</v>
      </c>
      <c r="CJ11" s="257">
        <v>0</v>
      </c>
      <c r="CK11" s="254">
        <v>2</v>
      </c>
      <c r="CL11" s="259">
        <v>2</v>
      </c>
      <c r="CM11" s="253">
        <v>0</v>
      </c>
      <c r="CN11" s="257">
        <v>0</v>
      </c>
      <c r="CO11" s="254">
        <v>0</v>
      </c>
      <c r="CP11" s="256">
        <v>0</v>
      </c>
      <c r="CQ11" s="257">
        <v>3</v>
      </c>
      <c r="CR11" s="257">
        <v>1</v>
      </c>
      <c r="CS11" s="257">
        <v>1</v>
      </c>
      <c r="CT11" s="257">
        <v>1</v>
      </c>
      <c r="CU11" s="257">
        <v>1</v>
      </c>
      <c r="CV11" s="254">
        <v>7</v>
      </c>
      <c r="CW11" s="259">
        <v>7</v>
      </c>
    </row>
    <row r="12" spans="1:101" ht="21" customHeight="1" x14ac:dyDescent="0.2">
      <c r="B12" s="437" t="s">
        <v>9</v>
      </c>
      <c r="C12" s="253">
        <v>0</v>
      </c>
      <c r="D12" s="254">
        <v>0</v>
      </c>
      <c r="E12" s="255">
        <v>0</v>
      </c>
      <c r="F12" s="256">
        <v>0</v>
      </c>
      <c r="G12" s="257">
        <v>0</v>
      </c>
      <c r="H12" s="257">
        <v>1</v>
      </c>
      <c r="I12" s="257">
        <v>0</v>
      </c>
      <c r="J12" s="257">
        <v>0</v>
      </c>
      <c r="K12" s="257">
        <v>0</v>
      </c>
      <c r="L12" s="258">
        <v>1</v>
      </c>
      <c r="M12" s="259">
        <v>1</v>
      </c>
      <c r="N12" s="253">
        <v>0</v>
      </c>
      <c r="O12" s="257">
        <v>0</v>
      </c>
      <c r="P12" s="254">
        <v>0</v>
      </c>
      <c r="Q12" s="256">
        <v>0</v>
      </c>
      <c r="R12" s="257">
        <v>0</v>
      </c>
      <c r="S12" s="257">
        <v>0</v>
      </c>
      <c r="T12" s="257">
        <v>0</v>
      </c>
      <c r="U12" s="257">
        <v>0</v>
      </c>
      <c r="V12" s="257">
        <v>0</v>
      </c>
      <c r="W12" s="254">
        <v>0</v>
      </c>
      <c r="X12" s="259">
        <v>0</v>
      </c>
      <c r="Y12" s="253">
        <v>0</v>
      </c>
      <c r="Z12" s="257">
        <v>0</v>
      </c>
      <c r="AA12" s="254">
        <v>0</v>
      </c>
      <c r="AB12" s="256">
        <v>0</v>
      </c>
      <c r="AC12" s="257">
        <v>43</v>
      </c>
      <c r="AD12" s="257">
        <v>24</v>
      </c>
      <c r="AE12" s="257">
        <v>12</v>
      </c>
      <c r="AF12" s="257">
        <v>7</v>
      </c>
      <c r="AG12" s="257">
        <v>3</v>
      </c>
      <c r="AH12" s="254">
        <v>89</v>
      </c>
      <c r="AI12" s="259">
        <v>89</v>
      </c>
      <c r="AJ12" s="253">
        <v>0</v>
      </c>
      <c r="AK12" s="257">
        <v>0</v>
      </c>
      <c r="AL12" s="254">
        <v>0</v>
      </c>
      <c r="AM12" s="256">
        <v>0</v>
      </c>
      <c r="AN12" s="257">
        <v>0</v>
      </c>
      <c r="AO12" s="257">
        <v>0</v>
      </c>
      <c r="AP12" s="257">
        <v>1</v>
      </c>
      <c r="AQ12" s="257">
        <v>0</v>
      </c>
      <c r="AR12" s="257">
        <v>1</v>
      </c>
      <c r="AS12" s="254">
        <v>2</v>
      </c>
      <c r="AT12" s="259">
        <v>2</v>
      </c>
      <c r="AU12" s="253">
        <v>1</v>
      </c>
      <c r="AV12" s="257">
        <v>0</v>
      </c>
      <c r="AW12" s="254">
        <v>1</v>
      </c>
      <c r="AX12" s="256">
        <v>0</v>
      </c>
      <c r="AY12" s="257">
        <v>1</v>
      </c>
      <c r="AZ12" s="257">
        <v>3</v>
      </c>
      <c r="BA12" s="257">
        <v>1</v>
      </c>
      <c r="BB12" s="257">
        <v>0</v>
      </c>
      <c r="BC12" s="257">
        <v>0</v>
      </c>
      <c r="BD12" s="254">
        <v>5</v>
      </c>
      <c r="BE12" s="259">
        <v>6</v>
      </c>
      <c r="BF12" s="253">
        <v>0</v>
      </c>
      <c r="BG12" s="257">
        <v>0</v>
      </c>
      <c r="BH12" s="254">
        <v>0</v>
      </c>
      <c r="BI12" s="256">
        <v>0</v>
      </c>
      <c r="BJ12" s="257">
        <v>3</v>
      </c>
      <c r="BK12" s="257">
        <v>4</v>
      </c>
      <c r="BL12" s="257">
        <v>11</v>
      </c>
      <c r="BM12" s="257">
        <v>3</v>
      </c>
      <c r="BN12" s="257">
        <v>1</v>
      </c>
      <c r="BO12" s="258">
        <v>22</v>
      </c>
      <c r="BP12" s="259">
        <v>22</v>
      </c>
      <c r="BQ12" s="253">
        <v>0</v>
      </c>
      <c r="BR12" s="257">
        <v>0</v>
      </c>
      <c r="BS12" s="254">
        <v>0</v>
      </c>
      <c r="BT12" s="256">
        <v>0</v>
      </c>
      <c r="BU12" s="257">
        <v>0</v>
      </c>
      <c r="BV12" s="257">
        <v>1</v>
      </c>
      <c r="BW12" s="257">
        <v>0</v>
      </c>
      <c r="BX12" s="257">
        <v>0</v>
      </c>
      <c r="BY12" s="257">
        <v>0</v>
      </c>
      <c r="BZ12" s="254">
        <v>1</v>
      </c>
      <c r="CA12" s="259">
        <v>1</v>
      </c>
      <c r="CB12" s="253">
        <v>0</v>
      </c>
      <c r="CC12" s="257">
        <v>0</v>
      </c>
      <c r="CD12" s="254">
        <v>0</v>
      </c>
      <c r="CE12" s="256">
        <v>0</v>
      </c>
      <c r="CF12" s="257">
        <v>0</v>
      </c>
      <c r="CG12" s="257">
        <v>0</v>
      </c>
      <c r="CH12" s="257">
        <v>0</v>
      </c>
      <c r="CI12" s="257">
        <v>0</v>
      </c>
      <c r="CJ12" s="257">
        <v>0</v>
      </c>
      <c r="CK12" s="254">
        <v>0</v>
      </c>
      <c r="CL12" s="259">
        <v>0</v>
      </c>
      <c r="CM12" s="253">
        <v>0</v>
      </c>
      <c r="CN12" s="257">
        <v>0</v>
      </c>
      <c r="CO12" s="254">
        <v>0</v>
      </c>
      <c r="CP12" s="256">
        <v>0</v>
      </c>
      <c r="CQ12" s="257">
        <v>0</v>
      </c>
      <c r="CR12" s="257">
        <v>1</v>
      </c>
      <c r="CS12" s="257">
        <v>1</v>
      </c>
      <c r="CT12" s="257">
        <v>0</v>
      </c>
      <c r="CU12" s="257">
        <v>1</v>
      </c>
      <c r="CV12" s="254">
        <v>3</v>
      </c>
      <c r="CW12" s="259">
        <v>3</v>
      </c>
    </row>
    <row r="13" spans="1:101" ht="21" customHeight="1" x14ac:dyDescent="0.2">
      <c r="B13" s="437" t="s">
        <v>10</v>
      </c>
      <c r="C13" s="253">
        <v>0</v>
      </c>
      <c r="D13" s="254">
        <v>0</v>
      </c>
      <c r="E13" s="255">
        <v>0</v>
      </c>
      <c r="F13" s="256">
        <v>0</v>
      </c>
      <c r="G13" s="257">
        <v>1</v>
      </c>
      <c r="H13" s="257">
        <v>2</v>
      </c>
      <c r="I13" s="257">
        <v>1</v>
      </c>
      <c r="J13" s="257">
        <v>0</v>
      </c>
      <c r="K13" s="257">
        <v>0</v>
      </c>
      <c r="L13" s="258">
        <v>4</v>
      </c>
      <c r="M13" s="259">
        <v>4</v>
      </c>
      <c r="N13" s="253">
        <v>0</v>
      </c>
      <c r="O13" s="257">
        <v>0</v>
      </c>
      <c r="P13" s="254">
        <v>0</v>
      </c>
      <c r="Q13" s="256">
        <v>0</v>
      </c>
      <c r="R13" s="257">
        <v>0</v>
      </c>
      <c r="S13" s="257">
        <v>0</v>
      </c>
      <c r="T13" s="257">
        <v>1</v>
      </c>
      <c r="U13" s="257">
        <v>1</v>
      </c>
      <c r="V13" s="257">
        <v>1</v>
      </c>
      <c r="W13" s="254">
        <v>3</v>
      </c>
      <c r="X13" s="259">
        <v>3</v>
      </c>
      <c r="Y13" s="253">
        <v>0</v>
      </c>
      <c r="Z13" s="257">
        <v>0</v>
      </c>
      <c r="AA13" s="254">
        <v>0</v>
      </c>
      <c r="AB13" s="256">
        <v>0</v>
      </c>
      <c r="AC13" s="257">
        <v>37</v>
      </c>
      <c r="AD13" s="257">
        <v>19</v>
      </c>
      <c r="AE13" s="257">
        <v>8</v>
      </c>
      <c r="AF13" s="257">
        <v>2</v>
      </c>
      <c r="AG13" s="257">
        <v>3</v>
      </c>
      <c r="AH13" s="254">
        <v>69</v>
      </c>
      <c r="AI13" s="259">
        <v>69</v>
      </c>
      <c r="AJ13" s="253">
        <v>0</v>
      </c>
      <c r="AK13" s="257">
        <v>0</v>
      </c>
      <c r="AL13" s="254">
        <v>0</v>
      </c>
      <c r="AM13" s="256">
        <v>0</v>
      </c>
      <c r="AN13" s="257">
        <v>1</v>
      </c>
      <c r="AO13" s="257">
        <v>0</v>
      </c>
      <c r="AP13" s="257">
        <v>3</v>
      </c>
      <c r="AQ13" s="257">
        <v>0</v>
      </c>
      <c r="AR13" s="257">
        <v>1</v>
      </c>
      <c r="AS13" s="254">
        <v>5</v>
      </c>
      <c r="AT13" s="259">
        <v>5</v>
      </c>
      <c r="AU13" s="253">
        <v>0</v>
      </c>
      <c r="AV13" s="257">
        <v>0</v>
      </c>
      <c r="AW13" s="254">
        <v>0</v>
      </c>
      <c r="AX13" s="256">
        <v>0</v>
      </c>
      <c r="AY13" s="257">
        <v>5</v>
      </c>
      <c r="AZ13" s="257">
        <v>4</v>
      </c>
      <c r="BA13" s="257">
        <v>5</v>
      </c>
      <c r="BB13" s="257">
        <v>1</v>
      </c>
      <c r="BC13" s="257">
        <v>2</v>
      </c>
      <c r="BD13" s="254">
        <v>17</v>
      </c>
      <c r="BE13" s="259">
        <v>17</v>
      </c>
      <c r="BF13" s="253">
        <v>0</v>
      </c>
      <c r="BG13" s="257">
        <v>0</v>
      </c>
      <c r="BH13" s="254">
        <v>0</v>
      </c>
      <c r="BI13" s="256">
        <v>0</v>
      </c>
      <c r="BJ13" s="257">
        <v>2</v>
      </c>
      <c r="BK13" s="257">
        <v>12</v>
      </c>
      <c r="BL13" s="257">
        <v>12</v>
      </c>
      <c r="BM13" s="257">
        <v>3</v>
      </c>
      <c r="BN13" s="257">
        <v>5</v>
      </c>
      <c r="BO13" s="258">
        <v>34</v>
      </c>
      <c r="BP13" s="259">
        <v>34</v>
      </c>
      <c r="BQ13" s="253">
        <v>0</v>
      </c>
      <c r="BR13" s="257">
        <v>0</v>
      </c>
      <c r="BS13" s="254">
        <v>0</v>
      </c>
      <c r="BT13" s="256">
        <v>0</v>
      </c>
      <c r="BU13" s="257">
        <v>4</v>
      </c>
      <c r="BV13" s="257">
        <v>1</v>
      </c>
      <c r="BW13" s="257">
        <v>1</v>
      </c>
      <c r="BX13" s="257">
        <v>1</v>
      </c>
      <c r="BY13" s="257">
        <v>0</v>
      </c>
      <c r="BZ13" s="254">
        <v>7</v>
      </c>
      <c r="CA13" s="259">
        <v>7</v>
      </c>
      <c r="CB13" s="253">
        <v>0</v>
      </c>
      <c r="CC13" s="257">
        <v>0</v>
      </c>
      <c r="CD13" s="254">
        <v>0</v>
      </c>
      <c r="CE13" s="256">
        <v>0</v>
      </c>
      <c r="CF13" s="257">
        <v>0</v>
      </c>
      <c r="CG13" s="257">
        <v>1</v>
      </c>
      <c r="CH13" s="257">
        <v>2</v>
      </c>
      <c r="CI13" s="257">
        <v>2</v>
      </c>
      <c r="CJ13" s="257">
        <v>4</v>
      </c>
      <c r="CK13" s="254">
        <v>9</v>
      </c>
      <c r="CL13" s="259">
        <v>9</v>
      </c>
      <c r="CM13" s="253">
        <v>0</v>
      </c>
      <c r="CN13" s="257">
        <v>0</v>
      </c>
      <c r="CO13" s="254">
        <v>0</v>
      </c>
      <c r="CP13" s="256">
        <v>0</v>
      </c>
      <c r="CQ13" s="257">
        <v>0</v>
      </c>
      <c r="CR13" s="257">
        <v>1</v>
      </c>
      <c r="CS13" s="257">
        <v>1</v>
      </c>
      <c r="CT13" s="257">
        <v>5</v>
      </c>
      <c r="CU13" s="257">
        <v>0</v>
      </c>
      <c r="CV13" s="254">
        <v>7</v>
      </c>
      <c r="CW13" s="259">
        <v>7</v>
      </c>
    </row>
    <row r="14" spans="1:101" ht="21" customHeight="1" x14ac:dyDescent="0.2">
      <c r="B14" s="437" t="s">
        <v>11</v>
      </c>
      <c r="C14" s="253">
        <v>0</v>
      </c>
      <c r="D14" s="254">
        <v>0</v>
      </c>
      <c r="E14" s="255">
        <v>0</v>
      </c>
      <c r="F14" s="256">
        <v>0</v>
      </c>
      <c r="G14" s="257">
        <v>0</v>
      </c>
      <c r="H14" s="257">
        <v>0</v>
      </c>
      <c r="I14" s="257">
        <v>1</v>
      </c>
      <c r="J14" s="257">
        <v>0</v>
      </c>
      <c r="K14" s="257">
        <v>0</v>
      </c>
      <c r="L14" s="258">
        <v>1</v>
      </c>
      <c r="M14" s="259">
        <v>1</v>
      </c>
      <c r="N14" s="253">
        <v>0</v>
      </c>
      <c r="O14" s="257">
        <v>0</v>
      </c>
      <c r="P14" s="254">
        <v>0</v>
      </c>
      <c r="Q14" s="256">
        <v>0</v>
      </c>
      <c r="R14" s="257">
        <v>0</v>
      </c>
      <c r="S14" s="257">
        <v>0</v>
      </c>
      <c r="T14" s="257">
        <v>0</v>
      </c>
      <c r="U14" s="257">
        <v>0</v>
      </c>
      <c r="V14" s="257">
        <v>0</v>
      </c>
      <c r="W14" s="254">
        <v>0</v>
      </c>
      <c r="X14" s="259">
        <v>0</v>
      </c>
      <c r="Y14" s="253">
        <v>0</v>
      </c>
      <c r="Z14" s="257">
        <v>0</v>
      </c>
      <c r="AA14" s="254">
        <v>0</v>
      </c>
      <c r="AB14" s="256">
        <v>0</v>
      </c>
      <c r="AC14" s="257">
        <v>12</v>
      </c>
      <c r="AD14" s="257">
        <v>8</v>
      </c>
      <c r="AE14" s="257">
        <v>5</v>
      </c>
      <c r="AF14" s="257">
        <v>4</v>
      </c>
      <c r="AG14" s="257">
        <v>2</v>
      </c>
      <c r="AH14" s="254">
        <v>31</v>
      </c>
      <c r="AI14" s="259">
        <v>31</v>
      </c>
      <c r="AJ14" s="253">
        <v>0</v>
      </c>
      <c r="AK14" s="257">
        <v>0</v>
      </c>
      <c r="AL14" s="254">
        <v>0</v>
      </c>
      <c r="AM14" s="256">
        <v>0</v>
      </c>
      <c r="AN14" s="257">
        <v>1</v>
      </c>
      <c r="AO14" s="257">
        <v>2</v>
      </c>
      <c r="AP14" s="257">
        <v>1</v>
      </c>
      <c r="AQ14" s="257">
        <v>0</v>
      </c>
      <c r="AR14" s="257">
        <v>0</v>
      </c>
      <c r="AS14" s="254">
        <v>4</v>
      </c>
      <c r="AT14" s="259">
        <v>4</v>
      </c>
      <c r="AU14" s="253">
        <v>0</v>
      </c>
      <c r="AV14" s="257">
        <v>0</v>
      </c>
      <c r="AW14" s="254">
        <v>0</v>
      </c>
      <c r="AX14" s="256">
        <v>0</v>
      </c>
      <c r="AY14" s="257">
        <v>2</v>
      </c>
      <c r="AZ14" s="257">
        <v>2</v>
      </c>
      <c r="BA14" s="257">
        <v>3</v>
      </c>
      <c r="BB14" s="257">
        <v>0</v>
      </c>
      <c r="BC14" s="257">
        <v>0</v>
      </c>
      <c r="BD14" s="254">
        <v>7</v>
      </c>
      <c r="BE14" s="259">
        <v>7</v>
      </c>
      <c r="BF14" s="253">
        <v>0</v>
      </c>
      <c r="BG14" s="257">
        <v>0</v>
      </c>
      <c r="BH14" s="254">
        <v>0</v>
      </c>
      <c r="BI14" s="256">
        <v>0</v>
      </c>
      <c r="BJ14" s="257">
        <v>2</v>
      </c>
      <c r="BK14" s="257">
        <v>3</v>
      </c>
      <c r="BL14" s="257">
        <v>3</v>
      </c>
      <c r="BM14" s="257">
        <v>3</v>
      </c>
      <c r="BN14" s="257">
        <v>0</v>
      </c>
      <c r="BO14" s="258">
        <v>11</v>
      </c>
      <c r="BP14" s="259">
        <v>11</v>
      </c>
      <c r="BQ14" s="253">
        <v>0</v>
      </c>
      <c r="BR14" s="257">
        <v>0</v>
      </c>
      <c r="BS14" s="254">
        <v>0</v>
      </c>
      <c r="BT14" s="256">
        <v>0</v>
      </c>
      <c r="BU14" s="257">
        <v>0</v>
      </c>
      <c r="BV14" s="257">
        <v>0</v>
      </c>
      <c r="BW14" s="257">
        <v>0</v>
      </c>
      <c r="BX14" s="257">
        <v>0</v>
      </c>
      <c r="BY14" s="257">
        <v>0</v>
      </c>
      <c r="BZ14" s="254">
        <v>0</v>
      </c>
      <c r="CA14" s="259">
        <v>0</v>
      </c>
      <c r="CB14" s="253">
        <v>0</v>
      </c>
      <c r="CC14" s="257">
        <v>0</v>
      </c>
      <c r="CD14" s="254">
        <v>0</v>
      </c>
      <c r="CE14" s="256">
        <v>0</v>
      </c>
      <c r="CF14" s="257">
        <v>0</v>
      </c>
      <c r="CG14" s="257">
        <v>0</v>
      </c>
      <c r="CH14" s="257">
        <v>0</v>
      </c>
      <c r="CI14" s="257">
        <v>0</v>
      </c>
      <c r="CJ14" s="257">
        <v>0</v>
      </c>
      <c r="CK14" s="254">
        <v>0</v>
      </c>
      <c r="CL14" s="259">
        <v>0</v>
      </c>
      <c r="CM14" s="253">
        <v>0</v>
      </c>
      <c r="CN14" s="257">
        <v>0</v>
      </c>
      <c r="CO14" s="254">
        <v>0</v>
      </c>
      <c r="CP14" s="256">
        <v>0</v>
      </c>
      <c r="CQ14" s="257">
        <v>2</v>
      </c>
      <c r="CR14" s="257">
        <v>1</v>
      </c>
      <c r="CS14" s="257">
        <v>0</v>
      </c>
      <c r="CT14" s="257">
        <v>1</v>
      </c>
      <c r="CU14" s="257">
        <v>0</v>
      </c>
      <c r="CV14" s="254">
        <v>4</v>
      </c>
      <c r="CW14" s="259">
        <v>4</v>
      </c>
    </row>
    <row r="15" spans="1:101" ht="21" customHeight="1" x14ac:dyDescent="0.2">
      <c r="B15" s="437" t="s">
        <v>12</v>
      </c>
      <c r="C15" s="253">
        <v>0</v>
      </c>
      <c r="D15" s="254">
        <v>0</v>
      </c>
      <c r="E15" s="255">
        <v>0</v>
      </c>
      <c r="F15" s="256">
        <v>0</v>
      </c>
      <c r="G15" s="257">
        <v>1</v>
      </c>
      <c r="H15" s="257">
        <v>1</v>
      </c>
      <c r="I15" s="257">
        <v>0</v>
      </c>
      <c r="J15" s="257">
        <v>0</v>
      </c>
      <c r="K15" s="257">
        <v>0</v>
      </c>
      <c r="L15" s="258">
        <v>2</v>
      </c>
      <c r="M15" s="259">
        <v>2</v>
      </c>
      <c r="N15" s="253">
        <v>0</v>
      </c>
      <c r="O15" s="257">
        <v>0</v>
      </c>
      <c r="P15" s="254">
        <v>0</v>
      </c>
      <c r="Q15" s="256">
        <v>0</v>
      </c>
      <c r="R15" s="257">
        <v>0</v>
      </c>
      <c r="S15" s="257">
        <v>0</v>
      </c>
      <c r="T15" s="257">
        <v>0</v>
      </c>
      <c r="U15" s="257">
        <v>0</v>
      </c>
      <c r="V15" s="257">
        <v>0</v>
      </c>
      <c r="W15" s="254">
        <v>0</v>
      </c>
      <c r="X15" s="259">
        <v>0</v>
      </c>
      <c r="Y15" s="253">
        <v>0</v>
      </c>
      <c r="Z15" s="257">
        <v>0</v>
      </c>
      <c r="AA15" s="254">
        <v>0</v>
      </c>
      <c r="AB15" s="256">
        <v>0</v>
      </c>
      <c r="AC15" s="257">
        <v>23</v>
      </c>
      <c r="AD15" s="257">
        <v>21</v>
      </c>
      <c r="AE15" s="257">
        <v>10</v>
      </c>
      <c r="AF15" s="257">
        <v>5</v>
      </c>
      <c r="AG15" s="257">
        <v>1</v>
      </c>
      <c r="AH15" s="254">
        <v>60</v>
      </c>
      <c r="AI15" s="259">
        <v>60</v>
      </c>
      <c r="AJ15" s="253">
        <v>0</v>
      </c>
      <c r="AK15" s="257">
        <v>0</v>
      </c>
      <c r="AL15" s="254">
        <v>0</v>
      </c>
      <c r="AM15" s="256">
        <v>0</v>
      </c>
      <c r="AN15" s="257">
        <v>0</v>
      </c>
      <c r="AO15" s="257">
        <v>0</v>
      </c>
      <c r="AP15" s="257">
        <v>0</v>
      </c>
      <c r="AQ15" s="257">
        <v>0</v>
      </c>
      <c r="AR15" s="257">
        <v>0</v>
      </c>
      <c r="AS15" s="254">
        <v>0</v>
      </c>
      <c r="AT15" s="259">
        <v>0</v>
      </c>
      <c r="AU15" s="253">
        <v>0</v>
      </c>
      <c r="AV15" s="257">
        <v>0</v>
      </c>
      <c r="AW15" s="254">
        <v>0</v>
      </c>
      <c r="AX15" s="256">
        <v>0</v>
      </c>
      <c r="AY15" s="257">
        <v>1</v>
      </c>
      <c r="AZ15" s="257">
        <v>3</v>
      </c>
      <c r="BA15" s="257">
        <v>2</v>
      </c>
      <c r="BB15" s="257">
        <v>4</v>
      </c>
      <c r="BC15" s="257">
        <v>3</v>
      </c>
      <c r="BD15" s="254">
        <v>13</v>
      </c>
      <c r="BE15" s="259">
        <v>13</v>
      </c>
      <c r="BF15" s="253">
        <v>0</v>
      </c>
      <c r="BG15" s="257">
        <v>0</v>
      </c>
      <c r="BH15" s="254">
        <v>0</v>
      </c>
      <c r="BI15" s="256">
        <v>0</v>
      </c>
      <c r="BJ15" s="257">
        <v>2</v>
      </c>
      <c r="BK15" s="257">
        <v>2</v>
      </c>
      <c r="BL15" s="257">
        <v>1</v>
      </c>
      <c r="BM15" s="257">
        <v>3</v>
      </c>
      <c r="BN15" s="257">
        <v>1</v>
      </c>
      <c r="BO15" s="258">
        <v>9</v>
      </c>
      <c r="BP15" s="259">
        <v>9</v>
      </c>
      <c r="BQ15" s="253">
        <v>0</v>
      </c>
      <c r="BR15" s="257">
        <v>0</v>
      </c>
      <c r="BS15" s="254">
        <v>0</v>
      </c>
      <c r="BT15" s="256">
        <v>0</v>
      </c>
      <c r="BU15" s="257">
        <v>0</v>
      </c>
      <c r="BV15" s="257">
        <v>3</v>
      </c>
      <c r="BW15" s="257">
        <v>1</v>
      </c>
      <c r="BX15" s="257">
        <v>2</v>
      </c>
      <c r="BY15" s="257">
        <v>0</v>
      </c>
      <c r="BZ15" s="254">
        <v>6</v>
      </c>
      <c r="CA15" s="259">
        <v>6</v>
      </c>
      <c r="CB15" s="253">
        <v>0</v>
      </c>
      <c r="CC15" s="257">
        <v>0</v>
      </c>
      <c r="CD15" s="254">
        <v>0</v>
      </c>
      <c r="CE15" s="256">
        <v>0</v>
      </c>
      <c r="CF15" s="257">
        <v>0</v>
      </c>
      <c r="CG15" s="257">
        <v>0</v>
      </c>
      <c r="CH15" s="257">
        <v>1</v>
      </c>
      <c r="CI15" s="257">
        <v>0</v>
      </c>
      <c r="CJ15" s="257">
        <v>2</v>
      </c>
      <c r="CK15" s="254">
        <v>3</v>
      </c>
      <c r="CL15" s="259">
        <v>3</v>
      </c>
      <c r="CM15" s="253">
        <v>0</v>
      </c>
      <c r="CN15" s="257">
        <v>0</v>
      </c>
      <c r="CO15" s="254">
        <v>0</v>
      </c>
      <c r="CP15" s="256">
        <v>0</v>
      </c>
      <c r="CQ15" s="257">
        <v>0</v>
      </c>
      <c r="CR15" s="257">
        <v>1</v>
      </c>
      <c r="CS15" s="257">
        <v>0</v>
      </c>
      <c r="CT15" s="257">
        <v>2</v>
      </c>
      <c r="CU15" s="257">
        <v>0</v>
      </c>
      <c r="CV15" s="254">
        <v>3</v>
      </c>
      <c r="CW15" s="259">
        <v>3</v>
      </c>
    </row>
    <row r="16" spans="1:101" ht="21" customHeight="1" x14ac:dyDescent="0.2">
      <c r="B16" s="437" t="s">
        <v>13</v>
      </c>
      <c r="C16" s="253">
        <v>0</v>
      </c>
      <c r="D16" s="254">
        <v>0</v>
      </c>
      <c r="E16" s="255">
        <v>0</v>
      </c>
      <c r="F16" s="256">
        <v>0</v>
      </c>
      <c r="G16" s="257">
        <v>0</v>
      </c>
      <c r="H16" s="257">
        <v>0</v>
      </c>
      <c r="I16" s="257">
        <v>0</v>
      </c>
      <c r="J16" s="257">
        <v>0</v>
      </c>
      <c r="K16" s="257">
        <v>0</v>
      </c>
      <c r="L16" s="258">
        <v>0</v>
      </c>
      <c r="M16" s="259">
        <v>0</v>
      </c>
      <c r="N16" s="253">
        <v>0</v>
      </c>
      <c r="O16" s="257">
        <v>0</v>
      </c>
      <c r="P16" s="254">
        <v>0</v>
      </c>
      <c r="Q16" s="256">
        <v>0</v>
      </c>
      <c r="R16" s="257">
        <v>0</v>
      </c>
      <c r="S16" s="257">
        <v>0</v>
      </c>
      <c r="T16" s="257">
        <v>0</v>
      </c>
      <c r="U16" s="257">
        <v>0</v>
      </c>
      <c r="V16" s="257">
        <v>0</v>
      </c>
      <c r="W16" s="254">
        <v>0</v>
      </c>
      <c r="X16" s="259">
        <v>0</v>
      </c>
      <c r="Y16" s="253">
        <v>0</v>
      </c>
      <c r="Z16" s="257">
        <v>0</v>
      </c>
      <c r="AA16" s="254">
        <v>0</v>
      </c>
      <c r="AB16" s="256">
        <v>0</v>
      </c>
      <c r="AC16" s="257">
        <v>18</v>
      </c>
      <c r="AD16" s="257">
        <v>15</v>
      </c>
      <c r="AE16" s="257">
        <v>7</v>
      </c>
      <c r="AF16" s="257">
        <v>4</v>
      </c>
      <c r="AG16" s="257">
        <v>0</v>
      </c>
      <c r="AH16" s="254">
        <v>44</v>
      </c>
      <c r="AI16" s="259">
        <v>44</v>
      </c>
      <c r="AJ16" s="253">
        <v>0</v>
      </c>
      <c r="AK16" s="257">
        <v>0</v>
      </c>
      <c r="AL16" s="254">
        <v>0</v>
      </c>
      <c r="AM16" s="256">
        <v>0</v>
      </c>
      <c r="AN16" s="257">
        <v>0</v>
      </c>
      <c r="AO16" s="257">
        <v>3</v>
      </c>
      <c r="AP16" s="257">
        <v>1</v>
      </c>
      <c r="AQ16" s="257">
        <v>1</v>
      </c>
      <c r="AR16" s="257">
        <v>1</v>
      </c>
      <c r="AS16" s="254">
        <v>6</v>
      </c>
      <c r="AT16" s="259">
        <v>6</v>
      </c>
      <c r="AU16" s="253">
        <v>1</v>
      </c>
      <c r="AV16" s="257">
        <v>1</v>
      </c>
      <c r="AW16" s="254">
        <v>2</v>
      </c>
      <c r="AX16" s="256">
        <v>0</v>
      </c>
      <c r="AY16" s="257">
        <v>1</v>
      </c>
      <c r="AZ16" s="257">
        <v>1</v>
      </c>
      <c r="BA16" s="257">
        <v>2</v>
      </c>
      <c r="BB16" s="257">
        <v>0</v>
      </c>
      <c r="BC16" s="257">
        <v>0</v>
      </c>
      <c r="BD16" s="254">
        <v>4</v>
      </c>
      <c r="BE16" s="259">
        <v>6</v>
      </c>
      <c r="BF16" s="253">
        <v>0</v>
      </c>
      <c r="BG16" s="257">
        <v>0</v>
      </c>
      <c r="BH16" s="254">
        <v>0</v>
      </c>
      <c r="BI16" s="256">
        <v>0</v>
      </c>
      <c r="BJ16" s="257">
        <v>0</v>
      </c>
      <c r="BK16" s="257">
        <v>1</v>
      </c>
      <c r="BL16" s="257">
        <v>0</v>
      </c>
      <c r="BM16" s="257">
        <v>0</v>
      </c>
      <c r="BN16" s="257">
        <v>0</v>
      </c>
      <c r="BO16" s="258">
        <v>1</v>
      </c>
      <c r="BP16" s="259">
        <v>1</v>
      </c>
      <c r="BQ16" s="253">
        <v>0</v>
      </c>
      <c r="BR16" s="257">
        <v>0</v>
      </c>
      <c r="BS16" s="254">
        <v>0</v>
      </c>
      <c r="BT16" s="256">
        <v>0</v>
      </c>
      <c r="BU16" s="257">
        <v>0</v>
      </c>
      <c r="BV16" s="257">
        <v>0</v>
      </c>
      <c r="BW16" s="257">
        <v>0</v>
      </c>
      <c r="BX16" s="257">
        <v>0</v>
      </c>
      <c r="BY16" s="257">
        <v>0</v>
      </c>
      <c r="BZ16" s="254">
        <v>0</v>
      </c>
      <c r="CA16" s="259">
        <v>0</v>
      </c>
      <c r="CB16" s="253">
        <v>0</v>
      </c>
      <c r="CC16" s="257">
        <v>0</v>
      </c>
      <c r="CD16" s="254">
        <v>0</v>
      </c>
      <c r="CE16" s="256">
        <v>0</v>
      </c>
      <c r="CF16" s="257">
        <v>0</v>
      </c>
      <c r="CG16" s="257">
        <v>0</v>
      </c>
      <c r="CH16" s="257">
        <v>0</v>
      </c>
      <c r="CI16" s="257">
        <v>0</v>
      </c>
      <c r="CJ16" s="257">
        <v>0</v>
      </c>
      <c r="CK16" s="254">
        <v>0</v>
      </c>
      <c r="CL16" s="259">
        <v>0</v>
      </c>
      <c r="CM16" s="253">
        <v>0</v>
      </c>
      <c r="CN16" s="257">
        <v>0</v>
      </c>
      <c r="CO16" s="254">
        <v>0</v>
      </c>
      <c r="CP16" s="256">
        <v>0</v>
      </c>
      <c r="CQ16" s="257">
        <v>0</v>
      </c>
      <c r="CR16" s="257">
        <v>0</v>
      </c>
      <c r="CS16" s="257">
        <v>0</v>
      </c>
      <c r="CT16" s="257">
        <v>0</v>
      </c>
      <c r="CU16" s="257">
        <v>0</v>
      </c>
      <c r="CV16" s="254">
        <v>0</v>
      </c>
      <c r="CW16" s="259">
        <v>0</v>
      </c>
    </row>
    <row r="17" spans="2:101" ht="21" customHeight="1" x14ac:dyDescent="0.2">
      <c r="B17" s="437" t="s">
        <v>15</v>
      </c>
      <c r="C17" s="253">
        <v>0</v>
      </c>
      <c r="D17" s="254">
        <v>0</v>
      </c>
      <c r="E17" s="255">
        <v>0</v>
      </c>
      <c r="F17" s="256">
        <v>0</v>
      </c>
      <c r="G17" s="257">
        <v>2</v>
      </c>
      <c r="H17" s="257">
        <v>0</v>
      </c>
      <c r="I17" s="257">
        <v>0</v>
      </c>
      <c r="J17" s="257">
        <v>1</v>
      </c>
      <c r="K17" s="257">
        <v>0</v>
      </c>
      <c r="L17" s="258">
        <v>3</v>
      </c>
      <c r="M17" s="259">
        <v>3</v>
      </c>
      <c r="N17" s="253">
        <v>0</v>
      </c>
      <c r="O17" s="257">
        <v>0</v>
      </c>
      <c r="P17" s="254">
        <v>0</v>
      </c>
      <c r="Q17" s="256">
        <v>0</v>
      </c>
      <c r="R17" s="257">
        <v>0</v>
      </c>
      <c r="S17" s="257">
        <v>0</v>
      </c>
      <c r="T17" s="257">
        <v>0</v>
      </c>
      <c r="U17" s="257">
        <v>0</v>
      </c>
      <c r="V17" s="257">
        <v>0</v>
      </c>
      <c r="W17" s="254">
        <v>0</v>
      </c>
      <c r="X17" s="259">
        <v>0</v>
      </c>
      <c r="Y17" s="253">
        <v>0</v>
      </c>
      <c r="Z17" s="257">
        <v>0</v>
      </c>
      <c r="AA17" s="254">
        <v>0</v>
      </c>
      <c r="AB17" s="256">
        <v>0</v>
      </c>
      <c r="AC17" s="257">
        <v>9</v>
      </c>
      <c r="AD17" s="257">
        <v>7</v>
      </c>
      <c r="AE17" s="257">
        <v>4</v>
      </c>
      <c r="AF17" s="257">
        <v>2</v>
      </c>
      <c r="AG17" s="257">
        <v>0</v>
      </c>
      <c r="AH17" s="254">
        <v>22</v>
      </c>
      <c r="AI17" s="259">
        <v>22</v>
      </c>
      <c r="AJ17" s="253">
        <v>0</v>
      </c>
      <c r="AK17" s="257">
        <v>0</v>
      </c>
      <c r="AL17" s="254">
        <v>0</v>
      </c>
      <c r="AM17" s="256">
        <v>0</v>
      </c>
      <c r="AN17" s="257">
        <v>1</v>
      </c>
      <c r="AO17" s="257">
        <v>0</v>
      </c>
      <c r="AP17" s="257">
        <v>0</v>
      </c>
      <c r="AQ17" s="257">
        <v>1</v>
      </c>
      <c r="AR17" s="257">
        <v>0</v>
      </c>
      <c r="AS17" s="254">
        <v>2</v>
      </c>
      <c r="AT17" s="259">
        <v>2</v>
      </c>
      <c r="AU17" s="253">
        <v>0</v>
      </c>
      <c r="AV17" s="257">
        <v>0</v>
      </c>
      <c r="AW17" s="254">
        <v>0</v>
      </c>
      <c r="AX17" s="256">
        <v>0</v>
      </c>
      <c r="AY17" s="257">
        <v>1</v>
      </c>
      <c r="AZ17" s="257">
        <v>0</v>
      </c>
      <c r="BA17" s="257">
        <v>0</v>
      </c>
      <c r="BB17" s="257">
        <v>1</v>
      </c>
      <c r="BC17" s="257">
        <v>1</v>
      </c>
      <c r="BD17" s="254">
        <v>3</v>
      </c>
      <c r="BE17" s="259">
        <v>3</v>
      </c>
      <c r="BF17" s="253">
        <v>0</v>
      </c>
      <c r="BG17" s="257">
        <v>0</v>
      </c>
      <c r="BH17" s="254">
        <v>0</v>
      </c>
      <c r="BI17" s="256">
        <v>0</v>
      </c>
      <c r="BJ17" s="257">
        <v>1</v>
      </c>
      <c r="BK17" s="257">
        <v>3</v>
      </c>
      <c r="BL17" s="257">
        <v>0</v>
      </c>
      <c r="BM17" s="257">
        <v>0</v>
      </c>
      <c r="BN17" s="257">
        <v>0</v>
      </c>
      <c r="BO17" s="258">
        <v>4</v>
      </c>
      <c r="BP17" s="259">
        <v>4</v>
      </c>
      <c r="BQ17" s="253">
        <v>0</v>
      </c>
      <c r="BR17" s="257">
        <v>0</v>
      </c>
      <c r="BS17" s="254">
        <v>0</v>
      </c>
      <c r="BT17" s="256">
        <v>0</v>
      </c>
      <c r="BU17" s="257">
        <v>0</v>
      </c>
      <c r="BV17" s="257">
        <v>0</v>
      </c>
      <c r="BW17" s="257">
        <v>0</v>
      </c>
      <c r="BX17" s="257">
        <v>0</v>
      </c>
      <c r="BY17" s="257">
        <v>0</v>
      </c>
      <c r="BZ17" s="254">
        <v>0</v>
      </c>
      <c r="CA17" s="259">
        <v>0</v>
      </c>
      <c r="CB17" s="253">
        <v>0</v>
      </c>
      <c r="CC17" s="257">
        <v>0</v>
      </c>
      <c r="CD17" s="254">
        <v>0</v>
      </c>
      <c r="CE17" s="256">
        <v>0</v>
      </c>
      <c r="CF17" s="257">
        <v>0</v>
      </c>
      <c r="CG17" s="257">
        <v>0</v>
      </c>
      <c r="CH17" s="257">
        <v>0</v>
      </c>
      <c r="CI17" s="257">
        <v>0</v>
      </c>
      <c r="CJ17" s="257">
        <v>0</v>
      </c>
      <c r="CK17" s="254">
        <v>0</v>
      </c>
      <c r="CL17" s="259">
        <v>0</v>
      </c>
      <c r="CM17" s="253">
        <v>0</v>
      </c>
      <c r="CN17" s="257">
        <v>0</v>
      </c>
      <c r="CO17" s="254">
        <v>0</v>
      </c>
      <c r="CP17" s="256">
        <v>0</v>
      </c>
      <c r="CQ17" s="257">
        <v>0</v>
      </c>
      <c r="CR17" s="257">
        <v>1</v>
      </c>
      <c r="CS17" s="257">
        <v>1</v>
      </c>
      <c r="CT17" s="257">
        <v>0</v>
      </c>
      <c r="CU17" s="257">
        <v>0</v>
      </c>
      <c r="CV17" s="254">
        <v>2</v>
      </c>
      <c r="CW17" s="259">
        <v>2</v>
      </c>
    </row>
    <row r="18" spans="2:101" ht="21" customHeight="1" x14ac:dyDescent="0.2">
      <c r="B18" s="437" t="s">
        <v>16</v>
      </c>
      <c r="C18" s="253">
        <v>0</v>
      </c>
      <c r="D18" s="254">
        <v>0</v>
      </c>
      <c r="E18" s="255">
        <v>0</v>
      </c>
      <c r="F18" s="256">
        <v>0</v>
      </c>
      <c r="G18" s="257">
        <v>0</v>
      </c>
      <c r="H18" s="257">
        <v>0</v>
      </c>
      <c r="I18" s="257">
        <v>1</v>
      </c>
      <c r="J18" s="257">
        <v>1</v>
      </c>
      <c r="K18" s="257">
        <v>0</v>
      </c>
      <c r="L18" s="258">
        <v>2</v>
      </c>
      <c r="M18" s="259">
        <v>2</v>
      </c>
      <c r="N18" s="253">
        <v>0</v>
      </c>
      <c r="O18" s="257">
        <v>0</v>
      </c>
      <c r="P18" s="254">
        <v>0</v>
      </c>
      <c r="Q18" s="256">
        <v>0</v>
      </c>
      <c r="R18" s="257">
        <v>0</v>
      </c>
      <c r="S18" s="257">
        <v>0</v>
      </c>
      <c r="T18" s="257">
        <v>1</v>
      </c>
      <c r="U18" s="257">
        <v>0</v>
      </c>
      <c r="V18" s="257">
        <v>0</v>
      </c>
      <c r="W18" s="254">
        <v>1</v>
      </c>
      <c r="X18" s="259">
        <v>1</v>
      </c>
      <c r="Y18" s="253">
        <v>0</v>
      </c>
      <c r="Z18" s="257">
        <v>0</v>
      </c>
      <c r="AA18" s="254">
        <v>0</v>
      </c>
      <c r="AB18" s="256">
        <v>0</v>
      </c>
      <c r="AC18" s="257">
        <v>8</v>
      </c>
      <c r="AD18" s="257">
        <v>8</v>
      </c>
      <c r="AE18" s="257">
        <v>7</v>
      </c>
      <c r="AF18" s="257">
        <v>2</v>
      </c>
      <c r="AG18" s="257">
        <v>1</v>
      </c>
      <c r="AH18" s="254">
        <v>26</v>
      </c>
      <c r="AI18" s="259">
        <v>26</v>
      </c>
      <c r="AJ18" s="253">
        <v>0</v>
      </c>
      <c r="AK18" s="257">
        <v>0</v>
      </c>
      <c r="AL18" s="254">
        <v>0</v>
      </c>
      <c r="AM18" s="256">
        <v>0</v>
      </c>
      <c r="AN18" s="257">
        <v>1</v>
      </c>
      <c r="AO18" s="257">
        <v>1</v>
      </c>
      <c r="AP18" s="257">
        <v>1</v>
      </c>
      <c r="AQ18" s="257">
        <v>0</v>
      </c>
      <c r="AR18" s="257">
        <v>0</v>
      </c>
      <c r="AS18" s="254">
        <v>3</v>
      </c>
      <c r="AT18" s="259">
        <v>3</v>
      </c>
      <c r="AU18" s="253">
        <v>0</v>
      </c>
      <c r="AV18" s="257">
        <v>0</v>
      </c>
      <c r="AW18" s="254">
        <v>0</v>
      </c>
      <c r="AX18" s="256">
        <v>0</v>
      </c>
      <c r="AY18" s="257">
        <v>0</v>
      </c>
      <c r="AZ18" s="257">
        <v>0</v>
      </c>
      <c r="BA18" s="257">
        <v>2</v>
      </c>
      <c r="BB18" s="257">
        <v>2</v>
      </c>
      <c r="BC18" s="257">
        <v>0</v>
      </c>
      <c r="BD18" s="254">
        <v>4</v>
      </c>
      <c r="BE18" s="259">
        <v>4</v>
      </c>
      <c r="BF18" s="253">
        <v>0</v>
      </c>
      <c r="BG18" s="257">
        <v>0</v>
      </c>
      <c r="BH18" s="254">
        <v>0</v>
      </c>
      <c r="BI18" s="256">
        <v>0</v>
      </c>
      <c r="BJ18" s="257">
        <v>0</v>
      </c>
      <c r="BK18" s="257">
        <v>3</v>
      </c>
      <c r="BL18" s="257">
        <v>1</v>
      </c>
      <c r="BM18" s="257">
        <v>1</v>
      </c>
      <c r="BN18" s="257">
        <v>3</v>
      </c>
      <c r="BO18" s="258">
        <v>8</v>
      </c>
      <c r="BP18" s="259">
        <v>8</v>
      </c>
      <c r="BQ18" s="253">
        <v>0</v>
      </c>
      <c r="BR18" s="257">
        <v>0</v>
      </c>
      <c r="BS18" s="254">
        <v>0</v>
      </c>
      <c r="BT18" s="256">
        <v>0</v>
      </c>
      <c r="BU18" s="257">
        <v>0</v>
      </c>
      <c r="BV18" s="257">
        <v>0</v>
      </c>
      <c r="BW18" s="257">
        <v>0</v>
      </c>
      <c r="BX18" s="257">
        <v>0</v>
      </c>
      <c r="BY18" s="257">
        <v>0</v>
      </c>
      <c r="BZ18" s="254">
        <v>0</v>
      </c>
      <c r="CA18" s="259">
        <v>0</v>
      </c>
      <c r="CB18" s="253">
        <v>0</v>
      </c>
      <c r="CC18" s="257">
        <v>0</v>
      </c>
      <c r="CD18" s="254">
        <v>0</v>
      </c>
      <c r="CE18" s="256">
        <v>0</v>
      </c>
      <c r="CF18" s="257">
        <v>0</v>
      </c>
      <c r="CG18" s="257">
        <v>0</v>
      </c>
      <c r="CH18" s="257">
        <v>0</v>
      </c>
      <c r="CI18" s="257">
        <v>0</v>
      </c>
      <c r="CJ18" s="257">
        <v>0</v>
      </c>
      <c r="CK18" s="254">
        <v>0</v>
      </c>
      <c r="CL18" s="259">
        <v>0</v>
      </c>
      <c r="CM18" s="253">
        <v>0</v>
      </c>
      <c r="CN18" s="257">
        <v>0</v>
      </c>
      <c r="CO18" s="254">
        <v>0</v>
      </c>
      <c r="CP18" s="256">
        <v>0</v>
      </c>
      <c r="CQ18" s="257">
        <v>0</v>
      </c>
      <c r="CR18" s="257">
        <v>1</v>
      </c>
      <c r="CS18" s="257">
        <v>0</v>
      </c>
      <c r="CT18" s="257">
        <v>0</v>
      </c>
      <c r="CU18" s="257">
        <v>0</v>
      </c>
      <c r="CV18" s="254">
        <v>1</v>
      </c>
      <c r="CW18" s="259">
        <v>1</v>
      </c>
    </row>
    <row r="19" spans="2:101" ht="21" customHeight="1" x14ac:dyDescent="0.2">
      <c r="B19" s="437" t="s">
        <v>17</v>
      </c>
      <c r="C19" s="253">
        <v>0</v>
      </c>
      <c r="D19" s="254">
        <v>0</v>
      </c>
      <c r="E19" s="255">
        <v>0</v>
      </c>
      <c r="F19" s="256">
        <v>0</v>
      </c>
      <c r="G19" s="257">
        <v>0</v>
      </c>
      <c r="H19" s="257">
        <v>0</v>
      </c>
      <c r="I19" s="257">
        <v>0</v>
      </c>
      <c r="J19" s="257">
        <v>0</v>
      </c>
      <c r="K19" s="257">
        <v>1</v>
      </c>
      <c r="L19" s="258">
        <v>1</v>
      </c>
      <c r="M19" s="259">
        <v>1</v>
      </c>
      <c r="N19" s="253">
        <v>0</v>
      </c>
      <c r="O19" s="257">
        <v>0</v>
      </c>
      <c r="P19" s="254">
        <v>0</v>
      </c>
      <c r="Q19" s="256">
        <v>0</v>
      </c>
      <c r="R19" s="257">
        <v>0</v>
      </c>
      <c r="S19" s="257">
        <v>0</v>
      </c>
      <c r="T19" s="257">
        <v>0</v>
      </c>
      <c r="U19" s="257">
        <v>0</v>
      </c>
      <c r="V19" s="257">
        <v>0</v>
      </c>
      <c r="W19" s="254">
        <v>0</v>
      </c>
      <c r="X19" s="259">
        <v>0</v>
      </c>
      <c r="Y19" s="253">
        <v>0</v>
      </c>
      <c r="Z19" s="257">
        <v>0</v>
      </c>
      <c r="AA19" s="254">
        <v>0</v>
      </c>
      <c r="AB19" s="256">
        <v>0</v>
      </c>
      <c r="AC19" s="257">
        <v>26</v>
      </c>
      <c r="AD19" s="257">
        <v>21</v>
      </c>
      <c r="AE19" s="257">
        <v>7</v>
      </c>
      <c r="AF19" s="257">
        <v>1</v>
      </c>
      <c r="AG19" s="257">
        <v>0</v>
      </c>
      <c r="AH19" s="254">
        <v>55</v>
      </c>
      <c r="AI19" s="259">
        <v>55</v>
      </c>
      <c r="AJ19" s="253">
        <v>0</v>
      </c>
      <c r="AK19" s="257">
        <v>0</v>
      </c>
      <c r="AL19" s="254">
        <v>0</v>
      </c>
      <c r="AM19" s="256">
        <v>0</v>
      </c>
      <c r="AN19" s="257">
        <v>1</v>
      </c>
      <c r="AO19" s="257">
        <v>2</v>
      </c>
      <c r="AP19" s="257">
        <v>0</v>
      </c>
      <c r="AQ19" s="257">
        <v>0</v>
      </c>
      <c r="AR19" s="257">
        <v>0</v>
      </c>
      <c r="AS19" s="254">
        <v>3</v>
      </c>
      <c r="AT19" s="259">
        <v>3</v>
      </c>
      <c r="AU19" s="253">
        <v>0</v>
      </c>
      <c r="AV19" s="257">
        <v>0</v>
      </c>
      <c r="AW19" s="254">
        <v>0</v>
      </c>
      <c r="AX19" s="256">
        <v>0</v>
      </c>
      <c r="AY19" s="257">
        <v>1</v>
      </c>
      <c r="AZ19" s="257">
        <v>1</v>
      </c>
      <c r="BA19" s="257">
        <v>1</v>
      </c>
      <c r="BB19" s="257">
        <v>1</v>
      </c>
      <c r="BC19" s="257">
        <v>0</v>
      </c>
      <c r="BD19" s="254">
        <v>4</v>
      </c>
      <c r="BE19" s="259">
        <v>4</v>
      </c>
      <c r="BF19" s="253">
        <v>0</v>
      </c>
      <c r="BG19" s="257">
        <v>0</v>
      </c>
      <c r="BH19" s="254">
        <v>0</v>
      </c>
      <c r="BI19" s="256">
        <v>0</v>
      </c>
      <c r="BJ19" s="257">
        <v>2</v>
      </c>
      <c r="BK19" s="257">
        <v>3</v>
      </c>
      <c r="BL19" s="257">
        <v>5</v>
      </c>
      <c r="BM19" s="257">
        <v>1</v>
      </c>
      <c r="BN19" s="257">
        <v>0</v>
      </c>
      <c r="BO19" s="258">
        <v>11</v>
      </c>
      <c r="BP19" s="259">
        <v>11</v>
      </c>
      <c r="BQ19" s="253">
        <v>0</v>
      </c>
      <c r="BR19" s="257">
        <v>0</v>
      </c>
      <c r="BS19" s="254">
        <v>0</v>
      </c>
      <c r="BT19" s="256">
        <v>0</v>
      </c>
      <c r="BU19" s="257">
        <v>0</v>
      </c>
      <c r="BV19" s="257">
        <v>0</v>
      </c>
      <c r="BW19" s="257">
        <v>0</v>
      </c>
      <c r="BX19" s="257">
        <v>0</v>
      </c>
      <c r="BY19" s="257">
        <v>0</v>
      </c>
      <c r="BZ19" s="254">
        <v>0</v>
      </c>
      <c r="CA19" s="259">
        <v>0</v>
      </c>
      <c r="CB19" s="253">
        <v>0</v>
      </c>
      <c r="CC19" s="257">
        <v>0</v>
      </c>
      <c r="CD19" s="254">
        <v>0</v>
      </c>
      <c r="CE19" s="256">
        <v>0</v>
      </c>
      <c r="CF19" s="257">
        <v>0</v>
      </c>
      <c r="CG19" s="257">
        <v>0</v>
      </c>
      <c r="CH19" s="257">
        <v>2</v>
      </c>
      <c r="CI19" s="257">
        <v>2</v>
      </c>
      <c r="CJ19" s="257">
        <v>0</v>
      </c>
      <c r="CK19" s="254">
        <v>4</v>
      </c>
      <c r="CL19" s="259">
        <v>4</v>
      </c>
      <c r="CM19" s="253">
        <v>0</v>
      </c>
      <c r="CN19" s="257">
        <v>0</v>
      </c>
      <c r="CO19" s="254">
        <v>0</v>
      </c>
      <c r="CP19" s="256">
        <v>0</v>
      </c>
      <c r="CQ19" s="257">
        <v>0</v>
      </c>
      <c r="CR19" s="257">
        <v>0</v>
      </c>
      <c r="CS19" s="257">
        <v>1</v>
      </c>
      <c r="CT19" s="257">
        <v>0</v>
      </c>
      <c r="CU19" s="257">
        <v>1</v>
      </c>
      <c r="CV19" s="254">
        <v>2</v>
      </c>
      <c r="CW19" s="259">
        <v>2</v>
      </c>
    </row>
    <row r="20" spans="2:101" ht="21" customHeight="1" x14ac:dyDescent="0.2">
      <c r="B20" s="437" t="s">
        <v>18</v>
      </c>
      <c r="C20" s="253">
        <v>0</v>
      </c>
      <c r="D20" s="254">
        <v>0</v>
      </c>
      <c r="E20" s="255">
        <v>0</v>
      </c>
      <c r="F20" s="256">
        <v>0</v>
      </c>
      <c r="G20" s="257">
        <v>0</v>
      </c>
      <c r="H20" s="257">
        <v>0</v>
      </c>
      <c r="I20" s="257">
        <v>0</v>
      </c>
      <c r="J20" s="257">
        <v>0</v>
      </c>
      <c r="K20" s="257">
        <v>2</v>
      </c>
      <c r="L20" s="258">
        <v>2</v>
      </c>
      <c r="M20" s="259">
        <v>2</v>
      </c>
      <c r="N20" s="253">
        <v>0</v>
      </c>
      <c r="O20" s="257">
        <v>0</v>
      </c>
      <c r="P20" s="254">
        <v>0</v>
      </c>
      <c r="Q20" s="256">
        <v>0</v>
      </c>
      <c r="R20" s="257">
        <v>0</v>
      </c>
      <c r="S20" s="257">
        <v>0</v>
      </c>
      <c r="T20" s="257">
        <v>0</v>
      </c>
      <c r="U20" s="257">
        <v>0</v>
      </c>
      <c r="V20" s="257">
        <v>0</v>
      </c>
      <c r="W20" s="254">
        <v>0</v>
      </c>
      <c r="X20" s="259">
        <v>0</v>
      </c>
      <c r="Y20" s="253">
        <v>0</v>
      </c>
      <c r="Z20" s="257">
        <v>0</v>
      </c>
      <c r="AA20" s="254">
        <v>0</v>
      </c>
      <c r="AB20" s="256">
        <v>0</v>
      </c>
      <c r="AC20" s="257">
        <v>21</v>
      </c>
      <c r="AD20" s="257">
        <v>14</v>
      </c>
      <c r="AE20" s="257">
        <v>6</v>
      </c>
      <c r="AF20" s="257">
        <v>0</v>
      </c>
      <c r="AG20" s="257">
        <v>0</v>
      </c>
      <c r="AH20" s="254">
        <v>41</v>
      </c>
      <c r="AI20" s="259">
        <v>41</v>
      </c>
      <c r="AJ20" s="253">
        <v>0</v>
      </c>
      <c r="AK20" s="257">
        <v>0</v>
      </c>
      <c r="AL20" s="254">
        <v>0</v>
      </c>
      <c r="AM20" s="256">
        <v>0</v>
      </c>
      <c r="AN20" s="257">
        <v>0</v>
      </c>
      <c r="AO20" s="257">
        <v>2</v>
      </c>
      <c r="AP20" s="257">
        <v>4</v>
      </c>
      <c r="AQ20" s="257">
        <v>1</v>
      </c>
      <c r="AR20" s="257">
        <v>0</v>
      </c>
      <c r="AS20" s="254">
        <v>7</v>
      </c>
      <c r="AT20" s="259">
        <v>7</v>
      </c>
      <c r="AU20" s="253">
        <v>1</v>
      </c>
      <c r="AV20" s="257">
        <v>0</v>
      </c>
      <c r="AW20" s="254">
        <v>1</v>
      </c>
      <c r="AX20" s="256">
        <v>0</v>
      </c>
      <c r="AY20" s="257">
        <v>4</v>
      </c>
      <c r="AZ20" s="257">
        <v>3</v>
      </c>
      <c r="BA20" s="257">
        <v>6</v>
      </c>
      <c r="BB20" s="257">
        <v>2</v>
      </c>
      <c r="BC20" s="257">
        <v>0</v>
      </c>
      <c r="BD20" s="254">
        <v>15</v>
      </c>
      <c r="BE20" s="259">
        <v>16</v>
      </c>
      <c r="BF20" s="253">
        <v>0</v>
      </c>
      <c r="BG20" s="257">
        <v>0</v>
      </c>
      <c r="BH20" s="254">
        <v>0</v>
      </c>
      <c r="BI20" s="256">
        <v>0</v>
      </c>
      <c r="BJ20" s="257">
        <v>2</v>
      </c>
      <c r="BK20" s="257">
        <v>4</v>
      </c>
      <c r="BL20" s="257">
        <v>5</v>
      </c>
      <c r="BM20" s="257">
        <v>3</v>
      </c>
      <c r="BN20" s="257">
        <v>2</v>
      </c>
      <c r="BO20" s="258">
        <v>16</v>
      </c>
      <c r="BP20" s="259">
        <v>16</v>
      </c>
      <c r="BQ20" s="253">
        <v>0</v>
      </c>
      <c r="BR20" s="257">
        <v>0</v>
      </c>
      <c r="BS20" s="254">
        <v>0</v>
      </c>
      <c r="BT20" s="256">
        <v>0</v>
      </c>
      <c r="BU20" s="257">
        <v>0</v>
      </c>
      <c r="BV20" s="257">
        <v>0</v>
      </c>
      <c r="BW20" s="257">
        <v>0</v>
      </c>
      <c r="BX20" s="257">
        <v>0</v>
      </c>
      <c r="BY20" s="257">
        <v>0</v>
      </c>
      <c r="BZ20" s="254">
        <v>0</v>
      </c>
      <c r="CA20" s="259">
        <v>0</v>
      </c>
      <c r="CB20" s="253">
        <v>0</v>
      </c>
      <c r="CC20" s="257">
        <v>0</v>
      </c>
      <c r="CD20" s="254">
        <v>0</v>
      </c>
      <c r="CE20" s="256">
        <v>0</v>
      </c>
      <c r="CF20" s="257">
        <v>0</v>
      </c>
      <c r="CG20" s="257">
        <v>0</v>
      </c>
      <c r="CH20" s="257">
        <v>1</v>
      </c>
      <c r="CI20" s="257">
        <v>1</v>
      </c>
      <c r="CJ20" s="257">
        <v>0</v>
      </c>
      <c r="CK20" s="254">
        <v>2</v>
      </c>
      <c r="CL20" s="259">
        <v>2</v>
      </c>
      <c r="CM20" s="253">
        <v>0</v>
      </c>
      <c r="CN20" s="257">
        <v>0</v>
      </c>
      <c r="CO20" s="254">
        <v>0</v>
      </c>
      <c r="CP20" s="256">
        <v>0</v>
      </c>
      <c r="CQ20" s="257">
        <v>0</v>
      </c>
      <c r="CR20" s="257">
        <v>0</v>
      </c>
      <c r="CS20" s="257">
        <v>3</v>
      </c>
      <c r="CT20" s="257">
        <v>1</v>
      </c>
      <c r="CU20" s="257">
        <v>0</v>
      </c>
      <c r="CV20" s="254">
        <v>4</v>
      </c>
      <c r="CW20" s="259">
        <v>4</v>
      </c>
    </row>
    <row r="21" spans="2:101" ht="21" customHeight="1" x14ac:dyDescent="0.2">
      <c r="B21" s="437" t="s">
        <v>19</v>
      </c>
      <c r="C21" s="253">
        <v>0</v>
      </c>
      <c r="D21" s="254">
        <v>0</v>
      </c>
      <c r="E21" s="255">
        <v>0</v>
      </c>
      <c r="F21" s="256">
        <v>0</v>
      </c>
      <c r="G21" s="257">
        <v>2</v>
      </c>
      <c r="H21" s="257">
        <v>0</v>
      </c>
      <c r="I21" s="257">
        <v>0</v>
      </c>
      <c r="J21" s="257">
        <v>0</v>
      </c>
      <c r="K21" s="257">
        <v>1</v>
      </c>
      <c r="L21" s="258">
        <v>3</v>
      </c>
      <c r="M21" s="259">
        <v>3</v>
      </c>
      <c r="N21" s="253">
        <v>0</v>
      </c>
      <c r="O21" s="257">
        <v>0</v>
      </c>
      <c r="P21" s="254">
        <v>0</v>
      </c>
      <c r="Q21" s="256">
        <v>0</v>
      </c>
      <c r="R21" s="257">
        <v>0</v>
      </c>
      <c r="S21" s="257">
        <v>0</v>
      </c>
      <c r="T21" s="257">
        <v>0</v>
      </c>
      <c r="U21" s="257">
        <v>0</v>
      </c>
      <c r="V21" s="257">
        <v>0</v>
      </c>
      <c r="W21" s="254">
        <v>0</v>
      </c>
      <c r="X21" s="259">
        <v>0</v>
      </c>
      <c r="Y21" s="253">
        <v>0</v>
      </c>
      <c r="Z21" s="257">
        <v>0</v>
      </c>
      <c r="AA21" s="254">
        <v>0</v>
      </c>
      <c r="AB21" s="256">
        <v>0</v>
      </c>
      <c r="AC21" s="257">
        <v>7</v>
      </c>
      <c r="AD21" s="257">
        <v>4</v>
      </c>
      <c r="AE21" s="257">
        <v>2</v>
      </c>
      <c r="AF21" s="257">
        <v>0</v>
      </c>
      <c r="AG21" s="257">
        <v>0</v>
      </c>
      <c r="AH21" s="254">
        <v>13</v>
      </c>
      <c r="AI21" s="259">
        <v>13</v>
      </c>
      <c r="AJ21" s="253">
        <v>0</v>
      </c>
      <c r="AK21" s="257">
        <v>0</v>
      </c>
      <c r="AL21" s="254">
        <v>0</v>
      </c>
      <c r="AM21" s="256">
        <v>0</v>
      </c>
      <c r="AN21" s="257">
        <v>2</v>
      </c>
      <c r="AO21" s="257">
        <v>2</v>
      </c>
      <c r="AP21" s="257">
        <v>3</v>
      </c>
      <c r="AQ21" s="257">
        <v>0</v>
      </c>
      <c r="AR21" s="257">
        <v>0</v>
      </c>
      <c r="AS21" s="254">
        <v>7</v>
      </c>
      <c r="AT21" s="259">
        <v>7</v>
      </c>
      <c r="AU21" s="253">
        <v>0</v>
      </c>
      <c r="AV21" s="257">
        <v>0</v>
      </c>
      <c r="AW21" s="254">
        <v>0</v>
      </c>
      <c r="AX21" s="256">
        <v>0</v>
      </c>
      <c r="AY21" s="257">
        <v>3</v>
      </c>
      <c r="AZ21" s="257">
        <v>2</v>
      </c>
      <c r="BA21" s="257">
        <v>2</v>
      </c>
      <c r="BB21" s="257">
        <v>0</v>
      </c>
      <c r="BC21" s="257">
        <v>0</v>
      </c>
      <c r="BD21" s="254">
        <v>7</v>
      </c>
      <c r="BE21" s="259">
        <v>7</v>
      </c>
      <c r="BF21" s="253">
        <v>0</v>
      </c>
      <c r="BG21" s="257">
        <v>0</v>
      </c>
      <c r="BH21" s="254">
        <v>0</v>
      </c>
      <c r="BI21" s="256">
        <v>0</v>
      </c>
      <c r="BJ21" s="257">
        <v>1</v>
      </c>
      <c r="BK21" s="257">
        <v>2</v>
      </c>
      <c r="BL21" s="257">
        <v>1</v>
      </c>
      <c r="BM21" s="257">
        <v>0</v>
      </c>
      <c r="BN21" s="257">
        <v>1</v>
      </c>
      <c r="BO21" s="258">
        <v>5</v>
      </c>
      <c r="BP21" s="259">
        <v>5</v>
      </c>
      <c r="BQ21" s="253">
        <v>0</v>
      </c>
      <c r="BR21" s="257">
        <v>0</v>
      </c>
      <c r="BS21" s="254">
        <v>0</v>
      </c>
      <c r="BT21" s="256">
        <v>0</v>
      </c>
      <c r="BU21" s="257">
        <v>0</v>
      </c>
      <c r="BV21" s="257">
        <v>0</v>
      </c>
      <c r="BW21" s="257">
        <v>0</v>
      </c>
      <c r="BX21" s="257">
        <v>0</v>
      </c>
      <c r="BY21" s="257">
        <v>0</v>
      </c>
      <c r="BZ21" s="254">
        <v>0</v>
      </c>
      <c r="CA21" s="259">
        <v>0</v>
      </c>
      <c r="CB21" s="253">
        <v>0</v>
      </c>
      <c r="CC21" s="257">
        <v>0</v>
      </c>
      <c r="CD21" s="254">
        <v>0</v>
      </c>
      <c r="CE21" s="256">
        <v>0</v>
      </c>
      <c r="CF21" s="257">
        <v>0</v>
      </c>
      <c r="CG21" s="257">
        <v>0</v>
      </c>
      <c r="CH21" s="257">
        <v>0</v>
      </c>
      <c r="CI21" s="257">
        <v>0</v>
      </c>
      <c r="CJ21" s="257">
        <v>0</v>
      </c>
      <c r="CK21" s="254">
        <v>0</v>
      </c>
      <c r="CL21" s="259">
        <v>0</v>
      </c>
      <c r="CM21" s="253">
        <v>0</v>
      </c>
      <c r="CN21" s="257">
        <v>0</v>
      </c>
      <c r="CO21" s="254">
        <v>0</v>
      </c>
      <c r="CP21" s="256">
        <v>0</v>
      </c>
      <c r="CQ21" s="257">
        <v>0</v>
      </c>
      <c r="CR21" s="257">
        <v>0</v>
      </c>
      <c r="CS21" s="257">
        <v>0</v>
      </c>
      <c r="CT21" s="257">
        <v>0</v>
      </c>
      <c r="CU21" s="257">
        <v>3</v>
      </c>
      <c r="CV21" s="254">
        <v>3</v>
      </c>
      <c r="CW21" s="259">
        <v>3</v>
      </c>
    </row>
    <row r="22" spans="2:101" ht="21" customHeight="1" x14ac:dyDescent="0.2">
      <c r="B22" s="437" t="s">
        <v>20</v>
      </c>
      <c r="C22" s="253">
        <v>0</v>
      </c>
      <c r="D22" s="254">
        <v>0</v>
      </c>
      <c r="E22" s="255">
        <v>0</v>
      </c>
      <c r="F22" s="256">
        <v>0</v>
      </c>
      <c r="G22" s="257">
        <v>0</v>
      </c>
      <c r="H22" s="257">
        <v>0</v>
      </c>
      <c r="I22" s="257">
        <v>0</v>
      </c>
      <c r="J22" s="257">
        <v>0</v>
      </c>
      <c r="K22" s="257">
        <v>0</v>
      </c>
      <c r="L22" s="258">
        <v>0</v>
      </c>
      <c r="M22" s="259">
        <v>0</v>
      </c>
      <c r="N22" s="253">
        <v>0</v>
      </c>
      <c r="O22" s="257">
        <v>0</v>
      </c>
      <c r="P22" s="254">
        <v>0</v>
      </c>
      <c r="Q22" s="256">
        <v>0</v>
      </c>
      <c r="R22" s="257">
        <v>0</v>
      </c>
      <c r="S22" s="257">
        <v>0</v>
      </c>
      <c r="T22" s="257">
        <v>0</v>
      </c>
      <c r="U22" s="257">
        <v>0</v>
      </c>
      <c r="V22" s="257">
        <v>0</v>
      </c>
      <c r="W22" s="254">
        <v>0</v>
      </c>
      <c r="X22" s="259">
        <v>0</v>
      </c>
      <c r="Y22" s="253">
        <v>0</v>
      </c>
      <c r="Z22" s="257">
        <v>0</v>
      </c>
      <c r="AA22" s="254">
        <v>0</v>
      </c>
      <c r="AB22" s="256">
        <v>0</v>
      </c>
      <c r="AC22" s="257">
        <v>9</v>
      </c>
      <c r="AD22" s="257">
        <v>10</v>
      </c>
      <c r="AE22" s="257">
        <v>5</v>
      </c>
      <c r="AF22" s="257">
        <v>1</v>
      </c>
      <c r="AG22" s="257">
        <v>1</v>
      </c>
      <c r="AH22" s="254">
        <v>26</v>
      </c>
      <c r="AI22" s="259">
        <v>26</v>
      </c>
      <c r="AJ22" s="253">
        <v>0</v>
      </c>
      <c r="AK22" s="257">
        <v>0</v>
      </c>
      <c r="AL22" s="254">
        <v>0</v>
      </c>
      <c r="AM22" s="256">
        <v>0</v>
      </c>
      <c r="AN22" s="257">
        <v>0</v>
      </c>
      <c r="AO22" s="257">
        <v>0</v>
      </c>
      <c r="AP22" s="257">
        <v>0</v>
      </c>
      <c r="AQ22" s="257">
        <v>0</v>
      </c>
      <c r="AR22" s="257">
        <v>0</v>
      </c>
      <c r="AS22" s="254">
        <v>0</v>
      </c>
      <c r="AT22" s="259">
        <v>0</v>
      </c>
      <c r="AU22" s="253">
        <v>0</v>
      </c>
      <c r="AV22" s="257">
        <v>0</v>
      </c>
      <c r="AW22" s="254">
        <v>0</v>
      </c>
      <c r="AX22" s="256">
        <v>0</v>
      </c>
      <c r="AY22" s="257">
        <v>0</v>
      </c>
      <c r="AZ22" s="257">
        <v>0</v>
      </c>
      <c r="BA22" s="257">
        <v>1</v>
      </c>
      <c r="BB22" s="257">
        <v>0</v>
      </c>
      <c r="BC22" s="257">
        <v>0</v>
      </c>
      <c r="BD22" s="254">
        <v>1</v>
      </c>
      <c r="BE22" s="259">
        <v>1</v>
      </c>
      <c r="BF22" s="253">
        <v>0</v>
      </c>
      <c r="BG22" s="257">
        <v>0</v>
      </c>
      <c r="BH22" s="254">
        <v>0</v>
      </c>
      <c r="BI22" s="256">
        <v>0</v>
      </c>
      <c r="BJ22" s="257">
        <v>1</v>
      </c>
      <c r="BK22" s="257">
        <v>2</v>
      </c>
      <c r="BL22" s="257">
        <v>2</v>
      </c>
      <c r="BM22" s="257">
        <v>0</v>
      </c>
      <c r="BN22" s="257">
        <v>1</v>
      </c>
      <c r="BO22" s="258">
        <v>6</v>
      </c>
      <c r="BP22" s="259">
        <v>6</v>
      </c>
      <c r="BQ22" s="253">
        <v>0</v>
      </c>
      <c r="BR22" s="257">
        <v>0</v>
      </c>
      <c r="BS22" s="254">
        <v>0</v>
      </c>
      <c r="BT22" s="256">
        <v>0</v>
      </c>
      <c r="BU22" s="257">
        <v>0</v>
      </c>
      <c r="BV22" s="257">
        <v>0</v>
      </c>
      <c r="BW22" s="257">
        <v>0</v>
      </c>
      <c r="BX22" s="257">
        <v>0</v>
      </c>
      <c r="BY22" s="257">
        <v>0</v>
      </c>
      <c r="BZ22" s="254">
        <v>0</v>
      </c>
      <c r="CA22" s="259">
        <v>0</v>
      </c>
      <c r="CB22" s="253">
        <v>0</v>
      </c>
      <c r="CC22" s="257">
        <v>0</v>
      </c>
      <c r="CD22" s="254">
        <v>0</v>
      </c>
      <c r="CE22" s="256">
        <v>0</v>
      </c>
      <c r="CF22" s="257">
        <v>0</v>
      </c>
      <c r="CG22" s="257">
        <v>0</v>
      </c>
      <c r="CH22" s="257">
        <v>0</v>
      </c>
      <c r="CI22" s="257">
        <v>0</v>
      </c>
      <c r="CJ22" s="257">
        <v>0</v>
      </c>
      <c r="CK22" s="254">
        <v>0</v>
      </c>
      <c r="CL22" s="259">
        <v>0</v>
      </c>
      <c r="CM22" s="253">
        <v>0</v>
      </c>
      <c r="CN22" s="257">
        <v>0</v>
      </c>
      <c r="CO22" s="254">
        <v>0</v>
      </c>
      <c r="CP22" s="256">
        <v>0</v>
      </c>
      <c r="CQ22" s="257">
        <v>0</v>
      </c>
      <c r="CR22" s="257">
        <v>0</v>
      </c>
      <c r="CS22" s="257">
        <v>0</v>
      </c>
      <c r="CT22" s="257">
        <v>0</v>
      </c>
      <c r="CU22" s="257">
        <v>0</v>
      </c>
      <c r="CV22" s="254">
        <v>0</v>
      </c>
      <c r="CW22" s="259">
        <v>0</v>
      </c>
    </row>
    <row r="23" spans="2:101" ht="21" customHeight="1" x14ac:dyDescent="0.2">
      <c r="B23" s="437" t="s">
        <v>21</v>
      </c>
      <c r="C23" s="253">
        <v>0</v>
      </c>
      <c r="D23" s="254">
        <v>0</v>
      </c>
      <c r="E23" s="255">
        <v>0</v>
      </c>
      <c r="F23" s="256">
        <v>0</v>
      </c>
      <c r="G23" s="257">
        <v>0</v>
      </c>
      <c r="H23" s="257">
        <v>0</v>
      </c>
      <c r="I23" s="257">
        <v>0</v>
      </c>
      <c r="J23" s="257">
        <v>0</v>
      </c>
      <c r="K23" s="257">
        <v>0</v>
      </c>
      <c r="L23" s="258">
        <v>0</v>
      </c>
      <c r="M23" s="259">
        <v>0</v>
      </c>
      <c r="N23" s="253">
        <v>0</v>
      </c>
      <c r="O23" s="257">
        <v>0</v>
      </c>
      <c r="P23" s="254">
        <v>0</v>
      </c>
      <c r="Q23" s="256">
        <v>0</v>
      </c>
      <c r="R23" s="257">
        <v>0</v>
      </c>
      <c r="S23" s="257">
        <v>0</v>
      </c>
      <c r="T23" s="257">
        <v>0</v>
      </c>
      <c r="U23" s="257">
        <v>0</v>
      </c>
      <c r="V23" s="257">
        <v>0</v>
      </c>
      <c r="W23" s="254">
        <v>0</v>
      </c>
      <c r="X23" s="259">
        <v>0</v>
      </c>
      <c r="Y23" s="253">
        <v>0</v>
      </c>
      <c r="Z23" s="257">
        <v>0</v>
      </c>
      <c r="AA23" s="254">
        <v>0</v>
      </c>
      <c r="AB23" s="256">
        <v>0</v>
      </c>
      <c r="AC23" s="257">
        <v>13</v>
      </c>
      <c r="AD23" s="257">
        <v>6</v>
      </c>
      <c r="AE23" s="257">
        <v>3</v>
      </c>
      <c r="AF23" s="257">
        <v>3</v>
      </c>
      <c r="AG23" s="257">
        <v>0</v>
      </c>
      <c r="AH23" s="254">
        <v>25</v>
      </c>
      <c r="AI23" s="259">
        <v>25</v>
      </c>
      <c r="AJ23" s="253">
        <v>0</v>
      </c>
      <c r="AK23" s="257">
        <v>0</v>
      </c>
      <c r="AL23" s="254">
        <v>0</v>
      </c>
      <c r="AM23" s="256">
        <v>0</v>
      </c>
      <c r="AN23" s="257">
        <v>0</v>
      </c>
      <c r="AO23" s="257">
        <v>0</v>
      </c>
      <c r="AP23" s="257">
        <v>0</v>
      </c>
      <c r="AQ23" s="257">
        <v>0</v>
      </c>
      <c r="AR23" s="257">
        <v>0</v>
      </c>
      <c r="AS23" s="254">
        <v>0</v>
      </c>
      <c r="AT23" s="259">
        <v>0</v>
      </c>
      <c r="AU23" s="253">
        <v>0</v>
      </c>
      <c r="AV23" s="257">
        <v>0</v>
      </c>
      <c r="AW23" s="254">
        <v>0</v>
      </c>
      <c r="AX23" s="256">
        <v>0</v>
      </c>
      <c r="AY23" s="257">
        <v>0</v>
      </c>
      <c r="AZ23" s="257">
        <v>0</v>
      </c>
      <c r="BA23" s="257">
        <v>1</v>
      </c>
      <c r="BB23" s="257">
        <v>0</v>
      </c>
      <c r="BC23" s="257">
        <v>0</v>
      </c>
      <c r="BD23" s="254">
        <v>1</v>
      </c>
      <c r="BE23" s="259">
        <v>1</v>
      </c>
      <c r="BF23" s="253">
        <v>0</v>
      </c>
      <c r="BG23" s="257">
        <v>0</v>
      </c>
      <c r="BH23" s="254">
        <v>0</v>
      </c>
      <c r="BI23" s="256">
        <v>0</v>
      </c>
      <c r="BJ23" s="257">
        <v>2</v>
      </c>
      <c r="BK23" s="257">
        <v>2</v>
      </c>
      <c r="BL23" s="257">
        <v>2</v>
      </c>
      <c r="BM23" s="257">
        <v>0</v>
      </c>
      <c r="BN23" s="257">
        <v>0</v>
      </c>
      <c r="BO23" s="258">
        <v>6</v>
      </c>
      <c r="BP23" s="259">
        <v>6</v>
      </c>
      <c r="BQ23" s="253">
        <v>0</v>
      </c>
      <c r="BR23" s="257">
        <v>0</v>
      </c>
      <c r="BS23" s="254">
        <v>0</v>
      </c>
      <c r="BT23" s="256">
        <v>0</v>
      </c>
      <c r="BU23" s="257">
        <v>0</v>
      </c>
      <c r="BV23" s="257">
        <v>0</v>
      </c>
      <c r="BW23" s="257">
        <v>0</v>
      </c>
      <c r="BX23" s="257">
        <v>0</v>
      </c>
      <c r="BY23" s="257">
        <v>0</v>
      </c>
      <c r="BZ23" s="254">
        <v>0</v>
      </c>
      <c r="CA23" s="259">
        <v>0</v>
      </c>
      <c r="CB23" s="253">
        <v>0</v>
      </c>
      <c r="CC23" s="257">
        <v>0</v>
      </c>
      <c r="CD23" s="254">
        <v>0</v>
      </c>
      <c r="CE23" s="256">
        <v>0</v>
      </c>
      <c r="CF23" s="257">
        <v>0</v>
      </c>
      <c r="CG23" s="257">
        <v>0</v>
      </c>
      <c r="CH23" s="257">
        <v>0</v>
      </c>
      <c r="CI23" s="257">
        <v>0</v>
      </c>
      <c r="CJ23" s="257">
        <v>0</v>
      </c>
      <c r="CK23" s="254">
        <v>0</v>
      </c>
      <c r="CL23" s="259">
        <v>0</v>
      </c>
      <c r="CM23" s="253">
        <v>0</v>
      </c>
      <c r="CN23" s="257">
        <v>0</v>
      </c>
      <c r="CO23" s="254">
        <v>0</v>
      </c>
      <c r="CP23" s="256">
        <v>0</v>
      </c>
      <c r="CQ23" s="257">
        <v>0</v>
      </c>
      <c r="CR23" s="257">
        <v>0</v>
      </c>
      <c r="CS23" s="257">
        <v>0</v>
      </c>
      <c r="CT23" s="257">
        <v>0</v>
      </c>
      <c r="CU23" s="257">
        <v>0</v>
      </c>
      <c r="CV23" s="254">
        <v>0</v>
      </c>
      <c r="CW23" s="259">
        <v>0</v>
      </c>
    </row>
    <row r="24" spans="2:101" ht="21" customHeight="1" x14ac:dyDescent="0.2">
      <c r="B24" s="437" t="s">
        <v>22</v>
      </c>
      <c r="C24" s="253">
        <v>0</v>
      </c>
      <c r="D24" s="254">
        <v>0</v>
      </c>
      <c r="E24" s="255">
        <v>0</v>
      </c>
      <c r="F24" s="256">
        <v>0</v>
      </c>
      <c r="G24" s="257">
        <v>0</v>
      </c>
      <c r="H24" s="257">
        <v>2</v>
      </c>
      <c r="I24" s="257">
        <v>0</v>
      </c>
      <c r="J24" s="257">
        <v>0</v>
      </c>
      <c r="K24" s="257">
        <v>0</v>
      </c>
      <c r="L24" s="258">
        <v>2</v>
      </c>
      <c r="M24" s="259">
        <v>2</v>
      </c>
      <c r="N24" s="253">
        <v>0</v>
      </c>
      <c r="O24" s="257">
        <v>0</v>
      </c>
      <c r="P24" s="254">
        <v>0</v>
      </c>
      <c r="Q24" s="256">
        <v>0</v>
      </c>
      <c r="R24" s="257">
        <v>0</v>
      </c>
      <c r="S24" s="257">
        <v>0</v>
      </c>
      <c r="T24" s="257">
        <v>0</v>
      </c>
      <c r="U24" s="257">
        <v>0</v>
      </c>
      <c r="V24" s="257">
        <v>0</v>
      </c>
      <c r="W24" s="254">
        <v>0</v>
      </c>
      <c r="X24" s="259">
        <v>0</v>
      </c>
      <c r="Y24" s="253">
        <v>0</v>
      </c>
      <c r="Z24" s="257">
        <v>0</v>
      </c>
      <c r="AA24" s="254">
        <v>0</v>
      </c>
      <c r="AB24" s="256">
        <v>0</v>
      </c>
      <c r="AC24" s="257">
        <v>4</v>
      </c>
      <c r="AD24" s="257">
        <v>4</v>
      </c>
      <c r="AE24" s="257">
        <v>2</v>
      </c>
      <c r="AF24" s="257">
        <v>2</v>
      </c>
      <c r="AG24" s="257">
        <v>0</v>
      </c>
      <c r="AH24" s="254">
        <v>12</v>
      </c>
      <c r="AI24" s="259">
        <v>12</v>
      </c>
      <c r="AJ24" s="253">
        <v>0</v>
      </c>
      <c r="AK24" s="257">
        <v>0</v>
      </c>
      <c r="AL24" s="254">
        <v>0</v>
      </c>
      <c r="AM24" s="256">
        <v>0</v>
      </c>
      <c r="AN24" s="257">
        <v>0</v>
      </c>
      <c r="AO24" s="257">
        <v>0</v>
      </c>
      <c r="AP24" s="257">
        <v>1</v>
      </c>
      <c r="AQ24" s="257">
        <v>0</v>
      </c>
      <c r="AR24" s="257">
        <v>0</v>
      </c>
      <c r="AS24" s="254">
        <v>1</v>
      </c>
      <c r="AT24" s="259">
        <v>1</v>
      </c>
      <c r="AU24" s="253">
        <v>0</v>
      </c>
      <c r="AV24" s="257">
        <v>0</v>
      </c>
      <c r="AW24" s="254">
        <v>0</v>
      </c>
      <c r="AX24" s="256">
        <v>0</v>
      </c>
      <c r="AY24" s="257">
        <v>2</v>
      </c>
      <c r="AZ24" s="257">
        <v>2</v>
      </c>
      <c r="BA24" s="257">
        <v>0</v>
      </c>
      <c r="BB24" s="257">
        <v>0</v>
      </c>
      <c r="BC24" s="257">
        <v>0</v>
      </c>
      <c r="BD24" s="254">
        <v>4</v>
      </c>
      <c r="BE24" s="259">
        <v>4</v>
      </c>
      <c r="BF24" s="253">
        <v>0</v>
      </c>
      <c r="BG24" s="257">
        <v>0</v>
      </c>
      <c r="BH24" s="254">
        <v>0</v>
      </c>
      <c r="BI24" s="256">
        <v>0</v>
      </c>
      <c r="BJ24" s="257">
        <v>1</v>
      </c>
      <c r="BK24" s="257">
        <v>1</v>
      </c>
      <c r="BL24" s="257">
        <v>1</v>
      </c>
      <c r="BM24" s="257">
        <v>1</v>
      </c>
      <c r="BN24" s="257">
        <v>0</v>
      </c>
      <c r="BO24" s="258">
        <v>4</v>
      </c>
      <c r="BP24" s="259">
        <v>4</v>
      </c>
      <c r="BQ24" s="253">
        <v>0</v>
      </c>
      <c r="BR24" s="257">
        <v>0</v>
      </c>
      <c r="BS24" s="254">
        <v>0</v>
      </c>
      <c r="BT24" s="256">
        <v>0</v>
      </c>
      <c r="BU24" s="257">
        <v>0</v>
      </c>
      <c r="BV24" s="257">
        <v>0</v>
      </c>
      <c r="BW24" s="257">
        <v>0</v>
      </c>
      <c r="BX24" s="257">
        <v>0</v>
      </c>
      <c r="BY24" s="257">
        <v>0</v>
      </c>
      <c r="BZ24" s="254">
        <v>0</v>
      </c>
      <c r="CA24" s="259">
        <v>0</v>
      </c>
      <c r="CB24" s="253">
        <v>0</v>
      </c>
      <c r="CC24" s="257">
        <v>0</v>
      </c>
      <c r="CD24" s="254">
        <v>0</v>
      </c>
      <c r="CE24" s="256">
        <v>0</v>
      </c>
      <c r="CF24" s="257">
        <v>0</v>
      </c>
      <c r="CG24" s="257">
        <v>0</v>
      </c>
      <c r="CH24" s="257">
        <v>1</v>
      </c>
      <c r="CI24" s="257">
        <v>2</v>
      </c>
      <c r="CJ24" s="257">
        <v>0</v>
      </c>
      <c r="CK24" s="254">
        <v>3</v>
      </c>
      <c r="CL24" s="259">
        <v>3</v>
      </c>
      <c r="CM24" s="253">
        <v>0</v>
      </c>
      <c r="CN24" s="257">
        <v>0</v>
      </c>
      <c r="CO24" s="254">
        <v>0</v>
      </c>
      <c r="CP24" s="256">
        <v>0</v>
      </c>
      <c r="CQ24" s="257">
        <v>0</v>
      </c>
      <c r="CR24" s="257">
        <v>0</v>
      </c>
      <c r="CS24" s="257">
        <v>0</v>
      </c>
      <c r="CT24" s="257">
        <v>0</v>
      </c>
      <c r="CU24" s="257">
        <v>0</v>
      </c>
      <c r="CV24" s="254">
        <v>0</v>
      </c>
      <c r="CW24" s="259">
        <v>0</v>
      </c>
    </row>
    <row r="25" spans="2:101" ht="21" customHeight="1" x14ac:dyDescent="0.2">
      <c r="B25" s="437" t="s">
        <v>23</v>
      </c>
      <c r="C25" s="253">
        <v>0</v>
      </c>
      <c r="D25" s="254">
        <v>0</v>
      </c>
      <c r="E25" s="255">
        <v>0</v>
      </c>
      <c r="F25" s="256">
        <v>0</v>
      </c>
      <c r="G25" s="257">
        <v>0</v>
      </c>
      <c r="H25" s="257">
        <v>0</v>
      </c>
      <c r="I25" s="257">
        <v>0</v>
      </c>
      <c r="J25" s="257">
        <v>0</v>
      </c>
      <c r="K25" s="257">
        <v>0</v>
      </c>
      <c r="L25" s="258">
        <v>0</v>
      </c>
      <c r="M25" s="259">
        <v>0</v>
      </c>
      <c r="N25" s="253">
        <v>0</v>
      </c>
      <c r="O25" s="257">
        <v>0</v>
      </c>
      <c r="P25" s="254">
        <v>0</v>
      </c>
      <c r="Q25" s="256">
        <v>0</v>
      </c>
      <c r="R25" s="257">
        <v>0</v>
      </c>
      <c r="S25" s="257">
        <v>0</v>
      </c>
      <c r="T25" s="257">
        <v>0</v>
      </c>
      <c r="U25" s="257">
        <v>0</v>
      </c>
      <c r="V25" s="257">
        <v>0</v>
      </c>
      <c r="W25" s="254">
        <v>0</v>
      </c>
      <c r="X25" s="259">
        <v>0</v>
      </c>
      <c r="Y25" s="253">
        <v>0</v>
      </c>
      <c r="Z25" s="257">
        <v>0</v>
      </c>
      <c r="AA25" s="254">
        <v>0</v>
      </c>
      <c r="AB25" s="256">
        <v>0</v>
      </c>
      <c r="AC25" s="257">
        <v>5</v>
      </c>
      <c r="AD25" s="257">
        <v>3</v>
      </c>
      <c r="AE25" s="257">
        <v>4</v>
      </c>
      <c r="AF25" s="257">
        <v>0</v>
      </c>
      <c r="AG25" s="257">
        <v>0</v>
      </c>
      <c r="AH25" s="254">
        <v>12</v>
      </c>
      <c r="AI25" s="259">
        <v>12</v>
      </c>
      <c r="AJ25" s="253">
        <v>0</v>
      </c>
      <c r="AK25" s="257">
        <v>0</v>
      </c>
      <c r="AL25" s="254">
        <v>0</v>
      </c>
      <c r="AM25" s="256">
        <v>0</v>
      </c>
      <c r="AN25" s="257">
        <v>0</v>
      </c>
      <c r="AO25" s="257">
        <v>0</v>
      </c>
      <c r="AP25" s="257">
        <v>0</v>
      </c>
      <c r="AQ25" s="257">
        <v>0</v>
      </c>
      <c r="AR25" s="257">
        <v>0</v>
      </c>
      <c r="AS25" s="254">
        <v>0</v>
      </c>
      <c r="AT25" s="259">
        <v>0</v>
      </c>
      <c r="AU25" s="253">
        <v>0</v>
      </c>
      <c r="AV25" s="257">
        <v>0</v>
      </c>
      <c r="AW25" s="254">
        <v>0</v>
      </c>
      <c r="AX25" s="256">
        <v>0</v>
      </c>
      <c r="AY25" s="257">
        <v>0</v>
      </c>
      <c r="AZ25" s="257">
        <v>0</v>
      </c>
      <c r="BA25" s="257">
        <v>1</v>
      </c>
      <c r="BB25" s="257">
        <v>0</v>
      </c>
      <c r="BC25" s="257">
        <v>0</v>
      </c>
      <c r="BD25" s="254">
        <v>1</v>
      </c>
      <c r="BE25" s="259">
        <v>1</v>
      </c>
      <c r="BF25" s="253">
        <v>0</v>
      </c>
      <c r="BG25" s="257">
        <v>0</v>
      </c>
      <c r="BH25" s="254">
        <v>0</v>
      </c>
      <c r="BI25" s="256">
        <v>0</v>
      </c>
      <c r="BJ25" s="257">
        <v>2</v>
      </c>
      <c r="BK25" s="257">
        <v>1</v>
      </c>
      <c r="BL25" s="257">
        <v>3</v>
      </c>
      <c r="BM25" s="257">
        <v>2</v>
      </c>
      <c r="BN25" s="257">
        <v>0</v>
      </c>
      <c r="BO25" s="258">
        <v>8</v>
      </c>
      <c r="BP25" s="259">
        <v>8</v>
      </c>
      <c r="BQ25" s="253">
        <v>0</v>
      </c>
      <c r="BR25" s="257">
        <v>0</v>
      </c>
      <c r="BS25" s="254">
        <v>0</v>
      </c>
      <c r="BT25" s="256">
        <v>0</v>
      </c>
      <c r="BU25" s="257">
        <v>0</v>
      </c>
      <c r="BV25" s="257">
        <v>0</v>
      </c>
      <c r="BW25" s="257">
        <v>0</v>
      </c>
      <c r="BX25" s="257">
        <v>0</v>
      </c>
      <c r="BY25" s="257">
        <v>0</v>
      </c>
      <c r="BZ25" s="254">
        <v>0</v>
      </c>
      <c r="CA25" s="259">
        <v>0</v>
      </c>
      <c r="CB25" s="253">
        <v>0</v>
      </c>
      <c r="CC25" s="257">
        <v>0</v>
      </c>
      <c r="CD25" s="254">
        <v>0</v>
      </c>
      <c r="CE25" s="256">
        <v>0</v>
      </c>
      <c r="CF25" s="257">
        <v>0</v>
      </c>
      <c r="CG25" s="257">
        <v>0</v>
      </c>
      <c r="CH25" s="257">
        <v>0</v>
      </c>
      <c r="CI25" s="257">
        <v>0</v>
      </c>
      <c r="CJ25" s="257">
        <v>0</v>
      </c>
      <c r="CK25" s="254">
        <v>0</v>
      </c>
      <c r="CL25" s="259">
        <v>0</v>
      </c>
      <c r="CM25" s="253">
        <v>0</v>
      </c>
      <c r="CN25" s="257">
        <v>0</v>
      </c>
      <c r="CO25" s="254">
        <v>0</v>
      </c>
      <c r="CP25" s="256">
        <v>0</v>
      </c>
      <c r="CQ25" s="257">
        <v>0</v>
      </c>
      <c r="CR25" s="257">
        <v>0</v>
      </c>
      <c r="CS25" s="257">
        <v>0</v>
      </c>
      <c r="CT25" s="257">
        <v>0</v>
      </c>
      <c r="CU25" s="257">
        <v>0</v>
      </c>
      <c r="CV25" s="254">
        <v>0</v>
      </c>
      <c r="CW25" s="259">
        <v>0</v>
      </c>
    </row>
    <row r="26" spans="2:101" ht="21" customHeight="1" x14ac:dyDescent="0.2">
      <c r="B26" s="437" t="s">
        <v>24</v>
      </c>
      <c r="C26" s="253">
        <v>0</v>
      </c>
      <c r="D26" s="254">
        <v>0</v>
      </c>
      <c r="E26" s="255">
        <v>0</v>
      </c>
      <c r="F26" s="256">
        <v>0</v>
      </c>
      <c r="G26" s="257">
        <v>0</v>
      </c>
      <c r="H26" s="257">
        <v>0</v>
      </c>
      <c r="I26" s="257">
        <v>0</v>
      </c>
      <c r="J26" s="257">
        <v>1</v>
      </c>
      <c r="K26" s="257">
        <v>0</v>
      </c>
      <c r="L26" s="258">
        <v>1</v>
      </c>
      <c r="M26" s="259">
        <v>1</v>
      </c>
      <c r="N26" s="253">
        <v>0</v>
      </c>
      <c r="O26" s="257">
        <v>0</v>
      </c>
      <c r="P26" s="254">
        <v>0</v>
      </c>
      <c r="Q26" s="256">
        <v>0</v>
      </c>
      <c r="R26" s="257">
        <v>0</v>
      </c>
      <c r="S26" s="257">
        <v>0</v>
      </c>
      <c r="T26" s="257">
        <v>0</v>
      </c>
      <c r="U26" s="257">
        <v>0</v>
      </c>
      <c r="V26" s="257">
        <v>0</v>
      </c>
      <c r="W26" s="254">
        <v>0</v>
      </c>
      <c r="X26" s="259">
        <v>0</v>
      </c>
      <c r="Y26" s="253">
        <v>0</v>
      </c>
      <c r="Z26" s="257">
        <v>0</v>
      </c>
      <c r="AA26" s="254">
        <v>0</v>
      </c>
      <c r="AB26" s="256">
        <v>0</v>
      </c>
      <c r="AC26" s="257">
        <v>1</v>
      </c>
      <c r="AD26" s="257">
        <v>2</v>
      </c>
      <c r="AE26" s="257">
        <v>1</v>
      </c>
      <c r="AF26" s="257">
        <v>0</v>
      </c>
      <c r="AG26" s="257">
        <v>0</v>
      </c>
      <c r="AH26" s="254">
        <v>4</v>
      </c>
      <c r="AI26" s="259">
        <v>4</v>
      </c>
      <c r="AJ26" s="253">
        <v>0</v>
      </c>
      <c r="AK26" s="257">
        <v>0</v>
      </c>
      <c r="AL26" s="254">
        <v>0</v>
      </c>
      <c r="AM26" s="256">
        <v>0</v>
      </c>
      <c r="AN26" s="257">
        <v>0</v>
      </c>
      <c r="AO26" s="257">
        <v>0</v>
      </c>
      <c r="AP26" s="257">
        <v>1</v>
      </c>
      <c r="AQ26" s="257">
        <v>0</v>
      </c>
      <c r="AR26" s="257">
        <v>0</v>
      </c>
      <c r="AS26" s="254">
        <v>1</v>
      </c>
      <c r="AT26" s="259">
        <v>1</v>
      </c>
      <c r="AU26" s="253">
        <v>1</v>
      </c>
      <c r="AV26" s="257">
        <v>0</v>
      </c>
      <c r="AW26" s="254">
        <v>1</v>
      </c>
      <c r="AX26" s="256">
        <v>0</v>
      </c>
      <c r="AY26" s="257">
        <v>0</v>
      </c>
      <c r="AZ26" s="257">
        <v>0</v>
      </c>
      <c r="BA26" s="257">
        <v>0</v>
      </c>
      <c r="BB26" s="257">
        <v>0</v>
      </c>
      <c r="BC26" s="257">
        <v>0</v>
      </c>
      <c r="BD26" s="254">
        <v>0</v>
      </c>
      <c r="BE26" s="259">
        <v>1</v>
      </c>
      <c r="BF26" s="253">
        <v>0</v>
      </c>
      <c r="BG26" s="257">
        <v>0</v>
      </c>
      <c r="BH26" s="254">
        <v>0</v>
      </c>
      <c r="BI26" s="256">
        <v>0</v>
      </c>
      <c r="BJ26" s="257">
        <v>0</v>
      </c>
      <c r="BK26" s="257">
        <v>1</v>
      </c>
      <c r="BL26" s="257">
        <v>2</v>
      </c>
      <c r="BM26" s="257">
        <v>0</v>
      </c>
      <c r="BN26" s="257">
        <v>1</v>
      </c>
      <c r="BO26" s="258">
        <v>4</v>
      </c>
      <c r="BP26" s="259">
        <v>4</v>
      </c>
      <c r="BQ26" s="253">
        <v>0</v>
      </c>
      <c r="BR26" s="257">
        <v>0</v>
      </c>
      <c r="BS26" s="254">
        <v>0</v>
      </c>
      <c r="BT26" s="256">
        <v>0</v>
      </c>
      <c r="BU26" s="257">
        <v>0</v>
      </c>
      <c r="BV26" s="257">
        <v>0</v>
      </c>
      <c r="BW26" s="257">
        <v>0</v>
      </c>
      <c r="BX26" s="257">
        <v>0</v>
      </c>
      <c r="BY26" s="257">
        <v>0</v>
      </c>
      <c r="BZ26" s="254">
        <v>0</v>
      </c>
      <c r="CA26" s="259">
        <v>0</v>
      </c>
      <c r="CB26" s="253">
        <v>0</v>
      </c>
      <c r="CC26" s="257">
        <v>0</v>
      </c>
      <c r="CD26" s="254">
        <v>0</v>
      </c>
      <c r="CE26" s="256">
        <v>0</v>
      </c>
      <c r="CF26" s="257">
        <v>0</v>
      </c>
      <c r="CG26" s="257">
        <v>0</v>
      </c>
      <c r="CH26" s="257">
        <v>0</v>
      </c>
      <c r="CI26" s="257">
        <v>0</v>
      </c>
      <c r="CJ26" s="257">
        <v>0</v>
      </c>
      <c r="CK26" s="254">
        <v>0</v>
      </c>
      <c r="CL26" s="259">
        <v>0</v>
      </c>
      <c r="CM26" s="253">
        <v>0</v>
      </c>
      <c r="CN26" s="257">
        <v>0</v>
      </c>
      <c r="CO26" s="254">
        <v>0</v>
      </c>
      <c r="CP26" s="256">
        <v>0</v>
      </c>
      <c r="CQ26" s="257">
        <v>0</v>
      </c>
      <c r="CR26" s="257">
        <v>0</v>
      </c>
      <c r="CS26" s="257">
        <v>0</v>
      </c>
      <c r="CT26" s="257">
        <v>0</v>
      </c>
      <c r="CU26" s="257">
        <v>0</v>
      </c>
      <c r="CV26" s="254">
        <v>0</v>
      </c>
      <c r="CW26" s="259">
        <v>0</v>
      </c>
    </row>
    <row r="27" spans="2:101" ht="21" customHeight="1" x14ac:dyDescent="0.2">
      <c r="B27" s="437" t="s">
        <v>25</v>
      </c>
      <c r="C27" s="253">
        <v>0</v>
      </c>
      <c r="D27" s="254">
        <v>0</v>
      </c>
      <c r="E27" s="255">
        <v>0</v>
      </c>
      <c r="F27" s="256">
        <v>0</v>
      </c>
      <c r="G27" s="257">
        <v>0</v>
      </c>
      <c r="H27" s="257">
        <v>0</v>
      </c>
      <c r="I27" s="257">
        <v>0</v>
      </c>
      <c r="J27" s="257">
        <v>0</v>
      </c>
      <c r="K27" s="257">
        <v>0</v>
      </c>
      <c r="L27" s="258">
        <v>0</v>
      </c>
      <c r="M27" s="259">
        <v>0</v>
      </c>
      <c r="N27" s="253">
        <v>0</v>
      </c>
      <c r="O27" s="257">
        <v>0</v>
      </c>
      <c r="P27" s="254">
        <v>0</v>
      </c>
      <c r="Q27" s="256">
        <v>0</v>
      </c>
      <c r="R27" s="257">
        <v>0</v>
      </c>
      <c r="S27" s="257">
        <v>0</v>
      </c>
      <c r="T27" s="257">
        <v>0</v>
      </c>
      <c r="U27" s="257">
        <v>0</v>
      </c>
      <c r="V27" s="257">
        <v>0</v>
      </c>
      <c r="W27" s="254">
        <v>0</v>
      </c>
      <c r="X27" s="259">
        <v>0</v>
      </c>
      <c r="Y27" s="253">
        <v>0</v>
      </c>
      <c r="Z27" s="257">
        <v>0</v>
      </c>
      <c r="AA27" s="254">
        <v>0</v>
      </c>
      <c r="AB27" s="256">
        <v>0</v>
      </c>
      <c r="AC27" s="257">
        <v>8</v>
      </c>
      <c r="AD27" s="257">
        <v>2</v>
      </c>
      <c r="AE27" s="257">
        <v>0</v>
      </c>
      <c r="AF27" s="257">
        <v>0</v>
      </c>
      <c r="AG27" s="257">
        <v>0</v>
      </c>
      <c r="AH27" s="254">
        <v>10</v>
      </c>
      <c r="AI27" s="259">
        <v>10</v>
      </c>
      <c r="AJ27" s="253">
        <v>0</v>
      </c>
      <c r="AK27" s="257">
        <v>0</v>
      </c>
      <c r="AL27" s="254">
        <v>0</v>
      </c>
      <c r="AM27" s="256">
        <v>0</v>
      </c>
      <c r="AN27" s="257">
        <v>0</v>
      </c>
      <c r="AO27" s="257">
        <v>0</v>
      </c>
      <c r="AP27" s="257">
        <v>0</v>
      </c>
      <c r="AQ27" s="257">
        <v>0</v>
      </c>
      <c r="AR27" s="257">
        <v>0</v>
      </c>
      <c r="AS27" s="254">
        <v>0</v>
      </c>
      <c r="AT27" s="259">
        <v>0</v>
      </c>
      <c r="AU27" s="253">
        <v>1</v>
      </c>
      <c r="AV27" s="257">
        <v>0</v>
      </c>
      <c r="AW27" s="254">
        <v>1</v>
      </c>
      <c r="AX27" s="256">
        <v>0</v>
      </c>
      <c r="AY27" s="257">
        <v>0</v>
      </c>
      <c r="AZ27" s="257">
        <v>0</v>
      </c>
      <c r="BA27" s="257">
        <v>0</v>
      </c>
      <c r="BB27" s="257">
        <v>0</v>
      </c>
      <c r="BC27" s="257">
        <v>0</v>
      </c>
      <c r="BD27" s="254">
        <v>0</v>
      </c>
      <c r="BE27" s="259">
        <v>1</v>
      </c>
      <c r="BF27" s="253">
        <v>0</v>
      </c>
      <c r="BG27" s="257">
        <v>0</v>
      </c>
      <c r="BH27" s="254">
        <v>0</v>
      </c>
      <c r="BI27" s="256">
        <v>0</v>
      </c>
      <c r="BJ27" s="257">
        <v>0</v>
      </c>
      <c r="BK27" s="257">
        <v>0</v>
      </c>
      <c r="BL27" s="257">
        <v>0</v>
      </c>
      <c r="BM27" s="257">
        <v>0</v>
      </c>
      <c r="BN27" s="257">
        <v>0</v>
      </c>
      <c r="BO27" s="258">
        <v>0</v>
      </c>
      <c r="BP27" s="259">
        <v>0</v>
      </c>
      <c r="BQ27" s="253">
        <v>0</v>
      </c>
      <c r="BR27" s="257">
        <v>0</v>
      </c>
      <c r="BS27" s="254">
        <v>0</v>
      </c>
      <c r="BT27" s="256">
        <v>0</v>
      </c>
      <c r="BU27" s="257">
        <v>0</v>
      </c>
      <c r="BV27" s="257">
        <v>0</v>
      </c>
      <c r="BW27" s="257">
        <v>0</v>
      </c>
      <c r="BX27" s="257">
        <v>0</v>
      </c>
      <c r="BY27" s="257">
        <v>0</v>
      </c>
      <c r="BZ27" s="254">
        <v>0</v>
      </c>
      <c r="CA27" s="259">
        <v>0</v>
      </c>
      <c r="CB27" s="253">
        <v>0</v>
      </c>
      <c r="CC27" s="257">
        <v>0</v>
      </c>
      <c r="CD27" s="254">
        <v>0</v>
      </c>
      <c r="CE27" s="256">
        <v>0</v>
      </c>
      <c r="CF27" s="257">
        <v>0</v>
      </c>
      <c r="CG27" s="257">
        <v>0</v>
      </c>
      <c r="CH27" s="257">
        <v>0</v>
      </c>
      <c r="CI27" s="257">
        <v>0</v>
      </c>
      <c r="CJ27" s="257">
        <v>0</v>
      </c>
      <c r="CK27" s="254">
        <v>0</v>
      </c>
      <c r="CL27" s="259">
        <v>0</v>
      </c>
      <c r="CM27" s="253">
        <v>0</v>
      </c>
      <c r="CN27" s="257">
        <v>0</v>
      </c>
      <c r="CO27" s="254">
        <v>0</v>
      </c>
      <c r="CP27" s="256">
        <v>0</v>
      </c>
      <c r="CQ27" s="257">
        <v>0</v>
      </c>
      <c r="CR27" s="257">
        <v>0</v>
      </c>
      <c r="CS27" s="257">
        <v>0</v>
      </c>
      <c r="CT27" s="257">
        <v>0</v>
      </c>
      <c r="CU27" s="257">
        <v>0</v>
      </c>
      <c r="CV27" s="254">
        <v>0</v>
      </c>
      <c r="CW27" s="259">
        <v>0</v>
      </c>
    </row>
    <row r="28" spans="2:101" ht="21" customHeight="1" x14ac:dyDescent="0.2">
      <c r="B28" s="437" t="s">
        <v>26</v>
      </c>
      <c r="C28" s="253">
        <v>0</v>
      </c>
      <c r="D28" s="254">
        <v>0</v>
      </c>
      <c r="E28" s="255">
        <v>0</v>
      </c>
      <c r="F28" s="256">
        <v>0</v>
      </c>
      <c r="G28" s="257">
        <v>0</v>
      </c>
      <c r="H28" s="257">
        <v>0</v>
      </c>
      <c r="I28" s="257">
        <v>0</v>
      </c>
      <c r="J28" s="257">
        <v>0</v>
      </c>
      <c r="K28" s="257">
        <v>0</v>
      </c>
      <c r="L28" s="258">
        <v>0</v>
      </c>
      <c r="M28" s="259">
        <v>0</v>
      </c>
      <c r="N28" s="253">
        <v>0</v>
      </c>
      <c r="O28" s="257">
        <v>0</v>
      </c>
      <c r="P28" s="254">
        <v>0</v>
      </c>
      <c r="Q28" s="256">
        <v>0</v>
      </c>
      <c r="R28" s="257">
        <v>0</v>
      </c>
      <c r="S28" s="257">
        <v>0</v>
      </c>
      <c r="T28" s="257">
        <v>0</v>
      </c>
      <c r="U28" s="257">
        <v>0</v>
      </c>
      <c r="V28" s="257">
        <v>0</v>
      </c>
      <c r="W28" s="254">
        <v>0</v>
      </c>
      <c r="X28" s="259">
        <v>0</v>
      </c>
      <c r="Y28" s="253">
        <v>0</v>
      </c>
      <c r="Z28" s="257">
        <v>0</v>
      </c>
      <c r="AA28" s="254">
        <v>0</v>
      </c>
      <c r="AB28" s="256">
        <v>0</v>
      </c>
      <c r="AC28" s="257">
        <v>3</v>
      </c>
      <c r="AD28" s="257">
        <v>3</v>
      </c>
      <c r="AE28" s="257">
        <v>1</v>
      </c>
      <c r="AF28" s="257">
        <v>1</v>
      </c>
      <c r="AG28" s="257">
        <v>1</v>
      </c>
      <c r="AH28" s="254">
        <v>9</v>
      </c>
      <c r="AI28" s="259">
        <v>9</v>
      </c>
      <c r="AJ28" s="253">
        <v>0</v>
      </c>
      <c r="AK28" s="257">
        <v>0</v>
      </c>
      <c r="AL28" s="254">
        <v>0</v>
      </c>
      <c r="AM28" s="256">
        <v>0</v>
      </c>
      <c r="AN28" s="257">
        <v>0</v>
      </c>
      <c r="AO28" s="257">
        <v>0</v>
      </c>
      <c r="AP28" s="257">
        <v>1</v>
      </c>
      <c r="AQ28" s="257">
        <v>0</v>
      </c>
      <c r="AR28" s="257">
        <v>0</v>
      </c>
      <c r="AS28" s="254">
        <v>1</v>
      </c>
      <c r="AT28" s="259">
        <v>1</v>
      </c>
      <c r="AU28" s="253">
        <v>0</v>
      </c>
      <c r="AV28" s="257">
        <v>0</v>
      </c>
      <c r="AW28" s="254">
        <v>0</v>
      </c>
      <c r="AX28" s="256">
        <v>0</v>
      </c>
      <c r="AY28" s="257">
        <v>0</v>
      </c>
      <c r="AZ28" s="257">
        <v>0</v>
      </c>
      <c r="BA28" s="257">
        <v>0</v>
      </c>
      <c r="BB28" s="257">
        <v>0</v>
      </c>
      <c r="BC28" s="257">
        <v>1</v>
      </c>
      <c r="BD28" s="254">
        <v>1</v>
      </c>
      <c r="BE28" s="259">
        <v>1</v>
      </c>
      <c r="BF28" s="253">
        <v>0</v>
      </c>
      <c r="BG28" s="257">
        <v>0</v>
      </c>
      <c r="BH28" s="254">
        <v>0</v>
      </c>
      <c r="BI28" s="256">
        <v>0</v>
      </c>
      <c r="BJ28" s="257">
        <v>0</v>
      </c>
      <c r="BK28" s="257">
        <v>0</v>
      </c>
      <c r="BL28" s="257">
        <v>1</v>
      </c>
      <c r="BM28" s="257">
        <v>2</v>
      </c>
      <c r="BN28" s="257">
        <v>0</v>
      </c>
      <c r="BO28" s="258">
        <v>3</v>
      </c>
      <c r="BP28" s="259">
        <v>3</v>
      </c>
      <c r="BQ28" s="253">
        <v>0</v>
      </c>
      <c r="BR28" s="257">
        <v>0</v>
      </c>
      <c r="BS28" s="254">
        <v>0</v>
      </c>
      <c r="BT28" s="256">
        <v>0</v>
      </c>
      <c r="BU28" s="257">
        <v>0</v>
      </c>
      <c r="BV28" s="257">
        <v>0</v>
      </c>
      <c r="BW28" s="257">
        <v>0</v>
      </c>
      <c r="BX28" s="257">
        <v>0</v>
      </c>
      <c r="BY28" s="257">
        <v>0</v>
      </c>
      <c r="BZ28" s="254">
        <v>0</v>
      </c>
      <c r="CA28" s="259">
        <v>0</v>
      </c>
      <c r="CB28" s="253">
        <v>0</v>
      </c>
      <c r="CC28" s="257">
        <v>0</v>
      </c>
      <c r="CD28" s="254">
        <v>0</v>
      </c>
      <c r="CE28" s="256">
        <v>0</v>
      </c>
      <c r="CF28" s="257">
        <v>0</v>
      </c>
      <c r="CG28" s="257">
        <v>0</v>
      </c>
      <c r="CH28" s="257">
        <v>0</v>
      </c>
      <c r="CI28" s="257">
        <v>0</v>
      </c>
      <c r="CJ28" s="257">
        <v>0</v>
      </c>
      <c r="CK28" s="254">
        <v>0</v>
      </c>
      <c r="CL28" s="259">
        <v>0</v>
      </c>
      <c r="CM28" s="253">
        <v>0</v>
      </c>
      <c r="CN28" s="257">
        <v>0</v>
      </c>
      <c r="CO28" s="254">
        <v>0</v>
      </c>
      <c r="CP28" s="256">
        <v>0</v>
      </c>
      <c r="CQ28" s="257">
        <v>0</v>
      </c>
      <c r="CR28" s="257">
        <v>0</v>
      </c>
      <c r="CS28" s="257">
        <v>0</v>
      </c>
      <c r="CT28" s="257">
        <v>0</v>
      </c>
      <c r="CU28" s="257">
        <v>0</v>
      </c>
      <c r="CV28" s="254">
        <v>0</v>
      </c>
      <c r="CW28" s="259">
        <v>0</v>
      </c>
    </row>
    <row r="29" spans="2:101" ht="21" customHeight="1" x14ac:dyDescent="0.2">
      <c r="B29" s="437" t="s">
        <v>27</v>
      </c>
      <c r="C29" s="253">
        <v>0</v>
      </c>
      <c r="D29" s="254">
        <v>0</v>
      </c>
      <c r="E29" s="255">
        <v>0</v>
      </c>
      <c r="F29" s="256">
        <v>0</v>
      </c>
      <c r="G29" s="257">
        <v>0</v>
      </c>
      <c r="H29" s="257">
        <v>0</v>
      </c>
      <c r="I29" s="257">
        <v>1</v>
      </c>
      <c r="J29" s="257">
        <v>0</v>
      </c>
      <c r="K29" s="257">
        <v>0</v>
      </c>
      <c r="L29" s="258">
        <v>1</v>
      </c>
      <c r="M29" s="259">
        <v>1</v>
      </c>
      <c r="N29" s="253">
        <v>0</v>
      </c>
      <c r="O29" s="257">
        <v>0</v>
      </c>
      <c r="P29" s="254">
        <v>0</v>
      </c>
      <c r="Q29" s="256">
        <v>0</v>
      </c>
      <c r="R29" s="257">
        <v>0</v>
      </c>
      <c r="S29" s="257">
        <v>0</v>
      </c>
      <c r="T29" s="257">
        <v>0</v>
      </c>
      <c r="U29" s="257">
        <v>0</v>
      </c>
      <c r="V29" s="257">
        <v>0</v>
      </c>
      <c r="W29" s="254">
        <v>0</v>
      </c>
      <c r="X29" s="259">
        <v>0</v>
      </c>
      <c r="Y29" s="253">
        <v>0</v>
      </c>
      <c r="Z29" s="257">
        <v>0</v>
      </c>
      <c r="AA29" s="254">
        <v>0</v>
      </c>
      <c r="AB29" s="256">
        <v>0</v>
      </c>
      <c r="AC29" s="257">
        <v>0</v>
      </c>
      <c r="AD29" s="257">
        <v>1</v>
      </c>
      <c r="AE29" s="257">
        <v>0</v>
      </c>
      <c r="AF29" s="257">
        <v>0</v>
      </c>
      <c r="AG29" s="257">
        <v>0</v>
      </c>
      <c r="AH29" s="254">
        <v>1</v>
      </c>
      <c r="AI29" s="259">
        <v>1</v>
      </c>
      <c r="AJ29" s="253">
        <v>0</v>
      </c>
      <c r="AK29" s="257">
        <v>0</v>
      </c>
      <c r="AL29" s="254">
        <v>0</v>
      </c>
      <c r="AM29" s="256">
        <v>0</v>
      </c>
      <c r="AN29" s="257">
        <v>0</v>
      </c>
      <c r="AO29" s="257">
        <v>0</v>
      </c>
      <c r="AP29" s="257">
        <v>0</v>
      </c>
      <c r="AQ29" s="257">
        <v>1</v>
      </c>
      <c r="AR29" s="257">
        <v>0</v>
      </c>
      <c r="AS29" s="254">
        <v>1</v>
      </c>
      <c r="AT29" s="259">
        <v>1</v>
      </c>
      <c r="AU29" s="253">
        <v>0</v>
      </c>
      <c r="AV29" s="257">
        <v>0</v>
      </c>
      <c r="AW29" s="254">
        <v>0</v>
      </c>
      <c r="AX29" s="256">
        <v>0</v>
      </c>
      <c r="AY29" s="257">
        <v>0</v>
      </c>
      <c r="AZ29" s="257">
        <v>1</v>
      </c>
      <c r="BA29" s="257">
        <v>0</v>
      </c>
      <c r="BB29" s="257">
        <v>0</v>
      </c>
      <c r="BC29" s="257">
        <v>0</v>
      </c>
      <c r="BD29" s="254">
        <v>1</v>
      </c>
      <c r="BE29" s="259">
        <v>1</v>
      </c>
      <c r="BF29" s="253">
        <v>0</v>
      </c>
      <c r="BG29" s="257">
        <v>0</v>
      </c>
      <c r="BH29" s="254">
        <v>0</v>
      </c>
      <c r="BI29" s="256">
        <v>0</v>
      </c>
      <c r="BJ29" s="257">
        <v>0</v>
      </c>
      <c r="BK29" s="257">
        <v>0</v>
      </c>
      <c r="BL29" s="257">
        <v>2</v>
      </c>
      <c r="BM29" s="257">
        <v>0</v>
      </c>
      <c r="BN29" s="257">
        <v>0</v>
      </c>
      <c r="BO29" s="258">
        <v>2</v>
      </c>
      <c r="BP29" s="259">
        <v>2</v>
      </c>
      <c r="BQ29" s="253">
        <v>0</v>
      </c>
      <c r="BR29" s="257">
        <v>0</v>
      </c>
      <c r="BS29" s="254">
        <v>0</v>
      </c>
      <c r="BT29" s="256">
        <v>0</v>
      </c>
      <c r="BU29" s="257">
        <v>0</v>
      </c>
      <c r="BV29" s="257">
        <v>0</v>
      </c>
      <c r="BW29" s="257">
        <v>0</v>
      </c>
      <c r="BX29" s="257">
        <v>0</v>
      </c>
      <c r="BY29" s="257">
        <v>0</v>
      </c>
      <c r="BZ29" s="254">
        <v>0</v>
      </c>
      <c r="CA29" s="259">
        <v>0</v>
      </c>
      <c r="CB29" s="253">
        <v>0</v>
      </c>
      <c r="CC29" s="257">
        <v>0</v>
      </c>
      <c r="CD29" s="254">
        <v>0</v>
      </c>
      <c r="CE29" s="256">
        <v>0</v>
      </c>
      <c r="CF29" s="257">
        <v>0</v>
      </c>
      <c r="CG29" s="257">
        <v>0</v>
      </c>
      <c r="CH29" s="257">
        <v>1</v>
      </c>
      <c r="CI29" s="257">
        <v>0</v>
      </c>
      <c r="CJ29" s="257">
        <v>0</v>
      </c>
      <c r="CK29" s="254">
        <v>1</v>
      </c>
      <c r="CL29" s="259">
        <v>1</v>
      </c>
      <c r="CM29" s="253">
        <v>0</v>
      </c>
      <c r="CN29" s="257">
        <v>0</v>
      </c>
      <c r="CO29" s="254">
        <v>0</v>
      </c>
      <c r="CP29" s="256">
        <v>0</v>
      </c>
      <c r="CQ29" s="257">
        <v>0</v>
      </c>
      <c r="CR29" s="257">
        <v>0</v>
      </c>
      <c r="CS29" s="257">
        <v>0</v>
      </c>
      <c r="CT29" s="257">
        <v>0</v>
      </c>
      <c r="CU29" s="257">
        <v>0</v>
      </c>
      <c r="CV29" s="254">
        <v>0</v>
      </c>
      <c r="CW29" s="259">
        <v>0</v>
      </c>
    </row>
    <row r="30" spans="2:101" ht="21" customHeight="1" x14ac:dyDescent="0.2">
      <c r="B30" s="437" t="s">
        <v>28</v>
      </c>
      <c r="C30" s="253">
        <v>0</v>
      </c>
      <c r="D30" s="254">
        <v>0</v>
      </c>
      <c r="E30" s="255">
        <v>0</v>
      </c>
      <c r="F30" s="256">
        <v>0</v>
      </c>
      <c r="G30" s="257">
        <v>0</v>
      </c>
      <c r="H30" s="257">
        <v>0</v>
      </c>
      <c r="I30" s="257">
        <v>0</v>
      </c>
      <c r="J30" s="257">
        <v>0</v>
      </c>
      <c r="K30" s="257">
        <v>0</v>
      </c>
      <c r="L30" s="258">
        <v>0</v>
      </c>
      <c r="M30" s="259">
        <v>0</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4</v>
      </c>
      <c r="AD30" s="257">
        <v>0</v>
      </c>
      <c r="AE30" s="257">
        <v>0</v>
      </c>
      <c r="AF30" s="257">
        <v>0</v>
      </c>
      <c r="AG30" s="257">
        <v>0</v>
      </c>
      <c r="AH30" s="254">
        <v>4</v>
      </c>
      <c r="AI30" s="259">
        <v>4</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0</v>
      </c>
      <c r="AZ30" s="257">
        <v>0</v>
      </c>
      <c r="BA30" s="257">
        <v>0</v>
      </c>
      <c r="BB30" s="257">
        <v>0</v>
      </c>
      <c r="BC30" s="257">
        <v>0</v>
      </c>
      <c r="BD30" s="254">
        <v>0</v>
      </c>
      <c r="BE30" s="259">
        <v>0</v>
      </c>
      <c r="BF30" s="253">
        <v>0</v>
      </c>
      <c r="BG30" s="257">
        <v>0</v>
      </c>
      <c r="BH30" s="254">
        <v>0</v>
      </c>
      <c r="BI30" s="256">
        <v>0</v>
      </c>
      <c r="BJ30" s="257">
        <v>0</v>
      </c>
      <c r="BK30" s="257">
        <v>0</v>
      </c>
      <c r="BL30" s="257">
        <v>0</v>
      </c>
      <c r="BM30" s="257">
        <v>0</v>
      </c>
      <c r="BN30" s="257">
        <v>1</v>
      </c>
      <c r="BO30" s="258">
        <v>1</v>
      </c>
      <c r="BP30" s="259">
        <v>1</v>
      </c>
      <c r="BQ30" s="253">
        <v>0</v>
      </c>
      <c r="BR30" s="257">
        <v>0</v>
      </c>
      <c r="BS30" s="254">
        <v>0</v>
      </c>
      <c r="BT30" s="256">
        <v>0</v>
      </c>
      <c r="BU30" s="257">
        <v>0</v>
      </c>
      <c r="BV30" s="257">
        <v>0</v>
      </c>
      <c r="BW30" s="257">
        <v>0</v>
      </c>
      <c r="BX30" s="257">
        <v>0</v>
      </c>
      <c r="BY30" s="257">
        <v>0</v>
      </c>
      <c r="BZ30" s="254">
        <v>0</v>
      </c>
      <c r="CA30" s="259">
        <v>0</v>
      </c>
      <c r="CB30" s="253">
        <v>0</v>
      </c>
      <c r="CC30" s="257">
        <v>0</v>
      </c>
      <c r="CD30" s="254">
        <v>0</v>
      </c>
      <c r="CE30" s="256">
        <v>0</v>
      </c>
      <c r="CF30" s="257">
        <v>0</v>
      </c>
      <c r="CG30" s="257">
        <v>0</v>
      </c>
      <c r="CH30" s="257">
        <v>0</v>
      </c>
      <c r="CI30" s="257">
        <v>0</v>
      </c>
      <c r="CJ30" s="257">
        <v>0</v>
      </c>
      <c r="CK30" s="254">
        <v>0</v>
      </c>
      <c r="CL30" s="259">
        <v>0</v>
      </c>
      <c r="CM30" s="253">
        <v>0</v>
      </c>
      <c r="CN30" s="257">
        <v>0</v>
      </c>
      <c r="CO30" s="254">
        <v>0</v>
      </c>
      <c r="CP30" s="256">
        <v>0</v>
      </c>
      <c r="CQ30" s="257">
        <v>0</v>
      </c>
      <c r="CR30" s="257">
        <v>0</v>
      </c>
      <c r="CS30" s="257">
        <v>0</v>
      </c>
      <c r="CT30" s="257">
        <v>0</v>
      </c>
      <c r="CU30" s="257">
        <v>0</v>
      </c>
      <c r="CV30" s="254">
        <v>0</v>
      </c>
      <c r="CW30" s="259">
        <v>0</v>
      </c>
    </row>
    <row r="31" spans="2:101" ht="21" customHeight="1" x14ac:dyDescent="0.2">
      <c r="B31" s="437" t="s">
        <v>29</v>
      </c>
      <c r="C31" s="253">
        <v>0</v>
      </c>
      <c r="D31" s="254">
        <v>0</v>
      </c>
      <c r="E31" s="255">
        <v>0</v>
      </c>
      <c r="F31" s="256">
        <v>0</v>
      </c>
      <c r="G31" s="257">
        <v>0</v>
      </c>
      <c r="H31" s="257">
        <v>0</v>
      </c>
      <c r="I31" s="257">
        <v>1</v>
      </c>
      <c r="J31" s="257">
        <v>0</v>
      </c>
      <c r="K31" s="257">
        <v>0</v>
      </c>
      <c r="L31" s="258">
        <v>1</v>
      </c>
      <c r="M31" s="259">
        <v>1</v>
      </c>
      <c r="N31" s="253">
        <v>0</v>
      </c>
      <c r="O31" s="257">
        <v>0</v>
      </c>
      <c r="P31" s="254">
        <v>0</v>
      </c>
      <c r="Q31" s="256">
        <v>0</v>
      </c>
      <c r="R31" s="257">
        <v>0</v>
      </c>
      <c r="S31" s="257">
        <v>0</v>
      </c>
      <c r="T31" s="257">
        <v>0</v>
      </c>
      <c r="U31" s="257">
        <v>0</v>
      </c>
      <c r="V31" s="257">
        <v>0</v>
      </c>
      <c r="W31" s="254">
        <v>0</v>
      </c>
      <c r="X31" s="259">
        <v>0</v>
      </c>
      <c r="Y31" s="253">
        <v>0</v>
      </c>
      <c r="Z31" s="257">
        <v>0</v>
      </c>
      <c r="AA31" s="254">
        <v>0</v>
      </c>
      <c r="AB31" s="256">
        <v>0</v>
      </c>
      <c r="AC31" s="257">
        <v>0</v>
      </c>
      <c r="AD31" s="257">
        <v>2</v>
      </c>
      <c r="AE31" s="257">
        <v>1</v>
      </c>
      <c r="AF31" s="257">
        <v>0</v>
      </c>
      <c r="AG31" s="257">
        <v>0</v>
      </c>
      <c r="AH31" s="254">
        <v>3</v>
      </c>
      <c r="AI31" s="259">
        <v>3</v>
      </c>
      <c r="AJ31" s="253">
        <v>0</v>
      </c>
      <c r="AK31" s="257">
        <v>0</v>
      </c>
      <c r="AL31" s="254">
        <v>0</v>
      </c>
      <c r="AM31" s="256">
        <v>0</v>
      </c>
      <c r="AN31" s="257">
        <v>0</v>
      </c>
      <c r="AO31" s="257">
        <v>0</v>
      </c>
      <c r="AP31" s="257">
        <v>0</v>
      </c>
      <c r="AQ31" s="257">
        <v>0</v>
      </c>
      <c r="AR31" s="257">
        <v>0</v>
      </c>
      <c r="AS31" s="254">
        <v>0</v>
      </c>
      <c r="AT31" s="259">
        <v>0</v>
      </c>
      <c r="AU31" s="253">
        <v>0</v>
      </c>
      <c r="AV31" s="257">
        <v>0</v>
      </c>
      <c r="AW31" s="254">
        <v>0</v>
      </c>
      <c r="AX31" s="256">
        <v>0</v>
      </c>
      <c r="AY31" s="257">
        <v>0</v>
      </c>
      <c r="AZ31" s="257">
        <v>0</v>
      </c>
      <c r="BA31" s="257">
        <v>0</v>
      </c>
      <c r="BB31" s="257">
        <v>0</v>
      </c>
      <c r="BC31" s="257">
        <v>0</v>
      </c>
      <c r="BD31" s="254">
        <v>0</v>
      </c>
      <c r="BE31" s="259">
        <v>0</v>
      </c>
      <c r="BF31" s="253">
        <v>0</v>
      </c>
      <c r="BG31" s="257">
        <v>0</v>
      </c>
      <c r="BH31" s="254">
        <v>0</v>
      </c>
      <c r="BI31" s="256">
        <v>0</v>
      </c>
      <c r="BJ31" s="257">
        <v>0</v>
      </c>
      <c r="BK31" s="257">
        <v>0</v>
      </c>
      <c r="BL31" s="257">
        <v>0</v>
      </c>
      <c r="BM31" s="257">
        <v>0</v>
      </c>
      <c r="BN31" s="257">
        <v>0</v>
      </c>
      <c r="BO31" s="258">
        <v>0</v>
      </c>
      <c r="BP31" s="259">
        <v>0</v>
      </c>
      <c r="BQ31" s="253">
        <v>0</v>
      </c>
      <c r="BR31" s="257">
        <v>0</v>
      </c>
      <c r="BS31" s="254">
        <v>0</v>
      </c>
      <c r="BT31" s="256">
        <v>0</v>
      </c>
      <c r="BU31" s="257">
        <v>0</v>
      </c>
      <c r="BV31" s="257">
        <v>0</v>
      </c>
      <c r="BW31" s="257">
        <v>0</v>
      </c>
      <c r="BX31" s="257">
        <v>0</v>
      </c>
      <c r="BY31" s="257">
        <v>0</v>
      </c>
      <c r="BZ31" s="254">
        <v>0</v>
      </c>
      <c r="CA31" s="259">
        <v>0</v>
      </c>
      <c r="CB31" s="253">
        <v>0</v>
      </c>
      <c r="CC31" s="257">
        <v>0</v>
      </c>
      <c r="CD31" s="254">
        <v>0</v>
      </c>
      <c r="CE31" s="256">
        <v>0</v>
      </c>
      <c r="CF31" s="257">
        <v>0</v>
      </c>
      <c r="CG31" s="257">
        <v>0</v>
      </c>
      <c r="CH31" s="257">
        <v>2</v>
      </c>
      <c r="CI31" s="257">
        <v>1</v>
      </c>
      <c r="CJ31" s="257">
        <v>0</v>
      </c>
      <c r="CK31" s="254">
        <v>3</v>
      </c>
      <c r="CL31" s="259">
        <v>3</v>
      </c>
      <c r="CM31" s="253">
        <v>0</v>
      </c>
      <c r="CN31" s="257">
        <v>0</v>
      </c>
      <c r="CO31" s="254">
        <v>0</v>
      </c>
      <c r="CP31" s="256">
        <v>0</v>
      </c>
      <c r="CQ31" s="257">
        <v>0</v>
      </c>
      <c r="CR31" s="257">
        <v>0</v>
      </c>
      <c r="CS31" s="257">
        <v>0</v>
      </c>
      <c r="CT31" s="257">
        <v>0</v>
      </c>
      <c r="CU31" s="257">
        <v>0</v>
      </c>
      <c r="CV31" s="254">
        <v>0</v>
      </c>
      <c r="CW31" s="259">
        <v>0</v>
      </c>
    </row>
    <row r="32" spans="2:101" ht="21" customHeight="1" x14ac:dyDescent="0.2">
      <c r="B32" s="437" t="s">
        <v>30</v>
      </c>
      <c r="C32" s="253">
        <v>0</v>
      </c>
      <c r="D32" s="254">
        <v>0</v>
      </c>
      <c r="E32" s="255">
        <v>0</v>
      </c>
      <c r="F32" s="256">
        <v>0</v>
      </c>
      <c r="G32" s="257">
        <v>0</v>
      </c>
      <c r="H32" s="257">
        <v>0</v>
      </c>
      <c r="I32" s="257">
        <v>0</v>
      </c>
      <c r="J32" s="257">
        <v>0</v>
      </c>
      <c r="K32" s="257">
        <v>0</v>
      </c>
      <c r="L32" s="258">
        <v>0</v>
      </c>
      <c r="M32" s="259">
        <v>0</v>
      </c>
      <c r="N32" s="253">
        <v>0</v>
      </c>
      <c r="O32" s="257">
        <v>0</v>
      </c>
      <c r="P32" s="254">
        <v>0</v>
      </c>
      <c r="Q32" s="256">
        <v>0</v>
      </c>
      <c r="R32" s="257">
        <v>0</v>
      </c>
      <c r="S32" s="257">
        <v>0</v>
      </c>
      <c r="T32" s="257">
        <v>0</v>
      </c>
      <c r="U32" s="257">
        <v>0</v>
      </c>
      <c r="V32" s="257">
        <v>0</v>
      </c>
      <c r="W32" s="254">
        <v>0</v>
      </c>
      <c r="X32" s="259">
        <v>0</v>
      </c>
      <c r="Y32" s="253">
        <v>0</v>
      </c>
      <c r="Z32" s="257">
        <v>0</v>
      </c>
      <c r="AA32" s="254">
        <v>0</v>
      </c>
      <c r="AB32" s="256">
        <v>0</v>
      </c>
      <c r="AC32" s="257">
        <v>1</v>
      </c>
      <c r="AD32" s="257">
        <v>0</v>
      </c>
      <c r="AE32" s="257">
        <v>1</v>
      </c>
      <c r="AF32" s="257">
        <v>0</v>
      </c>
      <c r="AG32" s="257">
        <v>0</v>
      </c>
      <c r="AH32" s="254">
        <v>2</v>
      </c>
      <c r="AI32" s="259">
        <v>2</v>
      </c>
      <c r="AJ32" s="253">
        <v>0</v>
      </c>
      <c r="AK32" s="257">
        <v>0</v>
      </c>
      <c r="AL32" s="254">
        <v>0</v>
      </c>
      <c r="AM32" s="256">
        <v>0</v>
      </c>
      <c r="AN32" s="257">
        <v>0</v>
      </c>
      <c r="AO32" s="257">
        <v>0</v>
      </c>
      <c r="AP32" s="257">
        <v>0</v>
      </c>
      <c r="AQ32" s="257">
        <v>0</v>
      </c>
      <c r="AR32" s="257">
        <v>0</v>
      </c>
      <c r="AS32" s="254">
        <v>0</v>
      </c>
      <c r="AT32" s="259">
        <v>0</v>
      </c>
      <c r="AU32" s="253">
        <v>0</v>
      </c>
      <c r="AV32" s="257">
        <v>0</v>
      </c>
      <c r="AW32" s="254">
        <v>0</v>
      </c>
      <c r="AX32" s="256">
        <v>0</v>
      </c>
      <c r="AY32" s="257">
        <v>0</v>
      </c>
      <c r="AZ32" s="257">
        <v>0</v>
      </c>
      <c r="BA32" s="257">
        <v>0</v>
      </c>
      <c r="BB32" s="257">
        <v>0</v>
      </c>
      <c r="BC32" s="257">
        <v>0</v>
      </c>
      <c r="BD32" s="254">
        <v>0</v>
      </c>
      <c r="BE32" s="259">
        <v>0</v>
      </c>
      <c r="BF32" s="253">
        <v>0</v>
      </c>
      <c r="BG32" s="257">
        <v>0</v>
      </c>
      <c r="BH32" s="254">
        <v>0</v>
      </c>
      <c r="BI32" s="256">
        <v>0</v>
      </c>
      <c r="BJ32" s="257">
        <v>0</v>
      </c>
      <c r="BK32" s="257">
        <v>0</v>
      </c>
      <c r="BL32" s="257">
        <v>0</v>
      </c>
      <c r="BM32" s="257">
        <v>1</v>
      </c>
      <c r="BN32" s="257">
        <v>0</v>
      </c>
      <c r="BO32" s="258">
        <v>1</v>
      </c>
      <c r="BP32" s="259">
        <v>1</v>
      </c>
      <c r="BQ32" s="253">
        <v>0</v>
      </c>
      <c r="BR32" s="257">
        <v>0</v>
      </c>
      <c r="BS32" s="254">
        <v>0</v>
      </c>
      <c r="BT32" s="256">
        <v>0</v>
      </c>
      <c r="BU32" s="257">
        <v>0</v>
      </c>
      <c r="BV32" s="257">
        <v>0</v>
      </c>
      <c r="BW32" s="257">
        <v>0</v>
      </c>
      <c r="BX32" s="257">
        <v>0</v>
      </c>
      <c r="BY32" s="257">
        <v>0</v>
      </c>
      <c r="BZ32" s="254">
        <v>0</v>
      </c>
      <c r="CA32" s="259">
        <v>0</v>
      </c>
      <c r="CB32" s="253">
        <v>0</v>
      </c>
      <c r="CC32" s="257">
        <v>0</v>
      </c>
      <c r="CD32" s="254">
        <v>0</v>
      </c>
      <c r="CE32" s="256">
        <v>0</v>
      </c>
      <c r="CF32" s="257">
        <v>0</v>
      </c>
      <c r="CG32" s="257">
        <v>0</v>
      </c>
      <c r="CH32" s="257">
        <v>0</v>
      </c>
      <c r="CI32" s="257">
        <v>0</v>
      </c>
      <c r="CJ32" s="257">
        <v>0</v>
      </c>
      <c r="CK32" s="254">
        <v>0</v>
      </c>
      <c r="CL32" s="259">
        <v>0</v>
      </c>
      <c r="CM32" s="253">
        <v>0</v>
      </c>
      <c r="CN32" s="257">
        <v>0</v>
      </c>
      <c r="CO32" s="254">
        <v>0</v>
      </c>
      <c r="CP32" s="256">
        <v>0</v>
      </c>
      <c r="CQ32" s="257">
        <v>0</v>
      </c>
      <c r="CR32" s="257">
        <v>0</v>
      </c>
      <c r="CS32" s="257">
        <v>0</v>
      </c>
      <c r="CT32" s="257">
        <v>0</v>
      </c>
      <c r="CU32" s="257">
        <v>0</v>
      </c>
      <c r="CV32" s="254">
        <v>0</v>
      </c>
      <c r="CW32" s="259">
        <v>0</v>
      </c>
    </row>
    <row r="33" spans="2:101" ht="21" customHeight="1" x14ac:dyDescent="0.2">
      <c r="B33" s="437" t="s">
        <v>31</v>
      </c>
      <c r="C33" s="253">
        <v>0</v>
      </c>
      <c r="D33" s="254">
        <v>0</v>
      </c>
      <c r="E33" s="255">
        <v>0</v>
      </c>
      <c r="F33" s="256">
        <v>0</v>
      </c>
      <c r="G33" s="257">
        <v>0</v>
      </c>
      <c r="H33" s="257">
        <v>0</v>
      </c>
      <c r="I33" s="257">
        <v>0</v>
      </c>
      <c r="J33" s="257">
        <v>0</v>
      </c>
      <c r="K33" s="257">
        <v>0</v>
      </c>
      <c r="L33" s="258">
        <v>0</v>
      </c>
      <c r="M33" s="259">
        <v>0</v>
      </c>
      <c r="N33" s="253">
        <v>0</v>
      </c>
      <c r="O33" s="257">
        <v>0</v>
      </c>
      <c r="P33" s="254">
        <v>0</v>
      </c>
      <c r="Q33" s="256">
        <v>0</v>
      </c>
      <c r="R33" s="257">
        <v>0</v>
      </c>
      <c r="S33" s="257">
        <v>0</v>
      </c>
      <c r="T33" s="257">
        <v>0</v>
      </c>
      <c r="U33" s="257">
        <v>0</v>
      </c>
      <c r="V33" s="257">
        <v>0</v>
      </c>
      <c r="W33" s="254">
        <v>0</v>
      </c>
      <c r="X33" s="259">
        <v>0</v>
      </c>
      <c r="Y33" s="253">
        <v>0</v>
      </c>
      <c r="Z33" s="257">
        <v>0</v>
      </c>
      <c r="AA33" s="254">
        <v>0</v>
      </c>
      <c r="AB33" s="256">
        <v>0</v>
      </c>
      <c r="AC33" s="257">
        <v>0</v>
      </c>
      <c r="AD33" s="257">
        <v>1</v>
      </c>
      <c r="AE33" s="257">
        <v>1</v>
      </c>
      <c r="AF33" s="257">
        <v>0</v>
      </c>
      <c r="AG33" s="257">
        <v>0</v>
      </c>
      <c r="AH33" s="254">
        <v>2</v>
      </c>
      <c r="AI33" s="259">
        <v>2</v>
      </c>
      <c r="AJ33" s="253">
        <v>0</v>
      </c>
      <c r="AK33" s="257">
        <v>0</v>
      </c>
      <c r="AL33" s="254">
        <v>0</v>
      </c>
      <c r="AM33" s="256">
        <v>0</v>
      </c>
      <c r="AN33" s="257">
        <v>0</v>
      </c>
      <c r="AO33" s="257">
        <v>0</v>
      </c>
      <c r="AP33" s="257">
        <v>0</v>
      </c>
      <c r="AQ33" s="257">
        <v>1</v>
      </c>
      <c r="AR33" s="257">
        <v>0</v>
      </c>
      <c r="AS33" s="254">
        <v>1</v>
      </c>
      <c r="AT33" s="259">
        <v>1</v>
      </c>
      <c r="AU33" s="253">
        <v>0</v>
      </c>
      <c r="AV33" s="257">
        <v>0</v>
      </c>
      <c r="AW33" s="254">
        <v>0</v>
      </c>
      <c r="AX33" s="256">
        <v>0</v>
      </c>
      <c r="AY33" s="257">
        <v>1</v>
      </c>
      <c r="AZ33" s="257">
        <v>0</v>
      </c>
      <c r="BA33" s="257">
        <v>0</v>
      </c>
      <c r="BB33" s="257">
        <v>0</v>
      </c>
      <c r="BC33" s="257">
        <v>0</v>
      </c>
      <c r="BD33" s="254">
        <v>1</v>
      </c>
      <c r="BE33" s="259">
        <v>1</v>
      </c>
      <c r="BF33" s="253">
        <v>0</v>
      </c>
      <c r="BG33" s="257">
        <v>0</v>
      </c>
      <c r="BH33" s="254">
        <v>0</v>
      </c>
      <c r="BI33" s="256">
        <v>0</v>
      </c>
      <c r="BJ33" s="257">
        <v>0</v>
      </c>
      <c r="BK33" s="257">
        <v>1</v>
      </c>
      <c r="BL33" s="257">
        <v>0</v>
      </c>
      <c r="BM33" s="257">
        <v>1</v>
      </c>
      <c r="BN33" s="257">
        <v>1</v>
      </c>
      <c r="BO33" s="258">
        <v>3</v>
      </c>
      <c r="BP33" s="259">
        <v>3</v>
      </c>
      <c r="BQ33" s="253">
        <v>0</v>
      </c>
      <c r="BR33" s="257">
        <v>0</v>
      </c>
      <c r="BS33" s="254">
        <v>0</v>
      </c>
      <c r="BT33" s="256">
        <v>0</v>
      </c>
      <c r="BU33" s="257">
        <v>0</v>
      </c>
      <c r="BV33" s="257">
        <v>0</v>
      </c>
      <c r="BW33" s="257">
        <v>0</v>
      </c>
      <c r="BX33" s="257">
        <v>0</v>
      </c>
      <c r="BY33" s="257">
        <v>0</v>
      </c>
      <c r="BZ33" s="254">
        <v>0</v>
      </c>
      <c r="CA33" s="259">
        <v>0</v>
      </c>
      <c r="CB33" s="253">
        <v>0</v>
      </c>
      <c r="CC33" s="257">
        <v>0</v>
      </c>
      <c r="CD33" s="254">
        <v>0</v>
      </c>
      <c r="CE33" s="256">
        <v>0</v>
      </c>
      <c r="CF33" s="257">
        <v>0</v>
      </c>
      <c r="CG33" s="257">
        <v>1</v>
      </c>
      <c r="CH33" s="257">
        <v>0</v>
      </c>
      <c r="CI33" s="257">
        <v>0</v>
      </c>
      <c r="CJ33" s="257">
        <v>0</v>
      </c>
      <c r="CK33" s="254">
        <v>1</v>
      </c>
      <c r="CL33" s="259">
        <v>1</v>
      </c>
      <c r="CM33" s="253">
        <v>0</v>
      </c>
      <c r="CN33" s="257">
        <v>0</v>
      </c>
      <c r="CO33" s="254">
        <v>0</v>
      </c>
      <c r="CP33" s="256">
        <v>0</v>
      </c>
      <c r="CQ33" s="257">
        <v>0</v>
      </c>
      <c r="CR33" s="257">
        <v>0</v>
      </c>
      <c r="CS33" s="257">
        <v>0</v>
      </c>
      <c r="CT33" s="257">
        <v>0</v>
      </c>
      <c r="CU33" s="257">
        <v>0</v>
      </c>
      <c r="CV33" s="254">
        <v>0</v>
      </c>
      <c r="CW33" s="259">
        <v>0</v>
      </c>
    </row>
    <row r="34" spans="2:101" ht="21" customHeight="1" x14ac:dyDescent="0.2">
      <c r="B34" s="437" t="s">
        <v>32</v>
      </c>
      <c r="C34" s="253">
        <v>0</v>
      </c>
      <c r="D34" s="254">
        <v>0</v>
      </c>
      <c r="E34" s="255">
        <v>0</v>
      </c>
      <c r="F34" s="256">
        <v>0</v>
      </c>
      <c r="G34" s="257">
        <v>0</v>
      </c>
      <c r="H34" s="257">
        <v>1</v>
      </c>
      <c r="I34" s="257">
        <v>0</v>
      </c>
      <c r="J34" s="257">
        <v>0</v>
      </c>
      <c r="K34" s="257">
        <v>0</v>
      </c>
      <c r="L34" s="258">
        <v>1</v>
      </c>
      <c r="M34" s="259">
        <v>1</v>
      </c>
      <c r="N34" s="253">
        <v>0</v>
      </c>
      <c r="O34" s="257">
        <v>0</v>
      </c>
      <c r="P34" s="254">
        <v>0</v>
      </c>
      <c r="Q34" s="256">
        <v>0</v>
      </c>
      <c r="R34" s="257">
        <v>0</v>
      </c>
      <c r="S34" s="257">
        <v>0</v>
      </c>
      <c r="T34" s="257">
        <v>0</v>
      </c>
      <c r="U34" s="257">
        <v>0</v>
      </c>
      <c r="V34" s="257">
        <v>0</v>
      </c>
      <c r="W34" s="254">
        <v>0</v>
      </c>
      <c r="X34" s="259">
        <v>0</v>
      </c>
      <c r="Y34" s="253">
        <v>0</v>
      </c>
      <c r="Z34" s="257">
        <v>0</v>
      </c>
      <c r="AA34" s="254">
        <v>0</v>
      </c>
      <c r="AB34" s="256">
        <v>0</v>
      </c>
      <c r="AC34" s="257">
        <v>3</v>
      </c>
      <c r="AD34" s="257">
        <v>5</v>
      </c>
      <c r="AE34" s="257">
        <v>0</v>
      </c>
      <c r="AF34" s="257">
        <v>0</v>
      </c>
      <c r="AG34" s="257">
        <v>1</v>
      </c>
      <c r="AH34" s="254">
        <v>9</v>
      </c>
      <c r="AI34" s="259">
        <v>9</v>
      </c>
      <c r="AJ34" s="253">
        <v>0</v>
      </c>
      <c r="AK34" s="257">
        <v>0</v>
      </c>
      <c r="AL34" s="254">
        <v>0</v>
      </c>
      <c r="AM34" s="256">
        <v>0</v>
      </c>
      <c r="AN34" s="257">
        <v>0</v>
      </c>
      <c r="AO34" s="257">
        <v>0</v>
      </c>
      <c r="AP34" s="257">
        <v>0</v>
      </c>
      <c r="AQ34" s="257">
        <v>0</v>
      </c>
      <c r="AR34" s="257">
        <v>0</v>
      </c>
      <c r="AS34" s="254">
        <v>0</v>
      </c>
      <c r="AT34" s="259">
        <v>0</v>
      </c>
      <c r="AU34" s="253">
        <v>0</v>
      </c>
      <c r="AV34" s="257">
        <v>0</v>
      </c>
      <c r="AW34" s="254">
        <v>0</v>
      </c>
      <c r="AX34" s="256">
        <v>0</v>
      </c>
      <c r="AY34" s="257">
        <v>0</v>
      </c>
      <c r="AZ34" s="257">
        <v>0</v>
      </c>
      <c r="BA34" s="257">
        <v>0</v>
      </c>
      <c r="BB34" s="257">
        <v>0</v>
      </c>
      <c r="BC34" s="257">
        <v>0</v>
      </c>
      <c r="BD34" s="254">
        <v>0</v>
      </c>
      <c r="BE34" s="259">
        <v>0</v>
      </c>
      <c r="BF34" s="253">
        <v>0</v>
      </c>
      <c r="BG34" s="257">
        <v>0</v>
      </c>
      <c r="BH34" s="254">
        <v>0</v>
      </c>
      <c r="BI34" s="256">
        <v>0</v>
      </c>
      <c r="BJ34" s="257">
        <v>0</v>
      </c>
      <c r="BK34" s="257">
        <v>0</v>
      </c>
      <c r="BL34" s="257">
        <v>1</v>
      </c>
      <c r="BM34" s="257">
        <v>0</v>
      </c>
      <c r="BN34" s="257">
        <v>0</v>
      </c>
      <c r="BO34" s="258">
        <v>1</v>
      </c>
      <c r="BP34" s="259">
        <v>1</v>
      </c>
      <c r="BQ34" s="253">
        <v>0</v>
      </c>
      <c r="BR34" s="257">
        <v>0</v>
      </c>
      <c r="BS34" s="254">
        <v>0</v>
      </c>
      <c r="BT34" s="256">
        <v>0</v>
      </c>
      <c r="BU34" s="257">
        <v>0</v>
      </c>
      <c r="BV34" s="257">
        <v>0</v>
      </c>
      <c r="BW34" s="257">
        <v>0</v>
      </c>
      <c r="BX34" s="257">
        <v>0</v>
      </c>
      <c r="BY34" s="257">
        <v>0</v>
      </c>
      <c r="BZ34" s="254">
        <v>0</v>
      </c>
      <c r="CA34" s="259">
        <v>0</v>
      </c>
      <c r="CB34" s="253">
        <v>0</v>
      </c>
      <c r="CC34" s="257">
        <v>0</v>
      </c>
      <c r="CD34" s="254">
        <v>0</v>
      </c>
      <c r="CE34" s="256">
        <v>0</v>
      </c>
      <c r="CF34" s="257">
        <v>0</v>
      </c>
      <c r="CG34" s="257">
        <v>0</v>
      </c>
      <c r="CH34" s="257">
        <v>1</v>
      </c>
      <c r="CI34" s="257">
        <v>1</v>
      </c>
      <c r="CJ34" s="257">
        <v>0</v>
      </c>
      <c r="CK34" s="254">
        <v>2</v>
      </c>
      <c r="CL34" s="259">
        <v>2</v>
      </c>
      <c r="CM34" s="253">
        <v>0</v>
      </c>
      <c r="CN34" s="257">
        <v>0</v>
      </c>
      <c r="CO34" s="254">
        <v>0</v>
      </c>
      <c r="CP34" s="256">
        <v>0</v>
      </c>
      <c r="CQ34" s="257">
        <v>0</v>
      </c>
      <c r="CR34" s="257">
        <v>0</v>
      </c>
      <c r="CS34" s="257">
        <v>0</v>
      </c>
      <c r="CT34" s="257">
        <v>0</v>
      </c>
      <c r="CU34" s="257">
        <v>0</v>
      </c>
      <c r="CV34" s="254">
        <v>0</v>
      </c>
      <c r="CW34" s="259">
        <v>0</v>
      </c>
    </row>
    <row r="35" spans="2:101" ht="21" customHeight="1" x14ac:dyDescent="0.2">
      <c r="B35" s="437" t="s">
        <v>33</v>
      </c>
      <c r="C35" s="253">
        <v>0</v>
      </c>
      <c r="D35" s="254">
        <v>0</v>
      </c>
      <c r="E35" s="255">
        <v>0</v>
      </c>
      <c r="F35" s="256">
        <v>0</v>
      </c>
      <c r="G35" s="257">
        <v>0</v>
      </c>
      <c r="H35" s="257">
        <v>0</v>
      </c>
      <c r="I35" s="257">
        <v>0</v>
      </c>
      <c r="J35" s="257">
        <v>0</v>
      </c>
      <c r="K35" s="257">
        <v>0</v>
      </c>
      <c r="L35" s="258">
        <v>0</v>
      </c>
      <c r="M35" s="259">
        <v>0</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1</v>
      </c>
      <c r="AD35" s="257">
        <v>0</v>
      </c>
      <c r="AE35" s="257">
        <v>0</v>
      </c>
      <c r="AF35" s="257">
        <v>0</v>
      </c>
      <c r="AG35" s="257">
        <v>0</v>
      </c>
      <c r="AH35" s="254">
        <v>1</v>
      </c>
      <c r="AI35" s="259">
        <v>1</v>
      </c>
      <c r="AJ35" s="253">
        <v>0</v>
      </c>
      <c r="AK35" s="257">
        <v>0</v>
      </c>
      <c r="AL35" s="254">
        <v>0</v>
      </c>
      <c r="AM35" s="256">
        <v>0</v>
      </c>
      <c r="AN35" s="257">
        <v>0</v>
      </c>
      <c r="AO35" s="257">
        <v>0</v>
      </c>
      <c r="AP35" s="257">
        <v>0</v>
      </c>
      <c r="AQ35" s="257">
        <v>0</v>
      </c>
      <c r="AR35" s="257">
        <v>0</v>
      </c>
      <c r="AS35" s="254">
        <v>0</v>
      </c>
      <c r="AT35" s="259">
        <v>0</v>
      </c>
      <c r="AU35" s="253">
        <v>0</v>
      </c>
      <c r="AV35" s="257">
        <v>0</v>
      </c>
      <c r="AW35" s="254">
        <v>0</v>
      </c>
      <c r="AX35" s="256">
        <v>0</v>
      </c>
      <c r="AY35" s="257">
        <v>0</v>
      </c>
      <c r="AZ35" s="257">
        <v>0</v>
      </c>
      <c r="BA35" s="257">
        <v>0</v>
      </c>
      <c r="BB35" s="257">
        <v>0</v>
      </c>
      <c r="BC35" s="257">
        <v>0</v>
      </c>
      <c r="BD35" s="254">
        <v>0</v>
      </c>
      <c r="BE35" s="259">
        <v>0</v>
      </c>
      <c r="BF35" s="253">
        <v>0</v>
      </c>
      <c r="BG35" s="257">
        <v>0</v>
      </c>
      <c r="BH35" s="254">
        <v>0</v>
      </c>
      <c r="BI35" s="256">
        <v>0</v>
      </c>
      <c r="BJ35" s="257">
        <v>0</v>
      </c>
      <c r="BK35" s="257">
        <v>0</v>
      </c>
      <c r="BL35" s="257">
        <v>0</v>
      </c>
      <c r="BM35" s="257">
        <v>0</v>
      </c>
      <c r="BN35" s="257">
        <v>0</v>
      </c>
      <c r="BO35" s="258">
        <v>0</v>
      </c>
      <c r="BP35" s="259">
        <v>0</v>
      </c>
      <c r="BQ35" s="253">
        <v>0</v>
      </c>
      <c r="BR35" s="257">
        <v>0</v>
      </c>
      <c r="BS35" s="254">
        <v>0</v>
      </c>
      <c r="BT35" s="256">
        <v>0</v>
      </c>
      <c r="BU35" s="257">
        <v>0</v>
      </c>
      <c r="BV35" s="257">
        <v>0</v>
      </c>
      <c r="BW35" s="257">
        <v>0</v>
      </c>
      <c r="BX35" s="257">
        <v>0</v>
      </c>
      <c r="BY35" s="257">
        <v>0</v>
      </c>
      <c r="BZ35" s="254">
        <v>0</v>
      </c>
      <c r="CA35" s="259">
        <v>0</v>
      </c>
      <c r="CB35" s="253">
        <v>0</v>
      </c>
      <c r="CC35" s="257">
        <v>0</v>
      </c>
      <c r="CD35" s="254">
        <v>0</v>
      </c>
      <c r="CE35" s="256">
        <v>0</v>
      </c>
      <c r="CF35" s="257">
        <v>0</v>
      </c>
      <c r="CG35" s="257">
        <v>0</v>
      </c>
      <c r="CH35" s="257">
        <v>0</v>
      </c>
      <c r="CI35" s="257">
        <v>0</v>
      </c>
      <c r="CJ35" s="257">
        <v>0</v>
      </c>
      <c r="CK35" s="254">
        <v>0</v>
      </c>
      <c r="CL35" s="259">
        <v>0</v>
      </c>
      <c r="CM35" s="253">
        <v>0</v>
      </c>
      <c r="CN35" s="257">
        <v>0</v>
      </c>
      <c r="CO35" s="254">
        <v>0</v>
      </c>
      <c r="CP35" s="256">
        <v>0</v>
      </c>
      <c r="CQ35" s="257">
        <v>0</v>
      </c>
      <c r="CR35" s="257">
        <v>0</v>
      </c>
      <c r="CS35" s="257">
        <v>1</v>
      </c>
      <c r="CT35" s="257">
        <v>0</v>
      </c>
      <c r="CU35" s="257">
        <v>0</v>
      </c>
      <c r="CV35" s="254">
        <v>1</v>
      </c>
      <c r="CW35" s="259">
        <v>1</v>
      </c>
    </row>
    <row r="36" spans="2:101" ht="21" customHeight="1" x14ac:dyDescent="0.2">
      <c r="B36" s="437" t="s">
        <v>34</v>
      </c>
      <c r="C36" s="253">
        <v>0</v>
      </c>
      <c r="D36" s="254">
        <v>0</v>
      </c>
      <c r="E36" s="255">
        <v>0</v>
      </c>
      <c r="F36" s="256">
        <v>0</v>
      </c>
      <c r="G36" s="257">
        <v>0</v>
      </c>
      <c r="H36" s="257">
        <v>0</v>
      </c>
      <c r="I36" s="257">
        <v>0</v>
      </c>
      <c r="J36" s="257">
        <v>0</v>
      </c>
      <c r="K36" s="257">
        <v>0</v>
      </c>
      <c r="L36" s="258">
        <v>0</v>
      </c>
      <c r="M36" s="259">
        <v>0</v>
      </c>
      <c r="N36" s="253">
        <v>0</v>
      </c>
      <c r="O36" s="257">
        <v>0</v>
      </c>
      <c r="P36" s="254">
        <v>0</v>
      </c>
      <c r="Q36" s="256">
        <v>0</v>
      </c>
      <c r="R36" s="257">
        <v>0</v>
      </c>
      <c r="S36" s="257">
        <v>0</v>
      </c>
      <c r="T36" s="257">
        <v>0</v>
      </c>
      <c r="U36" s="257">
        <v>0</v>
      </c>
      <c r="V36" s="257">
        <v>0</v>
      </c>
      <c r="W36" s="254">
        <v>0</v>
      </c>
      <c r="X36" s="259">
        <v>0</v>
      </c>
      <c r="Y36" s="253">
        <v>0</v>
      </c>
      <c r="Z36" s="257">
        <v>0</v>
      </c>
      <c r="AA36" s="254">
        <v>0</v>
      </c>
      <c r="AB36" s="256">
        <v>0</v>
      </c>
      <c r="AC36" s="257">
        <v>1</v>
      </c>
      <c r="AD36" s="257">
        <v>1</v>
      </c>
      <c r="AE36" s="257">
        <v>0</v>
      </c>
      <c r="AF36" s="257">
        <v>0</v>
      </c>
      <c r="AG36" s="257">
        <v>0</v>
      </c>
      <c r="AH36" s="254">
        <v>2</v>
      </c>
      <c r="AI36" s="259">
        <v>2</v>
      </c>
      <c r="AJ36" s="253">
        <v>0</v>
      </c>
      <c r="AK36" s="257">
        <v>0</v>
      </c>
      <c r="AL36" s="254">
        <v>0</v>
      </c>
      <c r="AM36" s="256">
        <v>0</v>
      </c>
      <c r="AN36" s="257">
        <v>0</v>
      </c>
      <c r="AO36" s="257">
        <v>0</v>
      </c>
      <c r="AP36" s="257">
        <v>0</v>
      </c>
      <c r="AQ36" s="257">
        <v>0</v>
      </c>
      <c r="AR36" s="257">
        <v>0</v>
      </c>
      <c r="AS36" s="254">
        <v>0</v>
      </c>
      <c r="AT36" s="259">
        <v>0</v>
      </c>
      <c r="AU36" s="253">
        <v>0</v>
      </c>
      <c r="AV36" s="257">
        <v>0</v>
      </c>
      <c r="AW36" s="254">
        <v>0</v>
      </c>
      <c r="AX36" s="256">
        <v>0</v>
      </c>
      <c r="AY36" s="257">
        <v>0</v>
      </c>
      <c r="AZ36" s="257">
        <v>1</v>
      </c>
      <c r="BA36" s="257">
        <v>1</v>
      </c>
      <c r="BB36" s="257">
        <v>0</v>
      </c>
      <c r="BC36" s="257">
        <v>0</v>
      </c>
      <c r="BD36" s="254">
        <v>2</v>
      </c>
      <c r="BE36" s="259">
        <v>2</v>
      </c>
      <c r="BF36" s="253">
        <v>0</v>
      </c>
      <c r="BG36" s="257">
        <v>0</v>
      </c>
      <c r="BH36" s="254">
        <v>0</v>
      </c>
      <c r="BI36" s="256">
        <v>0</v>
      </c>
      <c r="BJ36" s="257">
        <v>0</v>
      </c>
      <c r="BK36" s="257">
        <v>0</v>
      </c>
      <c r="BL36" s="257">
        <v>0</v>
      </c>
      <c r="BM36" s="257">
        <v>0</v>
      </c>
      <c r="BN36" s="257">
        <v>0</v>
      </c>
      <c r="BO36" s="258">
        <v>0</v>
      </c>
      <c r="BP36" s="259">
        <v>0</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0</v>
      </c>
      <c r="CR36" s="257">
        <v>0</v>
      </c>
      <c r="CS36" s="257">
        <v>1</v>
      </c>
      <c r="CT36" s="257">
        <v>0</v>
      </c>
      <c r="CU36" s="257">
        <v>0</v>
      </c>
      <c r="CV36" s="254">
        <v>1</v>
      </c>
      <c r="CW36" s="259">
        <v>1</v>
      </c>
    </row>
    <row r="37" spans="2:101" ht="21" customHeight="1" x14ac:dyDescent="0.2">
      <c r="B37" s="437" t="s">
        <v>35</v>
      </c>
      <c r="C37" s="253">
        <v>0</v>
      </c>
      <c r="D37" s="254">
        <v>0</v>
      </c>
      <c r="E37" s="255">
        <v>0</v>
      </c>
      <c r="F37" s="256">
        <v>0</v>
      </c>
      <c r="G37" s="257">
        <v>0</v>
      </c>
      <c r="H37" s="257">
        <v>0</v>
      </c>
      <c r="I37" s="257">
        <v>1</v>
      </c>
      <c r="J37" s="257">
        <v>0</v>
      </c>
      <c r="K37" s="257">
        <v>0</v>
      </c>
      <c r="L37" s="258">
        <v>1</v>
      </c>
      <c r="M37" s="259">
        <v>1</v>
      </c>
      <c r="N37" s="253">
        <v>0</v>
      </c>
      <c r="O37" s="257">
        <v>0</v>
      </c>
      <c r="P37" s="254">
        <v>0</v>
      </c>
      <c r="Q37" s="256">
        <v>0</v>
      </c>
      <c r="R37" s="257">
        <v>0</v>
      </c>
      <c r="S37" s="257">
        <v>0</v>
      </c>
      <c r="T37" s="257">
        <v>0</v>
      </c>
      <c r="U37" s="257">
        <v>0</v>
      </c>
      <c r="V37" s="257">
        <v>0</v>
      </c>
      <c r="W37" s="254">
        <v>0</v>
      </c>
      <c r="X37" s="259">
        <v>0</v>
      </c>
      <c r="Y37" s="253">
        <v>0</v>
      </c>
      <c r="Z37" s="257">
        <v>0</v>
      </c>
      <c r="AA37" s="254">
        <v>0</v>
      </c>
      <c r="AB37" s="256">
        <v>0</v>
      </c>
      <c r="AC37" s="257">
        <v>0</v>
      </c>
      <c r="AD37" s="257">
        <v>1</v>
      </c>
      <c r="AE37" s="257">
        <v>0</v>
      </c>
      <c r="AF37" s="257">
        <v>0</v>
      </c>
      <c r="AG37" s="257">
        <v>0</v>
      </c>
      <c r="AH37" s="254">
        <v>1</v>
      </c>
      <c r="AI37" s="259">
        <v>1</v>
      </c>
      <c r="AJ37" s="253">
        <v>0</v>
      </c>
      <c r="AK37" s="257">
        <v>0</v>
      </c>
      <c r="AL37" s="254">
        <v>0</v>
      </c>
      <c r="AM37" s="256">
        <v>0</v>
      </c>
      <c r="AN37" s="257">
        <v>0</v>
      </c>
      <c r="AO37" s="257">
        <v>0</v>
      </c>
      <c r="AP37" s="257">
        <v>0</v>
      </c>
      <c r="AQ37" s="257">
        <v>0</v>
      </c>
      <c r="AR37" s="257">
        <v>0</v>
      </c>
      <c r="AS37" s="254">
        <v>0</v>
      </c>
      <c r="AT37" s="259">
        <v>0</v>
      </c>
      <c r="AU37" s="253">
        <v>0</v>
      </c>
      <c r="AV37" s="257">
        <v>0</v>
      </c>
      <c r="AW37" s="254">
        <v>0</v>
      </c>
      <c r="AX37" s="256">
        <v>0</v>
      </c>
      <c r="AY37" s="257">
        <v>0</v>
      </c>
      <c r="AZ37" s="257">
        <v>2</v>
      </c>
      <c r="BA37" s="257">
        <v>0</v>
      </c>
      <c r="BB37" s="257">
        <v>0</v>
      </c>
      <c r="BC37" s="257">
        <v>0</v>
      </c>
      <c r="BD37" s="254">
        <v>2</v>
      </c>
      <c r="BE37" s="259">
        <v>2</v>
      </c>
      <c r="BF37" s="253">
        <v>0</v>
      </c>
      <c r="BG37" s="257">
        <v>0</v>
      </c>
      <c r="BH37" s="254">
        <v>0</v>
      </c>
      <c r="BI37" s="256">
        <v>0</v>
      </c>
      <c r="BJ37" s="257">
        <v>0</v>
      </c>
      <c r="BK37" s="257">
        <v>1</v>
      </c>
      <c r="BL37" s="257">
        <v>0</v>
      </c>
      <c r="BM37" s="257">
        <v>0</v>
      </c>
      <c r="BN37" s="257">
        <v>0</v>
      </c>
      <c r="BO37" s="258">
        <v>1</v>
      </c>
      <c r="BP37" s="259">
        <v>1</v>
      </c>
      <c r="BQ37" s="253">
        <v>0</v>
      </c>
      <c r="BR37" s="257">
        <v>0</v>
      </c>
      <c r="BS37" s="254">
        <v>0</v>
      </c>
      <c r="BT37" s="256">
        <v>0</v>
      </c>
      <c r="BU37" s="257">
        <v>0</v>
      </c>
      <c r="BV37" s="257">
        <v>0</v>
      </c>
      <c r="BW37" s="257">
        <v>0</v>
      </c>
      <c r="BX37" s="257">
        <v>0</v>
      </c>
      <c r="BY37" s="257">
        <v>0</v>
      </c>
      <c r="BZ37" s="254">
        <v>0</v>
      </c>
      <c r="CA37" s="259">
        <v>0</v>
      </c>
      <c r="CB37" s="253">
        <v>0</v>
      </c>
      <c r="CC37" s="257">
        <v>0</v>
      </c>
      <c r="CD37" s="254">
        <v>0</v>
      </c>
      <c r="CE37" s="256">
        <v>0</v>
      </c>
      <c r="CF37" s="257">
        <v>0</v>
      </c>
      <c r="CG37" s="257">
        <v>0</v>
      </c>
      <c r="CH37" s="257">
        <v>0</v>
      </c>
      <c r="CI37" s="257">
        <v>0</v>
      </c>
      <c r="CJ37" s="257">
        <v>0</v>
      </c>
      <c r="CK37" s="254">
        <v>0</v>
      </c>
      <c r="CL37" s="259">
        <v>0</v>
      </c>
      <c r="CM37" s="253">
        <v>0</v>
      </c>
      <c r="CN37" s="257">
        <v>0</v>
      </c>
      <c r="CO37" s="254">
        <v>0</v>
      </c>
      <c r="CP37" s="256">
        <v>0</v>
      </c>
      <c r="CQ37" s="257">
        <v>0</v>
      </c>
      <c r="CR37" s="257">
        <v>0</v>
      </c>
      <c r="CS37" s="257">
        <v>0</v>
      </c>
      <c r="CT37" s="257">
        <v>0</v>
      </c>
      <c r="CU37" s="257">
        <v>0</v>
      </c>
      <c r="CV37" s="254">
        <v>0</v>
      </c>
      <c r="CW37" s="259">
        <v>0</v>
      </c>
    </row>
    <row r="38" spans="2:101" ht="21" customHeight="1" x14ac:dyDescent="0.2">
      <c r="B38" s="437" t="s">
        <v>36</v>
      </c>
      <c r="C38" s="253">
        <v>0</v>
      </c>
      <c r="D38" s="254">
        <v>0</v>
      </c>
      <c r="E38" s="255">
        <v>0</v>
      </c>
      <c r="F38" s="256">
        <v>0</v>
      </c>
      <c r="G38" s="257">
        <v>0</v>
      </c>
      <c r="H38" s="257">
        <v>0</v>
      </c>
      <c r="I38" s="257">
        <v>0</v>
      </c>
      <c r="J38" s="257">
        <v>0</v>
      </c>
      <c r="K38" s="257">
        <v>0</v>
      </c>
      <c r="L38" s="258">
        <v>0</v>
      </c>
      <c r="M38" s="259">
        <v>0</v>
      </c>
      <c r="N38" s="253">
        <v>0</v>
      </c>
      <c r="O38" s="257">
        <v>0</v>
      </c>
      <c r="P38" s="254">
        <v>0</v>
      </c>
      <c r="Q38" s="256">
        <v>0</v>
      </c>
      <c r="R38" s="257">
        <v>0</v>
      </c>
      <c r="S38" s="257">
        <v>0</v>
      </c>
      <c r="T38" s="257">
        <v>0</v>
      </c>
      <c r="U38" s="257">
        <v>0</v>
      </c>
      <c r="V38" s="257">
        <v>0</v>
      </c>
      <c r="W38" s="254">
        <v>0</v>
      </c>
      <c r="X38" s="259">
        <v>0</v>
      </c>
      <c r="Y38" s="253">
        <v>0</v>
      </c>
      <c r="Z38" s="257">
        <v>0</v>
      </c>
      <c r="AA38" s="254">
        <v>0</v>
      </c>
      <c r="AB38" s="256">
        <v>0</v>
      </c>
      <c r="AC38" s="257">
        <v>2</v>
      </c>
      <c r="AD38" s="257">
        <v>1</v>
      </c>
      <c r="AE38" s="257">
        <v>0</v>
      </c>
      <c r="AF38" s="257">
        <v>1</v>
      </c>
      <c r="AG38" s="257">
        <v>0</v>
      </c>
      <c r="AH38" s="254">
        <v>4</v>
      </c>
      <c r="AI38" s="259">
        <v>4</v>
      </c>
      <c r="AJ38" s="253">
        <v>0</v>
      </c>
      <c r="AK38" s="257">
        <v>0</v>
      </c>
      <c r="AL38" s="254">
        <v>0</v>
      </c>
      <c r="AM38" s="256">
        <v>0</v>
      </c>
      <c r="AN38" s="257">
        <v>0</v>
      </c>
      <c r="AO38" s="257">
        <v>0</v>
      </c>
      <c r="AP38" s="257">
        <v>0</v>
      </c>
      <c r="AQ38" s="257">
        <v>0</v>
      </c>
      <c r="AR38" s="257">
        <v>0</v>
      </c>
      <c r="AS38" s="254">
        <v>0</v>
      </c>
      <c r="AT38" s="259">
        <v>0</v>
      </c>
      <c r="AU38" s="253">
        <v>0</v>
      </c>
      <c r="AV38" s="257">
        <v>0</v>
      </c>
      <c r="AW38" s="254">
        <v>0</v>
      </c>
      <c r="AX38" s="256">
        <v>0</v>
      </c>
      <c r="AY38" s="257">
        <v>0</v>
      </c>
      <c r="AZ38" s="257">
        <v>0</v>
      </c>
      <c r="BA38" s="257">
        <v>0</v>
      </c>
      <c r="BB38" s="257">
        <v>0</v>
      </c>
      <c r="BC38" s="257">
        <v>0</v>
      </c>
      <c r="BD38" s="254">
        <v>0</v>
      </c>
      <c r="BE38" s="259">
        <v>0</v>
      </c>
      <c r="BF38" s="253">
        <v>0</v>
      </c>
      <c r="BG38" s="257">
        <v>0</v>
      </c>
      <c r="BH38" s="254">
        <v>0</v>
      </c>
      <c r="BI38" s="256">
        <v>0</v>
      </c>
      <c r="BJ38" s="257">
        <v>0</v>
      </c>
      <c r="BK38" s="257">
        <v>0</v>
      </c>
      <c r="BL38" s="257">
        <v>0</v>
      </c>
      <c r="BM38" s="257">
        <v>1</v>
      </c>
      <c r="BN38" s="257">
        <v>0</v>
      </c>
      <c r="BO38" s="258">
        <v>1</v>
      </c>
      <c r="BP38" s="259">
        <v>1</v>
      </c>
      <c r="BQ38" s="253">
        <v>0</v>
      </c>
      <c r="BR38" s="257">
        <v>0</v>
      </c>
      <c r="BS38" s="254">
        <v>0</v>
      </c>
      <c r="BT38" s="256">
        <v>0</v>
      </c>
      <c r="BU38" s="257">
        <v>0</v>
      </c>
      <c r="BV38" s="257">
        <v>0</v>
      </c>
      <c r="BW38" s="257">
        <v>0</v>
      </c>
      <c r="BX38" s="257">
        <v>0</v>
      </c>
      <c r="BY38" s="257">
        <v>0</v>
      </c>
      <c r="BZ38" s="254">
        <v>0</v>
      </c>
      <c r="CA38" s="259">
        <v>0</v>
      </c>
      <c r="CB38" s="253">
        <v>0</v>
      </c>
      <c r="CC38" s="257">
        <v>0</v>
      </c>
      <c r="CD38" s="254">
        <v>0</v>
      </c>
      <c r="CE38" s="256">
        <v>0</v>
      </c>
      <c r="CF38" s="257">
        <v>0</v>
      </c>
      <c r="CG38" s="257">
        <v>0</v>
      </c>
      <c r="CH38" s="257">
        <v>0</v>
      </c>
      <c r="CI38" s="257">
        <v>0</v>
      </c>
      <c r="CJ38" s="257">
        <v>0</v>
      </c>
      <c r="CK38" s="254">
        <v>0</v>
      </c>
      <c r="CL38" s="259">
        <v>0</v>
      </c>
      <c r="CM38" s="253">
        <v>0</v>
      </c>
      <c r="CN38" s="257">
        <v>0</v>
      </c>
      <c r="CO38" s="254">
        <v>0</v>
      </c>
      <c r="CP38" s="256">
        <v>0</v>
      </c>
      <c r="CQ38" s="257">
        <v>0</v>
      </c>
      <c r="CR38" s="257">
        <v>0</v>
      </c>
      <c r="CS38" s="257">
        <v>0</v>
      </c>
      <c r="CT38" s="257">
        <v>0</v>
      </c>
      <c r="CU38" s="257">
        <v>0</v>
      </c>
      <c r="CV38" s="254">
        <v>0</v>
      </c>
      <c r="CW38" s="259">
        <v>0</v>
      </c>
    </row>
    <row r="39" spans="2:101" ht="21" customHeight="1" thickBot="1" x14ac:dyDescent="0.25">
      <c r="B39" s="438" t="s">
        <v>37</v>
      </c>
      <c r="C39" s="260">
        <v>0</v>
      </c>
      <c r="D39" s="261">
        <v>0</v>
      </c>
      <c r="E39" s="262">
        <v>0</v>
      </c>
      <c r="F39" s="263">
        <v>0</v>
      </c>
      <c r="G39" s="264">
        <v>0</v>
      </c>
      <c r="H39" s="264">
        <v>0</v>
      </c>
      <c r="I39" s="264">
        <v>0</v>
      </c>
      <c r="J39" s="264">
        <v>0</v>
      </c>
      <c r="K39" s="264">
        <v>0</v>
      </c>
      <c r="L39" s="265">
        <v>0</v>
      </c>
      <c r="M39" s="266">
        <v>0</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0</v>
      </c>
      <c r="AG39" s="264">
        <v>0</v>
      </c>
      <c r="AH39" s="261">
        <v>0</v>
      </c>
      <c r="AI39" s="266">
        <v>0</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0</v>
      </c>
      <c r="BA39" s="264">
        <v>0</v>
      </c>
      <c r="BB39" s="264">
        <v>0</v>
      </c>
      <c r="BC39" s="264">
        <v>0</v>
      </c>
      <c r="BD39" s="261">
        <v>0</v>
      </c>
      <c r="BE39" s="266">
        <v>0</v>
      </c>
      <c r="BF39" s="260">
        <v>0</v>
      </c>
      <c r="BG39" s="264">
        <v>0</v>
      </c>
      <c r="BH39" s="261">
        <v>0</v>
      </c>
      <c r="BI39" s="263">
        <v>0</v>
      </c>
      <c r="BJ39" s="264">
        <v>0</v>
      </c>
      <c r="BK39" s="264">
        <v>0</v>
      </c>
      <c r="BL39" s="264">
        <v>0</v>
      </c>
      <c r="BM39" s="264">
        <v>0</v>
      </c>
      <c r="BN39" s="264">
        <v>0</v>
      </c>
      <c r="BO39" s="265">
        <v>0</v>
      </c>
      <c r="BP39" s="266">
        <v>0</v>
      </c>
      <c r="BQ39" s="260">
        <v>0</v>
      </c>
      <c r="BR39" s="264">
        <v>0</v>
      </c>
      <c r="BS39" s="261">
        <v>0</v>
      </c>
      <c r="BT39" s="263">
        <v>0</v>
      </c>
      <c r="BU39" s="264">
        <v>0</v>
      </c>
      <c r="BV39" s="264">
        <v>0</v>
      </c>
      <c r="BW39" s="264">
        <v>0</v>
      </c>
      <c r="BX39" s="264">
        <v>0</v>
      </c>
      <c r="BY39" s="264">
        <v>0</v>
      </c>
      <c r="BZ39" s="261">
        <v>0</v>
      </c>
      <c r="CA39" s="266">
        <v>0</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0</v>
      </c>
      <c r="CV39" s="261">
        <v>0</v>
      </c>
      <c r="CW39" s="266">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33203125" style="238" customWidth="1"/>
    <col min="6" max="6" width="7.6640625" style="238" customWidth="1"/>
    <col min="7" max="7" width="8.44140625" style="238" customWidth="1"/>
    <col min="8" max="8" width="8.77734375" style="238" customWidth="1"/>
    <col min="9" max="16" width="9" style="238"/>
    <col min="17" max="17" width="7.21875" style="238" customWidth="1"/>
    <col min="18" max="27" width="9" style="238"/>
    <col min="28" max="28" width="7.6640625" style="238" customWidth="1"/>
    <col min="29" max="38" width="9" style="238"/>
    <col min="39" max="39" width="7.6640625" style="238" customWidth="1"/>
    <col min="40" max="49" width="9" style="238"/>
    <col min="50" max="50" width="7.6640625" style="238" customWidth="1"/>
    <col min="51" max="60" width="9" style="238"/>
    <col min="61" max="61" width="7.21875" style="238" customWidth="1"/>
    <col min="62" max="71" width="9" style="238"/>
    <col min="72" max="72" width="7.21875" style="238" customWidth="1"/>
    <col min="73" max="82" width="9" style="238"/>
    <col min="83" max="83" width="7.33203125" style="238" customWidth="1"/>
    <col min="84" max="93" width="9" style="238"/>
    <col min="94" max="94" width="7.44140625" style="238" customWidth="1"/>
    <col min="95" max="16384" width="9" style="238"/>
  </cols>
  <sheetData>
    <row r="1" spans="1:101" ht="24" customHeight="1" x14ac:dyDescent="0.2">
      <c r="B1" s="267" t="s">
        <v>123</v>
      </c>
      <c r="I1" s="495">
        <f>第１表!F2</f>
        <v>6</v>
      </c>
      <c r="J1" s="495"/>
      <c r="K1" s="231">
        <f>第１表!G2</f>
        <v>2</v>
      </c>
      <c r="L1" s="499">
        <f>IF(K1&lt;3,K1+12-2,K1-2)</f>
        <v>12</v>
      </c>
      <c r="M1" s="499"/>
    </row>
    <row r="2" spans="1:101" s="268" customFormat="1" ht="24" customHeight="1" thickBot="1" x14ac:dyDescent="0.25">
      <c r="A2" s="39"/>
      <c r="B2" s="267" t="s">
        <v>153</v>
      </c>
    </row>
    <row r="3" spans="1:101" ht="21" customHeight="1" thickBot="1" x14ac:dyDescent="0.25">
      <c r="B3" s="512"/>
      <c r="C3" s="503" t="s">
        <v>94</v>
      </c>
      <c r="D3" s="504"/>
      <c r="E3" s="504"/>
      <c r="F3" s="504"/>
      <c r="G3" s="504"/>
      <c r="H3" s="504"/>
      <c r="I3" s="504"/>
      <c r="J3" s="504"/>
      <c r="K3" s="504"/>
      <c r="L3" s="504"/>
      <c r="M3" s="505"/>
      <c r="N3" s="503" t="s">
        <v>88</v>
      </c>
      <c r="O3" s="504"/>
      <c r="P3" s="504"/>
      <c r="Q3" s="504"/>
      <c r="R3" s="504"/>
      <c r="S3" s="504"/>
      <c r="T3" s="504"/>
      <c r="U3" s="504"/>
      <c r="V3" s="504"/>
      <c r="W3" s="504"/>
      <c r="X3" s="505"/>
      <c r="Y3" s="503" t="s">
        <v>140</v>
      </c>
      <c r="Z3" s="504"/>
      <c r="AA3" s="504"/>
      <c r="AB3" s="504"/>
      <c r="AC3" s="504"/>
      <c r="AD3" s="504"/>
      <c r="AE3" s="504"/>
      <c r="AF3" s="504"/>
      <c r="AG3" s="504"/>
      <c r="AH3" s="504"/>
      <c r="AI3" s="505"/>
      <c r="AJ3" s="503" t="s">
        <v>90</v>
      </c>
      <c r="AK3" s="504"/>
      <c r="AL3" s="504"/>
      <c r="AM3" s="504"/>
      <c r="AN3" s="504"/>
      <c r="AO3" s="504"/>
      <c r="AP3" s="504"/>
      <c r="AQ3" s="504"/>
      <c r="AR3" s="504"/>
      <c r="AS3" s="504"/>
      <c r="AT3" s="505"/>
      <c r="AU3" s="516" t="s">
        <v>89</v>
      </c>
      <c r="AV3" s="517"/>
      <c r="AW3" s="517"/>
      <c r="AX3" s="517"/>
      <c r="AY3" s="517"/>
      <c r="AZ3" s="517"/>
      <c r="BA3" s="517"/>
      <c r="BB3" s="517"/>
      <c r="BC3" s="517"/>
      <c r="BD3" s="517"/>
      <c r="BE3" s="518"/>
      <c r="BF3" s="516" t="s">
        <v>91</v>
      </c>
      <c r="BG3" s="517"/>
      <c r="BH3" s="517"/>
      <c r="BI3" s="517"/>
      <c r="BJ3" s="517"/>
      <c r="BK3" s="517"/>
      <c r="BL3" s="517"/>
      <c r="BM3" s="517"/>
      <c r="BN3" s="517"/>
      <c r="BO3" s="517"/>
      <c r="BP3" s="518"/>
      <c r="BQ3" s="516" t="s">
        <v>92</v>
      </c>
      <c r="BR3" s="517"/>
      <c r="BS3" s="517"/>
      <c r="BT3" s="517"/>
      <c r="BU3" s="517"/>
      <c r="BV3" s="517"/>
      <c r="BW3" s="517"/>
      <c r="BX3" s="517"/>
      <c r="BY3" s="517"/>
      <c r="BZ3" s="517"/>
      <c r="CA3" s="518"/>
      <c r="CB3" s="516" t="s">
        <v>93</v>
      </c>
      <c r="CC3" s="517"/>
      <c r="CD3" s="517"/>
      <c r="CE3" s="517"/>
      <c r="CF3" s="517"/>
      <c r="CG3" s="517"/>
      <c r="CH3" s="517"/>
      <c r="CI3" s="517"/>
      <c r="CJ3" s="517"/>
      <c r="CK3" s="517"/>
      <c r="CL3" s="518"/>
      <c r="CM3" s="517" t="s">
        <v>139</v>
      </c>
      <c r="CN3" s="517"/>
      <c r="CO3" s="517"/>
      <c r="CP3" s="517"/>
      <c r="CQ3" s="517"/>
      <c r="CR3" s="517"/>
      <c r="CS3" s="517"/>
      <c r="CT3" s="517"/>
      <c r="CU3" s="517"/>
      <c r="CV3" s="517"/>
      <c r="CW3" s="518"/>
    </row>
    <row r="4" spans="1:101"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34" t="s">
        <v>61</v>
      </c>
      <c r="AV4" s="532"/>
      <c r="AW4" s="533"/>
      <c r="AX4" s="531" t="s">
        <v>62</v>
      </c>
      <c r="AY4" s="532"/>
      <c r="AZ4" s="532"/>
      <c r="BA4" s="532"/>
      <c r="BB4" s="532"/>
      <c r="BC4" s="532"/>
      <c r="BD4" s="533"/>
      <c r="BE4" s="529" t="s">
        <v>52</v>
      </c>
      <c r="BF4" s="534" t="s">
        <v>61</v>
      </c>
      <c r="BG4" s="532"/>
      <c r="BH4" s="533"/>
      <c r="BI4" s="531" t="s">
        <v>62</v>
      </c>
      <c r="BJ4" s="532"/>
      <c r="BK4" s="532"/>
      <c r="BL4" s="532"/>
      <c r="BM4" s="532"/>
      <c r="BN4" s="532"/>
      <c r="BO4" s="533"/>
      <c r="BP4" s="529" t="s">
        <v>52</v>
      </c>
      <c r="BQ4" s="534" t="s">
        <v>61</v>
      </c>
      <c r="BR4" s="532"/>
      <c r="BS4" s="533"/>
      <c r="BT4" s="531" t="s">
        <v>62</v>
      </c>
      <c r="BU4" s="532"/>
      <c r="BV4" s="532"/>
      <c r="BW4" s="532"/>
      <c r="BX4" s="532"/>
      <c r="BY4" s="532"/>
      <c r="BZ4" s="533"/>
      <c r="CA4" s="529" t="s">
        <v>52</v>
      </c>
      <c r="CB4" s="534" t="s">
        <v>61</v>
      </c>
      <c r="CC4" s="532"/>
      <c r="CD4" s="533"/>
      <c r="CE4" s="531" t="s">
        <v>62</v>
      </c>
      <c r="CF4" s="532"/>
      <c r="CG4" s="532"/>
      <c r="CH4" s="532"/>
      <c r="CI4" s="532"/>
      <c r="CJ4" s="532"/>
      <c r="CK4" s="533"/>
      <c r="CL4" s="529" t="s">
        <v>52</v>
      </c>
      <c r="CM4" s="534" t="s">
        <v>61</v>
      </c>
      <c r="CN4" s="532"/>
      <c r="CO4" s="533"/>
      <c r="CP4" s="531" t="s">
        <v>62</v>
      </c>
      <c r="CQ4" s="532"/>
      <c r="CR4" s="532"/>
      <c r="CS4" s="532"/>
      <c r="CT4" s="532"/>
      <c r="CU4" s="532"/>
      <c r="CV4" s="533"/>
      <c r="CW4" s="529" t="s">
        <v>52</v>
      </c>
    </row>
    <row r="5" spans="1:101" ht="30" customHeight="1" thickBot="1" x14ac:dyDescent="0.25">
      <c r="B5" s="514"/>
      <c r="C5" s="309" t="s">
        <v>43</v>
      </c>
      <c r="D5" s="242" t="s">
        <v>44</v>
      </c>
      <c r="E5" s="243" t="s">
        <v>45</v>
      </c>
      <c r="F5" s="244" t="s">
        <v>83</v>
      </c>
      <c r="G5" s="239" t="s">
        <v>47</v>
      </c>
      <c r="H5" s="239" t="s">
        <v>48</v>
      </c>
      <c r="I5" s="239" t="s">
        <v>49</v>
      </c>
      <c r="J5" s="239" t="s">
        <v>50</v>
      </c>
      <c r="K5" s="239" t="s">
        <v>51</v>
      </c>
      <c r="L5" s="245" t="s">
        <v>45</v>
      </c>
      <c r="M5" s="510"/>
      <c r="N5" s="309" t="s">
        <v>43</v>
      </c>
      <c r="O5" s="239" t="s">
        <v>44</v>
      </c>
      <c r="P5" s="242" t="s">
        <v>45</v>
      </c>
      <c r="Q5" s="244" t="s">
        <v>83</v>
      </c>
      <c r="R5" s="239" t="s">
        <v>47</v>
      </c>
      <c r="S5" s="239" t="s">
        <v>48</v>
      </c>
      <c r="T5" s="239" t="s">
        <v>49</v>
      </c>
      <c r="U5" s="239" t="s">
        <v>50</v>
      </c>
      <c r="V5" s="239" t="s">
        <v>51</v>
      </c>
      <c r="W5" s="242" t="s">
        <v>45</v>
      </c>
      <c r="X5" s="510"/>
      <c r="Y5" s="309" t="s">
        <v>43</v>
      </c>
      <c r="Z5" s="239" t="s">
        <v>44</v>
      </c>
      <c r="AA5" s="242" t="s">
        <v>45</v>
      </c>
      <c r="AB5" s="244" t="s">
        <v>83</v>
      </c>
      <c r="AC5" s="239" t="s">
        <v>47</v>
      </c>
      <c r="AD5" s="239" t="s">
        <v>48</v>
      </c>
      <c r="AE5" s="239" t="s">
        <v>49</v>
      </c>
      <c r="AF5" s="239" t="s">
        <v>50</v>
      </c>
      <c r="AG5" s="239" t="s">
        <v>51</v>
      </c>
      <c r="AH5" s="242" t="s">
        <v>45</v>
      </c>
      <c r="AI5" s="510"/>
      <c r="AJ5" s="309" t="s">
        <v>43</v>
      </c>
      <c r="AK5" s="239" t="s">
        <v>44</v>
      </c>
      <c r="AL5" s="242" t="s">
        <v>45</v>
      </c>
      <c r="AM5" s="244" t="s">
        <v>83</v>
      </c>
      <c r="AN5" s="239" t="s">
        <v>47</v>
      </c>
      <c r="AO5" s="239" t="s">
        <v>48</v>
      </c>
      <c r="AP5" s="239" t="s">
        <v>49</v>
      </c>
      <c r="AQ5" s="239" t="s">
        <v>50</v>
      </c>
      <c r="AR5" s="239" t="s">
        <v>51</v>
      </c>
      <c r="AS5" s="242" t="s">
        <v>45</v>
      </c>
      <c r="AT5" s="510"/>
      <c r="AU5" s="309" t="s">
        <v>43</v>
      </c>
      <c r="AV5" s="239" t="s">
        <v>44</v>
      </c>
      <c r="AW5" s="242" t="s">
        <v>45</v>
      </c>
      <c r="AX5" s="244" t="s">
        <v>83</v>
      </c>
      <c r="AY5" s="239" t="s">
        <v>47</v>
      </c>
      <c r="AZ5" s="239" t="s">
        <v>48</v>
      </c>
      <c r="BA5" s="239" t="s">
        <v>49</v>
      </c>
      <c r="BB5" s="239" t="s">
        <v>50</v>
      </c>
      <c r="BC5" s="239" t="s">
        <v>51</v>
      </c>
      <c r="BD5" s="242" t="s">
        <v>45</v>
      </c>
      <c r="BE5" s="530"/>
      <c r="BF5" s="309" t="s">
        <v>43</v>
      </c>
      <c r="BG5" s="239" t="s">
        <v>44</v>
      </c>
      <c r="BH5" s="242" t="s">
        <v>45</v>
      </c>
      <c r="BI5" s="244" t="s">
        <v>83</v>
      </c>
      <c r="BJ5" s="239" t="s">
        <v>47</v>
      </c>
      <c r="BK5" s="239" t="s">
        <v>48</v>
      </c>
      <c r="BL5" s="239" t="s">
        <v>49</v>
      </c>
      <c r="BM5" s="239" t="s">
        <v>50</v>
      </c>
      <c r="BN5" s="239" t="s">
        <v>51</v>
      </c>
      <c r="BO5" s="242" t="s">
        <v>45</v>
      </c>
      <c r="BP5" s="530"/>
      <c r="BQ5" s="309" t="s">
        <v>43</v>
      </c>
      <c r="BR5" s="239" t="s">
        <v>44</v>
      </c>
      <c r="BS5" s="242" t="s">
        <v>45</v>
      </c>
      <c r="BT5" s="244" t="s">
        <v>83</v>
      </c>
      <c r="BU5" s="239" t="s">
        <v>47</v>
      </c>
      <c r="BV5" s="239" t="s">
        <v>48</v>
      </c>
      <c r="BW5" s="239" t="s">
        <v>49</v>
      </c>
      <c r="BX5" s="239" t="s">
        <v>50</v>
      </c>
      <c r="BY5" s="239" t="s">
        <v>51</v>
      </c>
      <c r="BZ5" s="242" t="s">
        <v>45</v>
      </c>
      <c r="CA5" s="530"/>
      <c r="CB5" s="309" t="s">
        <v>43</v>
      </c>
      <c r="CC5" s="239" t="s">
        <v>44</v>
      </c>
      <c r="CD5" s="242" t="s">
        <v>45</v>
      </c>
      <c r="CE5" s="244" t="s">
        <v>83</v>
      </c>
      <c r="CF5" s="239" t="s">
        <v>47</v>
      </c>
      <c r="CG5" s="239" t="s">
        <v>48</v>
      </c>
      <c r="CH5" s="239" t="s">
        <v>49</v>
      </c>
      <c r="CI5" s="239" t="s">
        <v>50</v>
      </c>
      <c r="CJ5" s="239" t="s">
        <v>51</v>
      </c>
      <c r="CK5" s="242" t="s">
        <v>45</v>
      </c>
      <c r="CL5" s="530"/>
      <c r="CM5" s="309" t="s">
        <v>43</v>
      </c>
      <c r="CN5" s="239" t="s">
        <v>44</v>
      </c>
      <c r="CO5" s="242" t="s">
        <v>45</v>
      </c>
      <c r="CP5" s="244" t="s">
        <v>83</v>
      </c>
      <c r="CQ5" s="239" t="s">
        <v>47</v>
      </c>
      <c r="CR5" s="239" t="s">
        <v>48</v>
      </c>
      <c r="CS5" s="239" t="s">
        <v>49</v>
      </c>
      <c r="CT5" s="239" t="s">
        <v>50</v>
      </c>
      <c r="CU5" s="239" t="s">
        <v>51</v>
      </c>
      <c r="CV5" s="242" t="s">
        <v>45</v>
      </c>
      <c r="CW5" s="530"/>
    </row>
    <row r="6" spans="1:101" ht="21" customHeight="1" x14ac:dyDescent="0.2">
      <c r="B6" s="435" t="s">
        <v>4</v>
      </c>
      <c r="C6" s="246">
        <v>0</v>
      </c>
      <c r="D6" s="247">
        <v>0</v>
      </c>
      <c r="E6" s="248">
        <v>0</v>
      </c>
      <c r="F6" s="249">
        <v>0</v>
      </c>
      <c r="G6" s="250">
        <v>21</v>
      </c>
      <c r="H6" s="250">
        <v>35</v>
      </c>
      <c r="I6" s="250">
        <v>20</v>
      </c>
      <c r="J6" s="250">
        <v>22</v>
      </c>
      <c r="K6" s="250">
        <v>18</v>
      </c>
      <c r="L6" s="251">
        <v>116</v>
      </c>
      <c r="M6" s="252">
        <v>116</v>
      </c>
      <c r="N6" s="246">
        <v>0</v>
      </c>
      <c r="O6" s="250">
        <v>0</v>
      </c>
      <c r="P6" s="247">
        <v>0</v>
      </c>
      <c r="Q6" s="249">
        <v>0</v>
      </c>
      <c r="R6" s="250">
        <v>11</v>
      </c>
      <c r="S6" s="250">
        <v>41</v>
      </c>
      <c r="T6" s="250">
        <v>29</v>
      </c>
      <c r="U6" s="250">
        <v>24</v>
      </c>
      <c r="V6" s="250">
        <v>24</v>
      </c>
      <c r="W6" s="247">
        <v>129</v>
      </c>
      <c r="X6" s="252">
        <v>129</v>
      </c>
      <c r="Y6" s="246">
        <v>0</v>
      </c>
      <c r="Z6" s="250">
        <v>0</v>
      </c>
      <c r="AA6" s="247">
        <v>0</v>
      </c>
      <c r="AB6" s="249">
        <v>0</v>
      </c>
      <c r="AC6" s="250">
        <v>848</v>
      </c>
      <c r="AD6" s="250">
        <v>750</v>
      </c>
      <c r="AE6" s="250">
        <v>311</v>
      </c>
      <c r="AF6" s="250">
        <v>145</v>
      </c>
      <c r="AG6" s="250">
        <v>54</v>
      </c>
      <c r="AH6" s="247">
        <v>2108</v>
      </c>
      <c r="AI6" s="252">
        <v>2108</v>
      </c>
      <c r="AJ6" s="246">
        <v>1</v>
      </c>
      <c r="AK6" s="250">
        <v>0</v>
      </c>
      <c r="AL6" s="247">
        <v>1</v>
      </c>
      <c r="AM6" s="249">
        <v>0</v>
      </c>
      <c r="AN6" s="250">
        <v>48</v>
      </c>
      <c r="AO6" s="250">
        <v>65</v>
      </c>
      <c r="AP6" s="250">
        <v>68</v>
      </c>
      <c r="AQ6" s="250">
        <v>23</v>
      </c>
      <c r="AR6" s="250">
        <v>21</v>
      </c>
      <c r="AS6" s="247">
        <v>225</v>
      </c>
      <c r="AT6" s="252">
        <v>226</v>
      </c>
      <c r="AU6" s="246">
        <v>13</v>
      </c>
      <c r="AV6" s="250">
        <v>22</v>
      </c>
      <c r="AW6" s="247">
        <v>35</v>
      </c>
      <c r="AX6" s="249">
        <v>0</v>
      </c>
      <c r="AY6" s="250">
        <v>74</v>
      </c>
      <c r="AZ6" s="250">
        <v>49</v>
      </c>
      <c r="BA6" s="250">
        <v>68</v>
      </c>
      <c r="BB6" s="250">
        <v>41</v>
      </c>
      <c r="BC6" s="250">
        <v>18</v>
      </c>
      <c r="BD6" s="247">
        <v>250</v>
      </c>
      <c r="BE6" s="252">
        <v>285</v>
      </c>
      <c r="BF6" s="246">
        <v>0</v>
      </c>
      <c r="BG6" s="250">
        <v>0</v>
      </c>
      <c r="BH6" s="247">
        <v>0</v>
      </c>
      <c r="BI6" s="249">
        <v>0</v>
      </c>
      <c r="BJ6" s="250">
        <v>68</v>
      </c>
      <c r="BK6" s="250">
        <v>105</v>
      </c>
      <c r="BL6" s="250">
        <v>128</v>
      </c>
      <c r="BM6" s="250">
        <v>99</v>
      </c>
      <c r="BN6" s="250">
        <v>79</v>
      </c>
      <c r="BO6" s="251">
        <v>479</v>
      </c>
      <c r="BP6" s="252">
        <v>479</v>
      </c>
      <c r="BQ6" s="246">
        <v>0</v>
      </c>
      <c r="BR6" s="250">
        <v>0</v>
      </c>
      <c r="BS6" s="247">
        <v>0</v>
      </c>
      <c r="BT6" s="249">
        <v>0</v>
      </c>
      <c r="BU6" s="250">
        <v>2</v>
      </c>
      <c r="BV6" s="250">
        <v>4</v>
      </c>
      <c r="BW6" s="250">
        <v>7</v>
      </c>
      <c r="BX6" s="250">
        <v>4</v>
      </c>
      <c r="BY6" s="250">
        <v>5</v>
      </c>
      <c r="BZ6" s="247">
        <v>22</v>
      </c>
      <c r="CA6" s="252">
        <v>22</v>
      </c>
      <c r="CB6" s="246">
        <v>0</v>
      </c>
      <c r="CC6" s="250">
        <v>0</v>
      </c>
      <c r="CD6" s="247">
        <v>0</v>
      </c>
      <c r="CE6" s="249">
        <v>0</v>
      </c>
      <c r="CF6" s="250">
        <v>1</v>
      </c>
      <c r="CG6" s="250">
        <v>2</v>
      </c>
      <c r="CH6" s="250">
        <v>8</v>
      </c>
      <c r="CI6" s="250">
        <v>18</v>
      </c>
      <c r="CJ6" s="250">
        <v>8</v>
      </c>
      <c r="CK6" s="247">
        <v>37</v>
      </c>
      <c r="CL6" s="252">
        <v>37</v>
      </c>
      <c r="CM6" s="246">
        <v>0</v>
      </c>
      <c r="CN6" s="250">
        <v>0</v>
      </c>
      <c r="CO6" s="247">
        <v>0</v>
      </c>
      <c r="CP6" s="249">
        <v>0</v>
      </c>
      <c r="CQ6" s="250">
        <v>6</v>
      </c>
      <c r="CR6" s="250">
        <v>16</v>
      </c>
      <c r="CS6" s="250">
        <v>17</v>
      </c>
      <c r="CT6" s="250">
        <v>15</v>
      </c>
      <c r="CU6" s="250">
        <v>28</v>
      </c>
      <c r="CV6" s="247">
        <v>82</v>
      </c>
      <c r="CW6" s="252">
        <v>82</v>
      </c>
    </row>
    <row r="7" spans="1:101" ht="21" customHeight="1" x14ac:dyDescent="0.2">
      <c r="B7" s="436" t="s">
        <v>5</v>
      </c>
      <c r="C7" s="253">
        <v>0</v>
      </c>
      <c r="D7" s="254">
        <v>0</v>
      </c>
      <c r="E7" s="255">
        <v>0</v>
      </c>
      <c r="F7" s="256">
        <v>0</v>
      </c>
      <c r="G7" s="257">
        <v>6</v>
      </c>
      <c r="H7" s="257">
        <v>16</v>
      </c>
      <c r="I7" s="257">
        <v>13</v>
      </c>
      <c r="J7" s="257">
        <v>9</v>
      </c>
      <c r="K7" s="257">
        <v>8</v>
      </c>
      <c r="L7" s="258">
        <v>52</v>
      </c>
      <c r="M7" s="259">
        <v>52</v>
      </c>
      <c r="N7" s="253">
        <v>0</v>
      </c>
      <c r="O7" s="257">
        <v>0</v>
      </c>
      <c r="P7" s="254">
        <v>0</v>
      </c>
      <c r="Q7" s="256">
        <v>0</v>
      </c>
      <c r="R7" s="257">
        <v>5</v>
      </c>
      <c r="S7" s="257">
        <v>27</v>
      </c>
      <c r="T7" s="257">
        <v>22</v>
      </c>
      <c r="U7" s="257">
        <v>16</v>
      </c>
      <c r="V7" s="257">
        <v>19</v>
      </c>
      <c r="W7" s="254">
        <v>89</v>
      </c>
      <c r="X7" s="259">
        <v>89</v>
      </c>
      <c r="Y7" s="253">
        <v>0</v>
      </c>
      <c r="Z7" s="257">
        <v>0</v>
      </c>
      <c r="AA7" s="254">
        <v>0</v>
      </c>
      <c r="AB7" s="256">
        <v>0</v>
      </c>
      <c r="AC7" s="257">
        <v>341</v>
      </c>
      <c r="AD7" s="257">
        <v>402</v>
      </c>
      <c r="AE7" s="257">
        <v>156</v>
      </c>
      <c r="AF7" s="257">
        <v>74</v>
      </c>
      <c r="AG7" s="257">
        <v>26</v>
      </c>
      <c r="AH7" s="254">
        <v>999</v>
      </c>
      <c r="AI7" s="259">
        <v>999</v>
      </c>
      <c r="AJ7" s="253">
        <v>1</v>
      </c>
      <c r="AK7" s="257">
        <v>0</v>
      </c>
      <c r="AL7" s="254">
        <v>1</v>
      </c>
      <c r="AM7" s="256">
        <v>0</v>
      </c>
      <c r="AN7" s="257">
        <v>23</v>
      </c>
      <c r="AO7" s="257">
        <v>32</v>
      </c>
      <c r="AP7" s="257">
        <v>34</v>
      </c>
      <c r="AQ7" s="257">
        <v>14</v>
      </c>
      <c r="AR7" s="257">
        <v>13</v>
      </c>
      <c r="AS7" s="254">
        <v>116</v>
      </c>
      <c r="AT7" s="259">
        <v>117</v>
      </c>
      <c r="AU7" s="253">
        <v>7</v>
      </c>
      <c r="AV7" s="257">
        <v>10</v>
      </c>
      <c r="AW7" s="254">
        <v>17</v>
      </c>
      <c r="AX7" s="256">
        <v>0</v>
      </c>
      <c r="AY7" s="257">
        <v>30</v>
      </c>
      <c r="AZ7" s="257">
        <v>21</v>
      </c>
      <c r="BA7" s="257">
        <v>29</v>
      </c>
      <c r="BB7" s="257">
        <v>28</v>
      </c>
      <c r="BC7" s="257">
        <v>7</v>
      </c>
      <c r="BD7" s="254">
        <v>115</v>
      </c>
      <c r="BE7" s="259">
        <v>132</v>
      </c>
      <c r="BF7" s="253">
        <v>0</v>
      </c>
      <c r="BG7" s="257">
        <v>0</v>
      </c>
      <c r="BH7" s="254">
        <v>0</v>
      </c>
      <c r="BI7" s="256">
        <v>0</v>
      </c>
      <c r="BJ7" s="257">
        <v>32</v>
      </c>
      <c r="BK7" s="257">
        <v>35</v>
      </c>
      <c r="BL7" s="257">
        <v>47</v>
      </c>
      <c r="BM7" s="257">
        <v>47</v>
      </c>
      <c r="BN7" s="257">
        <v>28</v>
      </c>
      <c r="BO7" s="258">
        <v>189</v>
      </c>
      <c r="BP7" s="259">
        <v>189</v>
      </c>
      <c r="BQ7" s="253">
        <v>0</v>
      </c>
      <c r="BR7" s="257">
        <v>0</v>
      </c>
      <c r="BS7" s="254">
        <v>0</v>
      </c>
      <c r="BT7" s="256">
        <v>0</v>
      </c>
      <c r="BU7" s="257">
        <v>0</v>
      </c>
      <c r="BV7" s="257">
        <v>0</v>
      </c>
      <c r="BW7" s="257">
        <v>0</v>
      </c>
      <c r="BX7" s="257">
        <v>0</v>
      </c>
      <c r="BY7" s="257">
        <v>0</v>
      </c>
      <c r="BZ7" s="254">
        <v>0</v>
      </c>
      <c r="CA7" s="259">
        <v>0</v>
      </c>
      <c r="CB7" s="253">
        <v>0</v>
      </c>
      <c r="CC7" s="257">
        <v>0</v>
      </c>
      <c r="CD7" s="254">
        <v>0</v>
      </c>
      <c r="CE7" s="256">
        <v>0</v>
      </c>
      <c r="CF7" s="257">
        <v>0</v>
      </c>
      <c r="CG7" s="257">
        <v>1</v>
      </c>
      <c r="CH7" s="257">
        <v>0</v>
      </c>
      <c r="CI7" s="257">
        <v>1</v>
      </c>
      <c r="CJ7" s="257">
        <v>1</v>
      </c>
      <c r="CK7" s="254">
        <v>3</v>
      </c>
      <c r="CL7" s="259">
        <v>3</v>
      </c>
      <c r="CM7" s="253">
        <v>0</v>
      </c>
      <c r="CN7" s="257">
        <v>0</v>
      </c>
      <c r="CO7" s="254">
        <v>0</v>
      </c>
      <c r="CP7" s="256">
        <v>0</v>
      </c>
      <c r="CQ7" s="257">
        <v>0</v>
      </c>
      <c r="CR7" s="257">
        <v>5</v>
      </c>
      <c r="CS7" s="257">
        <v>4</v>
      </c>
      <c r="CT7" s="257">
        <v>7</v>
      </c>
      <c r="CU7" s="257">
        <v>10</v>
      </c>
      <c r="CV7" s="254">
        <v>26</v>
      </c>
      <c r="CW7" s="259">
        <v>26</v>
      </c>
    </row>
    <row r="8" spans="1:101" ht="21" customHeight="1" x14ac:dyDescent="0.2">
      <c r="B8" s="437" t="s">
        <v>6</v>
      </c>
      <c r="C8" s="253">
        <v>0</v>
      </c>
      <c r="D8" s="254">
        <v>0</v>
      </c>
      <c r="E8" s="255">
        <v>0</v>
      </c>
      <c r="F8" s="256">
        <v>0</v>
      </c>
      <c r="G8" s="257">
        <v>6</v>
      </c>
      <c r="H8" s="257">
        <v>9</v>
      </c>
      <c r="I8" s="257">
        <v>4</v>
      </c>
      <c r="J8" s="257">
        <v>4</v>
      </c>
      <c r="K8" s="257">
        <v>6</v>
      </c>
      <c r="L8" s="258">
        <v>29</v>
      </c>
      <c r="M8" s="259">
        <v>29</v>
      </c>
      <c r="N8" s="253">
        <v>0</v>
      </c>
      <c r="O8" s="257">
        <v>0</v>
      </c>
      <c r="P8" s="254">
        <v>0</v>
      </c>
      <c r="Q8" s="256">
        <v>0</v>
      </c>
      <c r="R8" s="257">
        <v>5</v>
      </c>
      <c r="S8" s="257">
        <v>13</v>
      </c>
      <c r="T8" s="257">
        <v>7</v>
      </c>
      <c r="U8" s="257">
        <v>5</v>
      </c>
      <c r="V8" s="257">
        <v>4</v>
      </c>
      <c r="W8" s="254">
        <v>34</v>
      </c>
      <c r="X8" s="259">
        <v>34</v>
      </c>
      <c r="Y8" s="253">
        <v>0</v>
      </c>
      <c r="Z8" s="257">
        <v>0</v>
      </c>
      <c r="AA8" s="254">
        <v>0</v>
      </c>
      <c r="AB8" s="256">
        <v>0</v>
      </c>
      <c r="AC8" s="257">
        <v>146</v>
      </c>
      <c r="AD8" s="257">
        <v>95</v>
      </c>
      <c r="AE8" s="257">
        <v>41</v>
      </c>
      <c r="AF8" s="257">
        <v>20</v>
      </c>
      <c r="AG8" s="257">
        <v>7</v>
      </c>
      <c r="AH8" s="254">
        <v>309</v>
      </c>
      <c r="AI8" s="259">
        <v>309</v>
      </c>
      <c r="AJ8" s="253">
        <v>0</v>
      </c>
      <c r="AK8" s="257">
        <v>0</v>
      </c>
      <c r="AL8" s="254">
        <v>0</v>
      </c>
      <c r="AM8" s="256">
        <v>0</v>
      </c>
      <c r="AN8" s="257">
        <v>11</v>
      </c>
      <c r="AO8" s="257">
        <v>20</v>
      </c>
      <c r="AP8" s="257">
        <v>20</v>
      </c>
      <c r="AQ8" s="257">
        <v>3</v>
      </c>
      <c r="AR8" s="257">
        <v>5</v>
      </c>
      <c r="AS8" s="254">
        <v>59</v>
      </c>
      <c r="AT8" s="259">
        <v>59</v>
      </c>
      <c r="AU8" s="253">
        <v>0</v>
      </c>
      <c r="AV8" s="257">
        <v>6</v>
      </c>
      <c r="AW8" s="254">
        <v>6</v>
      </c>
      <c r="AX8" s="256">
        <v>0</v>
      </c>
      <c r="AY8" s="257">
        <v>9</v>
      </c>
      <c r="AZ8" s="257">
        <v>10</v>
      </c>
      <c r="BA8" s="257">
        <v>12</v>
      </c>
      <c r="BB8" s="257">
        <v>3</v>
      </c>
      <c r="BC8" s="257">
        <v>3</v>
      </c>
      <c r="BD8" s="254">
        <v>37</v>
      </c>
      <c r="BE8" s="259">
        <v>43</v>
      </c>
      <c r="BF8" s="253">
        <v>0</v>
      </c>
      <c r="BG8" s="257">
        <v>0</v>
      </c>
      <c r="BH8" s="254">
        <v>0</v>
      </c>
      <c r="BI8" s="256">
        <v>0</v>
      </c>
      <c r="BJ8" s="257">
        <v>15</v>
      </c>
      <c r="BK8" s="257">
        <v>27</v>
      </c>
      <c r="BL8" s="257">
        <v>26</v>
      </c>
      <c r="BM8" s="257">
        <v>18</v>
      </c>
      <c r="BN8" s="257">
        <v>20</v>
      </c>
      <c r="BO8" s="258">
        <v>106</v>
      </c>
      <c r="BP8" s="259">
        <v>106</v>
      </c>
      <c r="BQ8" s="253">
        <v>0</v>
      </c>
      <c r="BR8" s="257">
        <v>0</v>
      </c>
      <c r="BS8" s="254">
        <v>0</v>
      </c>
      <c r="BT8" s="256">
        <v>0</v>
      </c>
      <c r="BU8" s="257">
        <v>0</v>
      </c>
      <c r="BV8" s="257">
        <v>0</v>
      </c>
      <c r="BW8" s="257">
        <v>0</v>
      </c>
      <c r="BX8" s="257">
        <v>0</v>
      </c>
      <c r="BY8" s="257">
        <v>0</v>
      </c>
      <c r="BZ8" s="254">
        <v>0</v>
      </c>
      <c r="CA8" s="259">
        <v>0</v>
      </c>
      <c r="CB8" s="253">
        <v>0</v>
      </c>
      <c r="CC8" s="257">
        <v>0</v>
      </c>
      <c r="CD8" s="254">
        <v>0</v>
      </c>
      <c r="CE8" s="256">
        <v>0</v>
      </c>
      <c r="CF8" s="257">
        <v>1</v>
      </c>
      <c r="CG8" s="257">
        <v>0</v>
      </c>
      <c r="CH8" s="257">
        <v>7</v>
      </c>
      <c r="CI8" s="257">
        <v>6</v>
      </c>
      <c r="CJ8" s="257">
        <v>2</v>
      </c>
      <c r="CK8" s="254">
        <v>16</v>
      </c>
      <c r="CL8" s="259">
        <v>16</v>
      </c>
      <c r="CM8" s="253">
        <v>0</v>
      </c>
      <c r="CN8" s="257">
        <v>0</v>
      </c>
      <c r="CO8" s="254">
        <v>0</v>
      </c>
      <c r="CP8" s="256">
        <v>0</v>
      </c>
      <c r="CQ8" s="257">
        <v>4</v>
      </c>
      <c r="CR8" s="257">
        <v>6</v>
      </c>
      <c r="CS8" s="257">
        <v>7</v>
      </c>
      <c r="CT8" s="257">
        <v>4</v>
      </c>
      <c r="CU8" s="257">
        <v>6</v>
      </c>
      <c r="CV8" s="254">
        <v>27</v>
      </c>
      <c r="CW8" s="259">
        <v>27</v>
      </c>
    </row>
    <row r="9" spans="1:101" ht="21" customHeight="1" x14ac:dyDescent="0.2">
      <c r="B9" s="437" t="s">
        <v>14</v>
      </c>
      <c r="C9" s="253">
        <v>0</v>
      </c>
      <c r="D9" s="254">
        <v>0</v>
      </c>
      <c r="E9" s="255">
        <v>0</v>
      </c>
      <c r="F9" s="256">
        <v>0</v>
      </c>
      <c r="G9" s="257">
        <v>1</v>
      </c>
      <c r="H9" s="257">
        <v>2</v>
      </c>
      <c r="I9" s="257">
        <v>1</v>
      </c>
      <c r="J9" s="257">
        <v>0</v>
      </c>
      <c r="K9" s="257">
        <v>0</v>
      </c>
      <c r="L9" s="258">
        <v>4</v>
      </c>
      <c r="M9" s="259">
        <v>4</v>
      </c>
      <c r="N9" s="253">
        <v>0</v>
      </c>
      <c r="O9" s="257">
        <v>0</v>
      </c>
      <c r="P9" s="254">
        <v>0</v>
      </c>
      <c r="Q9" s="256">
        <v>0</v>
      </c>
      <c r="R9" s="257">
        <v>0</v>
      </c>
      <c r="S9" s="257">
        <v>0</v>
      </c>
      <c r="T9" s="257">
        <v>0</v>
      </c>
      <c r="U9" s="257">
        <v>0</v>
      </c>
      <c r="V9" s="257">
        <v>0</v>
      </c>
      <c r="W9" s="254">
        <v>0</v>
      </c>
      <c r="X9" s="259">
        <v>0</v>
      </c>
      <c r="Y9" s="253">
        <v>0</v>
      </c>
      <c r="Z9" s="257">
        <v>0</v>
      </c>
      <c r="AA9" s="254">
        <v>0</v>
      </c>
      <c r="AB9" s="256">
        <v>0</v>
      </c>
      <c r="AC9" s="257">
        <v>36</v>
      </c>
      <c r="AD9" s="257">
        <v>55</v>
      </c>
      <c r="AE9" s="257">
        <v>18</v>
      </c>
      <c r="AF9" s="257">
        <v>9</v>
      </c>
      <c r="AG9" s="257">
        <v>3</v>
      </c>
      <c r="AH9" s="254">
        <v>121</v>
      </c>
      <c r="AI9" s="259">
        <v>121</v>
      </c>
      <c r="AJ9" s="253">
        <v>0</v>
      </c>
      <c r="AK9" s="257">
        <v>0</v>
      </c>
      <c r="AL9" s="254">
        <v>0</v>
      </c>
      <c r="AM9" s="256">
        <v>0</v>
      </c>
      <c r="AN9" s="257">
        <v>4</v>
      </c>
      <c r="AO9" s="257">
        <v>2</v>
      </c>
      <c r="AP9" s="257">
        <v>2</v>
      </c>
      <c r="AQ9" s="257">
        <v>1</v>
      </c>
      <c r="AR9" s="257">
        <v>1</v>
      </c>
      <c r="AS9" s="254">
        <v>10</v>
      </c>
      <c r="AT9" s="259">
        <v>10</v>
      </c>
      <c r="AU9" s="253">
        <v>2</v>
      </c>
      <c r="AV9" s="257">
        <v>1</v>
      </c>
      <c r="AW9" s="254">
        <v>3</v>
      </c>
      <c r="AX9" s="256">
        <v>0</v>
      </c>
      <c r="AY9" s="257">
        <v>7</v>
      </c>
      <c r="AZ9" s="257">
        <v>4</v>
      </c>
      <c r="BA9" s="257">
        <v>5</v>
      </c>
      <c r="BB9" s="257">
        <v>1</v>
      </c>
      <c r="BC9" s="257">
        <v>2</v>
      </c>
      <c r="BD9" s="254">
        <v>19</v>
      </c>
      <c r="BE9" s="259">
        <v>22</v>
      </c>
      <c r="BF9" s="253">
        <v>0</v>
      </c>
      <c r="BG9" s="257">
        <v>0</v>
      </c>
      <c r="BH9" s="254">
        <v>0</v>
      </c>
      <c r="BI9" s="256">
        <v>0</v>
      </c>
      <c r="BJ9" s="257">
        <v>5</v>
      </c>
      <c r="BK9" s="257">
        <v>5</v>
      </c>
      <c r="BL9" s="257">
        <v>15</v>
      </c>
      <c r="BM9" s="257">
        <v>11</v>
      </c>
      <c r="BN9" s="257">
        <v>6</v>
      </c>
      <c r="BO9" s="258">
        <v>42</v>
      </c>
      <c r="BP9" s="259">
        <v>42</v>
      </c>
      <c r="BQ9" s="253">
        <v>0</v>
      </c>
      <c r="BR9" s="257">
        <v>0</v>
      </c>
      <c r="BS9" s="254">
        <v>0</v>
      </c>
      <c r="BT9" s="256">
        <v>0</v>
      </c>
      <c r="BU9" s="257">
        <v>0</v>
      </c>
      <c r="BV9" s="257">
        <v>0</v>
      </c>
      <c r="BW9" s="257">
        <v>0</v>
      </c>
      <c r="BX9" s="257">
        <v>0</v>
      </c>
      <c r="BY9" s="257">
        <v>0</v>
      </c>
      <c r="BZ9" s="254">
        <v>0</v>
      </c>
      <c r="CA9" s="259">
        <v>0</v>
      </c>
      <c r="CB9" s="253">
        <v>0</v>
      </c>
      <c r="CC9" s="257">
        <v>0</v>
      </c>
      <c r="CD9" s="254">
        <v>0</v>
      </c>
      <c r="CE9" s="256">
        <v>0</v>
      </c>
      <c r="CF9" s="257">
        <v>0</v>
      </c>
      <c r="CG9" s="257">
        <v>1</v>
      </c>
      <c r="CH9" s="257">
        <v>0</v>
      </c>
      <c r="CI9" s="257">
        <v>2</v>
      </c>
      <c r="CJ9" s="257">
        <v>0</v>
      </c>
      <c r="CK9" s="254">
        <v>3</v>
      </c>
      <c r="CL9" s="259">
        <v>3</v>
      </c>
      <c r="CM9" s="253">
        <v>0</v>
      </c>
      <c r="CN9" s="257">
        <v>0</v>
      </c>
      <c r="CO9" s="254">
        <v>0</v>
      </c>
      <c r="CP9" s="256">
        <v>0</v>
      </c>
      <c r="CQ9" s="257">
        <v>0</v>
      </c>
      <c r="CR9" s="257">
        <v>2</v>
      </c>
      <c r="CS9" s="257">
        <v>2</v>
      </c>
      <c r="CT9" s="257">
        <v>1</v>
      </c>
      <c r="CU9" s="257">
        <v>1</v>
      </c>
      <c r="CV9" s="254">
        <v>6</v>
      </c>
      <c r="CW9" s="259">
        <v>6</v>
      </c>
    </row>
    <row r="10" spans="1:101" ht="21" customHeight="1" x14ac:dyDescent="0.2">
      <c r="B10" s="437" t="s">
        <v>7</v>
      </c>
      <c r="C10" s="253">
        <v>0</v>
      </c>
      <c r="D10" s="254">
        <v>0</v>
      </c>
      <c r="E10" s="255">
        <v>0</v>
      </c>
      <c r="F10" s="256">
        <v>0</v>
      </c>
      <c r="G10" s="257">
        <v>1</v>
      </c>
      <c r="H10" s="257">
        <v>0</v>
      </c>
      <c r="I10" s="257">
        <v>0</v>
      </c>
      <c r="J10" s="257">
        <v>0</v>
      </c>
      <c r="K10" s="257">
        <v>0</v>
      </c>
      <c r="L10" s="258">
        <v>1</v>
      </c>
      <c r="M10" s="259">
        <v>1</v>
      </c>
      <c r="N10" s="253">
        <v>0</v>
      </c>
      <c r="O10" s="257">
        <v>0</v>
      </c>
      <c r="P10" s="254">
        <v>0</v>
      </c>
      <c r="Q10" s="256">
        <v>0</v>
      </c>
      <c r="R10" s="257">
        <v>0</v>
      </c>
      <c r="S10" s="257">
        <v>0</v>
      </c>
      <c r="T10" s="257">
        <v>0</v>
      </c>
      <c r="U10" s="257">
        <v>0</v>
      </c>
      <c r="V10" s="257">
        <v>0</v>
      </c>
      <c r="W10" s="254">
        <v>0</v>
      </c>
      <c r="X10" s="259">
        <v>0</v>
      </c>
      <c r="Y10" s="253">
        <v>0</v>
      </c>
      <c r="Z10" s="257">
        <v>0</v>
      </c>
      <c r="AA10" s="254">
        <v>0</v>
      </c>
      <c r="AB10" s="256">
        <v>0</v>
      </c>
      <c r="AC10" s="257">
        <v>37</v>
      </c>
      <c r="AD10" s="257">
        <v>21</v>
      </c>
      <c r="AE10" s="257">
        <v>8</v>
      </c>
      <c r="AF10" s="257">
        <v>4</v>
      </c>
      <c r="AG10" s="257">
        <v>2</v>
      </c>
      <c r="AH10" s="254">
        <v>72</v>
      </c>
      <c r="AI10" s="259">
        <v>72</v>
      </c>
      <c r="AJ10" s="253">
        <v>0</v>
      </c>
      <c r="AK10" s="257">
        <v>0</v>
      </c>
      <c r="AL10" s="254">
        <v>0</v>
      </c>
      <c r="AM10" s="256">
        <v>0</v>
      </c>
      <c r="AN10" s="257">
        <v>3</v>
      </c>
      <c r="AO10" s="257">
        <v>4</v>
      </c>
      <c r="AP10" s="257">
        <v>4</v>
      </c>
      <c r="AQ10" s="257">
        <v>2</v>
      </c>
      <c r="AR10" s="257">
        <v>0</v>
      </c>
      <c r="AS10" s="254">
        <v>13</v>
      </c>
      <c r="AT10" s="259">
        <v>13</v>
      </c>
      <c r="AU10" s="253">
        <v>1</v>
      </c>
      <c r="AV10" s="257">
        <v>0</v>
      </c>
      <c r="AW10" s="254">
        <v>1</v>
      </c>
      <c r="AX10" s="256">
        <v>0</v>
      </c>
      <c r="AY10" s="257">
        <v>1</v>
      </c>
      <c r="AZ10" s="257">
        <v>0</v>
      </c>
      <c r="BA10" s="257">
        <v>1</v>
      </c>
      <c r="BB10" s="257">
        <v>1</v>
      </c>
      <c r="BC10" s="257">
        <v>0</v>
      </c>
      <c r="BD10" s="254">
        <v>3</v>
      </c>
      <c r="BE10" s="259">
        <v>4</v>
      </c>
      <c r="BF10" s="253">
        <v>0</v>
      </c>
      <c r="BG10" s="257">
        <v>0</v>
      </c>
      <c r="BH10" s="254">
        <v>0</v>
      </c>
      <c r="BI10" s="256">
        <v>0</v>
      </c>
      <c r="BJ10" s="257">
        <v>1</v>
      </c>
      <c r="BK10" s="257">
        <v>2</v>
      </c>
      <c r="BL10" s="257">
        <v>4</v>
      </c>
      <c r="BM10" s="257">
        <v>4</v>
      </c>
      <c r="BN10" s="257">
        <v>3</v>
      </c>
      <c r="BO10" s="258">
        <v>14</v>
      </c>
      <c r="BP10" s="259">
        <v>14</v>
      </c>
      <c r="BQ10" s="253">
        <v>0</v>
      </c>
      <c r="BR10" s="257">
        <v>0</v>
      </c>
      <c r="BS10" s="254">
        <v>0</v>
      </c>
      <c r="BT10" s="256">
        <v>0</v>
      </c>
      <c r="BU10" s="257">
        <v>0</v>
      </c>
      <c r="BV10" s="257">
        <v>0</v>
      </c>
      <c r="BW10" s="257">
        <v>0</v>
      </c>
      <c r="BX10" s="257">
        <v>0</v>
      </c>
      <c r="BY10" s="257">
        <v>0</v>
      </c>
      <c r="BZ10" s="254">
        <v>0</v>
      </c>
      <c r="CA10" s="259">
        <v>0</v>
      </c>
      <c r="CB10" s="253">
        <v>0</v>
      </c>
      <c r="CC10" s="257">
        <v>0</v>
      </c>
      <c r="CD10" s="254">
        <v>0</v>
      </c>
      <c r="CE10" s="256">
        <v>0</v>
      </c>
      <c r="CF10" s="257">
        <v>0</v>
      </c>
      <c r="CG10" s="257">
        <v>0</v>
      </c>
      <c r="CH10" s="257">
        <v>0</v>
      </c>
      <c r="CI10" s="257">
        <v>0</v>
      </c>
      <c r="CJ10" s="257">
        <v>0</v>
      </c>
      <c r="CK10" s="254">
        <v>0</v>
      </c>
      <c r="CL10" s="259">
        <v>0</v>
      </c>
      <c r="CM10" s="253">
        <v>0</v>
      </c>
      <c r="CN10" s="257">
        <v>0</v>
      </c>
      <c r="CO10" s="254">
        <v>0</v>
      </c>
      <c r="CP10" s="256">
        <v>0</v>
      </c>
      <c r="CQ10" s="257">
        <v>1</v>
      </c>
      <c r="CR10" s="257">
        <v>0</v>
      </c>
      <c r="CS10" s="257">
        <v>0</v>
      </c>
      <c r="CT10" s="257">
        <v>0</v>
      </c>
      <c r="CU10" s="257">
        <v>1</v>
      </c>
      <c r="CV10" s="254">
        <v>2</v>
      </c>
      <c r="CW10" s="259">
        <v>2</v>
      </c>
    </row>
    <row r="11" spans="1:101" ht="21" customHeight="1" x14ac:dyDescent="0.2">
      <c r="B11" s="437" t="s">
        <v>8</v>
      </c>
      <c r="C11" s="253">
        <v>0</v>
      </c>
      <c r="D11" s="254">
        <v>0</v>
      </c>
      <c r="E11" s="255">
        <v>0</v>
      </c>
      <c r="F11" s="256">
        <v>0</v>
      </c>
      <c r="G11" s="257">
        <v>0</v>
      </c>
      <c r="H11" s="257">
        <v>0</v>
      </c>
      <c r="I11" s="257">
        <v>0</v>
      </c>
      <c r="J11" s="257">
        <v>1</v>
      </c>
      <c r="K11" s="257">
        <v>0</v>
      </c>
      <c r="L11" s="258">
        <v>1</v>
      </c>
      <c r="M11" s="259">
        <v>1</v>
      </c>
      <c r="N11" s="253">
        <v>0</v>
      </c>
      <c r="O11" s="257">
        <v>0</v>
      </c>
      <c r="P11" s="254">
        <v>0</v>
      </c>
      <c r="Q11" s="256">
        <v>0</v>
      </c>
      <c r="R11" s="257">
        <v>0</v>
      </c>
      <c r="S11" s="257">
        <v>0</v>
      </c>
      <c r="T11" s="257">
        <v>0</v>
      </c>
      <c r="U11" s="257">
        <v>0</v>
      </c>
      <c r="V11" s="257">
        <v>0</v>
      </c>
      <c r="W11" s="254">
        <v>0</v>
      </c>
      <c r="X11" s="259">
        <v>0</v>
      </c>
      <c r="Y11" s="253">
        <v>0</v>
      </c>
      <c r="Z11" s="257">
        <v>0</v>
      </c>
      <c r="AA11" s="254">
        <v>0</v>
      </c>
      <c r="AB11" s="256">
        <v>0</v>
      </c>
      <c r="AC11" s="257">
        <v>40</v>
      </c>
      <c r="AD11" s="257">
        <v>17</v>
      </c>
      <c r="AE11" s="257">
        <v>6</v>
      </c>
      <c r="AF11" s="257">
        <v>8</v>
      </c>
      <c r="AG11" s="257">
        <v>3</v>
      </c>
      <c r="AH11" s="254">
        <v>74</v>
      </c>
      <c r="AI11" s="259">
        <v>74</v>
      </c>
      <c r="AJ11" s="253">
        <v>0</v>
      </c>
      <c r="AK11" s="257">
        <v>0</v>
      </c>
      <c r="AL11" s="254">
        <v>0</v>
      </c>
      <c r="AM11" s="256">
        <v>0</v>
      </c>
      <c r="AN11" s="257">
        <v>0</v>
      </c>
      <c r="AO11" s="257">
        <v>0</v>
      </c>
      <c r="AP11" s="257">
        <v>0</v>
      </c>
      <c r="AQ11" s="257">
        <v>0</v>
      </c>
      <c r="AR11" s="257">
        <v>0</v>
      </c>
      <c r="AS11" s="254">
        <v>0</v>
      </c>
      <c r="AT11" s="259">
        <v>0</v>
      </c>
      <c r="AU11" s="253">
        <v>0</v>
      </c>
      <c r="AV11" s="257">
        <v>0</v>
      </c>
      <c r="AW11" s="254">
        <v>0</v>
      </c>
      <c r="AX11" s="256">
        <v>0</v>
      </c>
      <c r="AY11" s="257">
        <v>2</v>
      </c>
      <c r="AZ11" s="257">
        <v>0</v>
      </c>
      <c r="BA11" s="257">
        <v>3</v>
      </c>
      <c r="BB11" s="257">
        <v>2</v>
      </c>
      <c r="BC11" s="257">
        <v>0</v>
      </c>
      <c r="BD11" s="254">
        <v>7</v>
      </c>
      <c r="BE11" s="259">
        <v>7</v>
      </c>
      <c r="BF11" s="253">
        <v>0</v>
      </c>
      <c r="BG11" s="257">
        <v>0</v>
      </c>
      <c r="BH11" s="254">
        <v>0</v>
      </c>
      <c r="BI11" s="256">
        <v>0</v>
      </c>
      <c r="BJ11" s="257">
        <v>0</v>
      </c>
      <c r="BK11" s="257">
        <v>4</v>
      </c>
      <c r="BL11" s="257">
        <v>2</v>
      </c>
      <c r="BM11" s="257">
        <v>2</v>
      </c>
      <c r="BN11" s="257">
        <v>0</v>
      </c>
      <c r="BO11" s="258">
        <v>8</v>
      </c>
      <c r="BP11" s="259">
        <v>8</v>
      </c>
      <c r="BQ11" s="253">
        <v>0</v>
      </c>
      <c r="BR11" s="257">
        <v>0</v>
      </c>
      <c r="BS11" s="254">
        <v>0</v>
      </c>
      <c r="BT11" s="256">
        <v>0</v>
      </c>
      <c r="BU11" s="257">
        <v>0</v>
      </c>
      <c r="BV11" s="257">
        <v>0</v>
      </c>
      <c r="BW11" s="257">
        <v>0</v>
      </c>
      <c r="BX11" s="257">
        <v>1</v>
      </c>
      <c r="BY11" s="257">
        <v>1</v>
      </c>
      <c r="BZ11" s="254">
        <v>2</v>
      </c>
      <c r="CA11" s="259">
        <v>2</v>
      </c>
      <c r="CB11" s="253">
        <v>0</v>
      </c>
      <c r="CC11" s="257">
        <v>0</v>
      </c>
      <c r="CD11" s="254">
        <v>0</v>
      </c>
      <c r="CE11" s="256">
        <v>0</v>
      </c>
      <c r="CF11" s="257">
        <v>0</v>
      </c>
      <c r="CG11" s="257">
        <v>0</v>
      </c>
      <c r="CH11" s="257">
        <v>0</v>
      </c>
      <c r="CI11" s="257">
        <v>2</v>
      </c>
      <c r="CJ11" s="257">
        <v>0</v>
      </c>
      <c r="CK11" s="254">
        <v>2</v>
      </c>
      <c r="CL11" s="259">
        <v>2</v>
      </c>
      <c r="CM11" s="253">
        <v>0</v>
      </c>
      <c r="CN11" s="257">
        <v>0</v>
      </c>
      <c r="CO11" s="254">
        <v>0</v>
      </c>
      <c r="CP11" s="256">
        <v>0</v>
      </c>
      <c r="CQ11" s="257">
        <v>1</v>
      </c>
      <c r="CR11" s="257">
        <v>0</v>
      </c>
      <c r="CS11" s="257">
        <v>0</v>
      </c>
      <c r="CT11" s="257">
        <v>0</v>
      </c>
      <c r="CU11" s="257">
        <v>0</v>
      </c>
      <c r="CV11" s="254">
        <v>1</v>
      </c>
      <c r="CW11" s="259">
        <v>1</v>
      </c>
    </row>
    <row r="12" spans="1:101" ht="21" customHeight="1" x14ac:dyDescent="0.2">
      <c r="B12" s="437" t="s">
        <v>9</v>
      </c>
      <c r="C12" s="253">
        <v>0</v>
      </c>
      <c r="D12" s="254">
        <v>0</v>
      </c>
      <c r="E12" s="255">
        <v>0</v>
      </c>
      <c r="F12" s="256">
        <v>0</v>
      </c>
      <c r="G12" s="257">
        <v>0</v>
      </c>
      <c r="H12" s="257">
        <v>1</v>
      </c>
      <c r="I12" s="257">
        <v>0</v>
      </c>
      <c r="J12" s="257">
        <v>1</v>
      </c>
      <c r="K12" s="257">
        <v>1</v>
      </c>
      <c r="L12" s="258">
        <v>3</v>
      </c>
      <c r="M12" s="259">
        <v>3</v>
      </c>
      <c r="N12" s="253">
        <v>0</v>
      </c>
      <c r="O12" s="257">
        <v>0</v>
      </c>
      <c r="P12" s="254">
        <v>0</v>
      </c>
      <c r="Q12" s="256">
        <v>0</v>
      </c>
      <c r="R12" s="257">
        <v>0</v>
      </c>
      <c r="S12" s="257">
        <v>0</v>
      </c>
      <c r="T12" s="257">
        <v>0</v>
      </c>
      <c r="U12" s="257">
        <v>0</v>
      </c>
      <c r="V12" s="257">
        <v>0</v>
      </c>
      <c r="W12" s="254">
        <v>0</v>
      </c>
      <c r="X12" s="259">
        <v>0</v>
      </c>
      <c r="Y12" s="253">
        <v>0</v>
      </c>
      <c r="Z12" s="257">
        <v>0</v>
      </c>
      <c r="AA12" s="254">
        <v>0</v>
      </c>
      <c r="AB12" s="256">
        <v>0</v>
      </c>
      <c r="AC12" s="257">
        <v>43</v>
      </c>
      <c r="AD12" s="257">
        <v>29</v>
      </c>
      <c r="AE12" s="257">
        <v>19</v>
      </c>
      <c r="AF12" s="257">
        <v>4</v>
      </c>
      <c r="AG12" s="257">
        <v>1</v>
      </c>
      <c r="AH12" s="254">
        <v>96</v>
      </c>
      <c r="AI12" s="259">
        <v>96</v>
      </c>
      <c r="AJ12" s="253">
        <v>0</v>
      </c>
      <c r="AK12" s="257">
        <v>0</v>
      </c>
      <c r="AL12" s="254">
        <v>0</v>
      </c>
      <c r="AM12" s="256">
        <v>0</v>
      </c>
      <c r="AN12" s="257">
        <v>0</v>
      </c>
      <c r="AO12" s="257">
        <v>1</v>
      </c>
      <c r="AP12" s="257">
        <v>0</v>
      </c>
      <c r="AQ12" s="257">
        <v>0</v>
      </c>
      <c r="AR12" s="257">
        <v>0</v>
      </c>
      <c r="AS12" s="254">
        <v>1</v>
      </c>
      <c r="AT12" s="259">
        <v>1</v>
      </c>
      <c r="AU12" s="253">
        <v>2</v>
      </c>
      <c r="AV12" s="257">
        <v>0</v>
      </c>
      <c r="AW12" s="254">
        <v>2</v>
      </c>
      <c r="AX12" s="256">
        <v>0</v>
      </c>
      <c r="AY12" s="257">
        <v>4</v>
      </c>
      <c r="AZ12" s="257">
        <v>0</v>
      </c>
      <c r="BA12" s="257">
        <v>2</v>
      </c>
      <c r="BB12" s="257">
        <v>0</v>
      </c>
      <c r="BC12" s="257">
        <v>1</v>
      </c>
      <c r="BD12" s="254">
        <v>7</v>
      </c>
      <c r="BE12" s="259">
        <v>9</v>
      </c>
      <c r="BF12" s="253">
        <v>0</v>
      </c>
      <c r="BG12" s="257">
        <v>0</v>
      </c>
      <c r="BH12" s="254">
        <v>0</v>
      </c>
      <c r="BI12" s="256">
        <v>0</v>
      </c>
      <c r="BJ12" s="257">
        <v>0</v>
      </c>
      <c r="BK12" s="257">
        <v>2</v>
      </c>
      <c r="BL12" s="257">
        <v>6</v>
      </c>
      <c r="BM12" s="257">
        <v>3</v>
      </c>
      <c r="BN12" s="257">
        <v>0</v>
      </c>
      <c r="BO12" s="258">
        <v>11</v>
      </c>
      <c r="BP12" s="259">
        <v>11</v>
      </c>
      <c r="BQ12" s="253">
        <v>0</v>
      </c>
      <c r="BR12" s="257">
        <v>0</v>
      </c>
      <c r="BS12" s="254">
        <v>0</v>
      </c>
      <c r="BT12" s="256">
        <v>0</v>
      </c>
      <c r="BU12" s="257">
        <v>0</v>
      </c>
      <c r="BV12" s="257">
        <v>1</v>
      </c>
      <c r="BW12" s="257">
        <v>1</v>
      </c>
      <c r="BX12" s="257">
        <v>0</v>
      </c>
      <c r="BY12" s="257">
        <v>1</v>
      </c>
      <c r="BZ12" s="254">
        <v>3</v>
      </c>
      <c r="CA12" s="259">
        <v>3</v>
      </c>
      <c r="CB12" s="253">
        <v>0</v>
      </c>
      <c r="CC12" s="257">
        <v>0</v>
      </c>
      <c r="CD12" s="254">
        <v>0</v>
      </c>
      <c r="CE12" s="256">
        <v>0</v>
      </c>
      <c r="CF12" s="257">
        <v>0</v>
      </c>
      <c r="CG12" s="257">
        <v>0</v>
      </c>
      <c r="CH12" s="257">
        <v>0</v>
      </c>
      <c r="CI12" s="257">
        <v>0</v>
      </c>
      <c r="CJ12" s="257">
        <v>0</v>
      </c>
      <c r="CK12" s="254">
        <v>0</v>
      </c>
      <c r="CL12" s="259">
        <v>0</v>
      </c>
      <c r="CM12" s="253">
        <v>0</v>
      </c>
      <c r="CN12" s="257">
        <v>0</v>
      </c>
      <c r="CO12" s="254">
        <v>0</v>
      </c>
      <c r="CP12" s="256">
        <v>0</v>
      </c>
      <c r="CQ12" s="257">
        <v>0</v>
      </c>
      <c r="CR12" s="257">
        <v>1</v>
      </c>
      <c r="CS12" s="257">
        <v>0</v>
      </c>
      <c r="CT12" s="257">
        <v>0</v>
      </c>
      <c r="CU12" s="257">
        <v>3</v>
      </c>
      <c r="CV12" s="254">
        <v>4</v>
      </c>
      <c r="CW12" s="259">
        <v>4</v>
      </c>
    </row>
    <row r="13" spans="1:101" ht="21" customHeight="1" x14ac:dyDescent="0.2">
      <c r="B13" s="437" t="s">
        <v>10</v>
      </c>
      <c r="C13" s="253">
        <v>0</v>
      </c>
      <c r="D13" s="254">
        <v>0</v>
      </c>
      <c r="E13" s="255">
        <v>0</v>
      </c>
      <c r="F13" s="256">
        <v>0</v>
      </c>
      <c r="G13" s="257">
        <v>2</v>
      </c>
      <c r="H13" s="257">
        <v>2</v>
      </c>
      <c r="I13" s="257">
        <v>1</v>
      </c>
      <c r="J13" s="257">
        <v>1</v>
      </c>
      <c r="K13" s="257">
        <v>0</v>
      </c>
      <c r="L13" s="258">
        <v>6</v>
      </c>
      <c r="M13" s="259">
        <v>6</v>
      </c>
      <c r="N13" s="253">
        <v>0</v>
      </c>
      <c r="O13" s="257">
        <v>0</v>
      </c>
      <c r="P13" s="254">
        <v>0</v>
      </c>
      <c r="Q13" s="256">
        <v>0</v>
      </c>
      <c r="R13" s="257">
        <v>0</v>
      </c>
      <c r="S13" s="257">
        <v>1</v>
      </c>
      <c r="T13" s="257">
        <v>0</v>
      </c>
      <c r="U13" s="257">
        <v>1</v>
      </c>
      <c r="V13" s="257">
        <v>0</v>
      </c>
      <c r="W13" s="254">
        <v>2</v>
      </c>
      <c r="X13" s="259">
        <v>2</v>
      </c>
      <c r="Y13" s="253">
        <v>0</v>
      </c>
      <c r="Z13" s="257">
        <v>0</v>
      </c>
      <c r="AA13" s="254">
        <v>0</v>
      </c>
      <c r="AB13" s="256">
        <v>0</v>
      </c>
      <c r="AC13" s="257">
        <v>35</v>
      </c>
      <c r="AD13" s="257">
        <v>21</v>
      </c>
      <c r="AE13" s="257">
        <v>6</v>
      </c>
      <c r="AF13" s="257">
        <v>5</v>
      </c>
      <c r="AG13" s="257">
        <v>1</v>
      </c>
      <c r="AH13" s="254">
        <v>68</v>
      </c>
      <c r="AI13" s="259">
        <v>68</v>
      </c>
      <c r="AJ13" s="253">
        <v>0</v>
      </c>
      <c r="AK13" s="257">
        <v>0</v>
      </c>
      <c r="AL13" s="254">
        <v>0</v>
      </c>
      <c r="AM13" s="256">
        <v>0</v>
      </c>
      <c r="AN13" s="257">
        <v>0</v>
      </c>
      <c r="AO13" s="257">
        <v>0</v>
      </c>
      <c r="AP13" s="257">
        <v>2</v>
      </c>
      <c r="AQ13" s="257">
        <v>2</v>
      </c>
      <c r="AR13" s="257">
        <v>0</v>
      </c>
      <c r="AS13" s="254">
        <v>4</v>
      </c>
      <c r="AT13" s="259">
        <v>4</v>
      </c>
      <c r="AU13" s="253">
        <v>1</v>
      </c>
      <c r="AV13" s="257">
        <v>1</v>
      </c>
      <c r="AW13" s="254">
        <v>2</v>
      </c>
      <c r="AX13" s="256">
        <v>0</v>
      </c>
      <c r="AY13" s="257">
        <v>5</v>
      </c>
      <c r="AZ13" s="257">
        <v>3</v>
      </c>
      <c r="BA13" s="257">
        <v>2</v>
      </c>
      <c r="BB13" s="257">
        <v>1</v>
      </c>
      <c r="BC13" s="257">
        <v>2</v>
      </c>
      <c r="BD13" s="254">
        <v>13</v>
      </c>
      <c r="BE13" s="259">
        <v>15</v>
      </c>
      <c r="BF13" s="253">
        <v>0</v>
      </c>
      <c r="BG13" s="257">
        <v>0</v>
      </c>
      <c r="BH13" s="254">
        <v>0</v>
      </c>
      <c r="BI13" s="256">
        <v>0</v>
      </c>
      <c r="BJ13" s="257">
        <v>4</v>
      </c>
      <c r="BK13" s="257">
        <v>7</v>
      </c>
      <c r="BL13" s="257">
        <v>5</v>
      </c>
      <c r="BM13" s="257">
        <v>5</v>
      </c>
      <c r="BN13" s="257">
        <v>8</v>
      </c>
      <c r="BO13" s="258">
        <v>29</v>
      </c>
      <c r="BP13" s="259">
        <v>29</v>
      </c>
      <c r="BQ13" s="253">
        <v>0</v>
      </c>
      <c r="BR13" s="257">
        <v>0</v>
      </c>
      <c r="BS13" s="254">
        <v>0</v>
      </c>
      <c r="BT13" s="256">
        <v>0</v>
      </c>
      <c r="BU13" s="257">
        <v>2</v>
      </c>
      <c r="BV13" s="257">
        <v>2</v>
      </c>
      <c r="BW13" s="257">
        <v>6</v>
      </c>
      <c r="BX13" s="257">
        <v>1</v>
      </c>
      <c r="BY13" s="257">
        <v>3</v>
      </c>
      <c r="BZ13" s="254">
        <v>14</v>
      </c>
      <c r="CA13" s="259">
        <v>14</v>
      </c>
      <c r="CB13" s="253">
        <v>0</v>
      </c>
      <c r="CC13" s="257">
        <v>0</v>
      </c>
      <c r="CD13" s="254">
        <v>0</v>
      </c>
      <c r="CE13" s="256">
        <v>0</v>
      </c>
      <c r="CF13" s="257">
        <v>0</v>
      </c>
      <c r="CG13" s="257">
        <v>0</v>
      </c>
      <c r="CH13" s="257">
        <v>0</v>
      </c>
      <c r="CI13" s="257">
        <v>2</v>
      </c>
      <c r="CJ13" s="257">
        <v>0</v>
      </c>
      <c r="CK13" s="254">
        <v>2</v>
      </c>
      <c r="CL13" s="259">
        <v>2</v>
      </c>
      <c r="CM13" s="253">
        <v>0</v>
      </c>
      <c r="CN13" s="257">
        <v>0</v>
      </c>
      <c r="CO13" s="254">
        <v>0</v>
      </c>
      <c r="CP13" s="256">
        <v>0</v>
      </c>
      <c r="CQ13" s="257">
        <v>0</v>
      </c>
      <c r="CR13" s="257">
        <v>1</v>
      </c>
      <c r="CS13" s="257">
        <v>2</v>
      </c>
      <c r="CT13" s="257">
        <v>1</v>
      </c>
      <c r="CU13" s="257">
        <v>0</v>
      </c>
      <c r="CV13" s="254">
        <v>4</v>
      </c>
      <c r="CW13" s="259">
        <v>4</v>
      </c>
    </row>
    <row r="14" spans="1:101" ht="21" customHeight="1" x14ac:dyDescent="0.2">
      <c r="B14" s="437" t="s">
        <v>11</v>
      </c>
      <c r="C14" s="253">
        <v>0</v>
      </c>
      <c r="D14" s="254">
        <v>0</v>
      </c>
      <c r="E14" s="255">
        <v>0</v>
      </c>
      <c r="F14" s="256">
        <v>0</v>
      </c>
      <c r="G14" s="257">
        <v>1</v>
      </c>
      <c r="H14" s="257">
        <v>1</v>
      </c>
      <c r="I14" s="257">
        <v>0</v>
      </c>
      <c r="J14" s="257">
        <v>1</v>
      </c>
      <c r="K14" s="257">
        <v>0</v>
      </c>
      <c r="L14" s="258">
        <v>3</v>
      </c>
      <c r="M14" s="259">
        <v>3</v>
      </c>
      <c r="N14" s="253">
        <v>0</v>
      </c>
      <c r="O14" s="257">
        <v>0</v>
      </c>
      <c r="P14" s="254">
        <v>0</v>
      </c>
      <c r="Q14" s="256">
        <v>0</v>
      </c>
      <c r="R14" s="257">
        <v>1</v>
      </c>
      <c r="S14" s="257">
        <v>0</v>
      </c>
      <c r="T14" s="257">
        <v>0</v>
      </c>
      <c r="U14" s="257">
        <v>1</v>
      </c>
      <c r="V14" s="257">
        <v>0</v>
      </c>
      <c r="W14" s="254">
        <v>2</v>
      </c>
      <c r="X14" s="259">
        <v>2</v>
      </c>
      <c r="Y14" s="253">
        <v>0</v>
      </c>
      <c r="Z14" s="257">
        <v>0</v>
      </c>
      <c r="AA14" s="254">
        <v>0</v>
      </c>
      <c r="AB14" s="256">
        <v>0</v>
      </c>
      <c r="AC14" s="257">
        <v>32</v>
      </c>
      <c r="AD14" s="257">
        <v>5</v>
      </c>
      <c r="AE14" s="257">
        <v>3</v>
      </c>
      <c r="AF14" s="257">
        <v>4</v>
      </c>
      <c r="AG14" s="257">
        <v>1</v>
      </c>
      <c r="AH14" s="254">
        <v>45</v>
      </c>
      <c r="AI14" s="259">
        <v>45</v>
      </c>
      <c r="AJ14" s="253">
        <v>0</v>
      </c>
      <c r="AK14" s="257">
        <v>0</v>
      </c>
      <c r="AL14" s="254">
        <v>0</v>
      </c>
      <c r="AM14" s="256">
        <v>0</v>
      </c>
      <c r="AN14" s="257">
        <v>1</v>
      </c>
      <c r="AO14" s="257">
        <v>0</v>
      </c>
      <c r="AP14" s="257">
        <v>0</v>
      </c>
      <c r="AQ14" s="257">
        <v>0</v>
      </c>
      <c r="AR14" s="257">
        <v>0</v>
      </c>
      <c r="AS14" s="254">
        <v>1</v>
      </c>
      <c r="AT14" s="259">
        <v>1</v>
      </c>
      <c r="AU14" s="253">
        <v>0</v>
      </c>
      <c r="AV14" s="257">
        <v>1</v>
      </c>
      <c r="AW14" s="254">
        <v>1</v>
      </c>
      <c r="AX14" s="256">
        <v>0</v>
      </c>
      <c r="AY14" s="257">
        <v>2</v>
      </c>
      <c r="AZ14" s="257">
        <v>0</v>
      </c>
      <c r="BA14" s="257">
        <v>0</v>
      </c>
      <c r="BB14" s="257">
        <v>2</v>
      </c>
      <c r="BC14" s="257">
        <v>0</v>
      </c>
      <c r="BD14" s="254">
        <v>4</v>
      </c>
      <c r="BE14" s="259">
        <v>5</v>
      </c>
      <c r="BF14" s="253">
        <v>0</v>
      </c>
      <c r="BG14" s="257">
        <v>0</v>
      </c>
      <c r="BH14" s="254">
        <v>0</v>
      </c>
      <c r="BI14" s="256">
        <v>0</v>
      </c>
      <c r="BJ14" s="257">
        <v>1</v>
      </c>
      <c r="BK14" s="257">
        <v>2</v>
      </c>
      <c r="BL14" s="257">
        <v>2</v>
      </c>
      <c r="BM14" s="257">
        <v>1</v>
      </c>
      <c r="BN14" s="257">
        <v>0</v>
      </c>
      <c r="BO14" s="258">
        <v>6</v>
      </c>
      <c r="BP14" s="259">
        <v>6</v>
      </c>
      <c r="BQ14" s="253">
        <v>0</v>
      </c>
      <c r="BR14" s="257">
        <v>0</v>
      </c>
      <c r="BS14" s="254">
        <v>0</v>
      </c>
      <c r="BT14" s="256">
        <v>0</v>
      </c>
      <c r="BU14" s="257">
        <v>0</v>
      </c>
      <c r="BV14" s="257">
        <v>0</v>
      </c>
      <c r="BW14" s="257">
        <v>0</v>
      </c>
      <c r="BX14" s="257">
        <v>0</v>
      </c>
      <c r="BY14" s="257">
        <v>0</v>
      </c>
      <c r="BZ14" s="254">
        <v>0</v>
      </c>
      <c r="CA14" s="259">
        <v>0</v>
      </c>
      <c r="CB14" s="253">
        <v>0</v>
      </c>
      <c r="CC14" s="257">
        <v>0</v>
      </c>
      <c r="CD14" s="254">
        <v>0</v>
      </c>
      <c r="CE14" s="256">
        <v>0</v>
      </c>
      <c r="CF14" s="257">
        <v>0</v>
      </c>
      <c r="CG14" s="257">
        <v>0</v>
      </c>
      <c r="CH14" s="257">
        <v>0</v>
      </c>
      <c r="CI14" s="257">
        <v>0</v>
      </c>
      <c r="CJ14" s="257">
        <v>0</v>
      </c>
      <c r="CK14" s="254">
        <v>0</v>
      </c>
      <c r="CL14" s="259">
        <v>0</v>
      </c>
      <c r="CM14" s="253">
        <v>0</v>
      </c>
      <c r="CN14" s="257">
        <v>0</v>
      </c>
      <c r="CO14" s="254">
        <v>0</v>
      </c>
      <c r="CP14" s="256">
        <v>0</v>
      </c>
      <c r="CQ14" s="257">
        <v>0</v>
      </c>
      <c r="CR14" s="257">
        <v>0</v>
      </c>
      <c r="CS14" s="257">
        <v>0</v>
      </c>
      <c r="CT14" s="257">
        <v>0</v>
      </c>
      <c r="CU14" s="257">
        <v>0</v>
      </c>
      <c r="CV14" s="254">
        <v>0</v>
      </c>
      <c r="CW14" s="259">
        <v>0</v>
      </c>
    </row>
    <row r="15" spans="1:101" ht="21" customHeight="1" x14ac:dyDescent="0.2">
      <c r="B15" s="437" t="s">
        <v>12</v>
      </c>
      <c r="C15" s="253">
        <v>0</v>
      </c>
      <c r="D15" s="254">
        <v>0</v>
      </c>
      <c r="E15" s="255">
        <v>0</v>
      </c>
      <c r="F15" s="256">
        <v>0</v>
      </c>
      <c r="G15" s="257">
        <v>0</v>
      </c>
      <c r="H15" s="257">
        <v>0</v>
      </c>
      <c r="I15" s="257">
        <v>0</v>
      </c>
      <c r="J15" s="257">
        <v>0</v>
      </c>
      <c r="K15" s="257">
        <v>0</v>
      </c>
      <c r="L15" s="258">
        <v>0</v>
      </c>
      <c r="M15" s="259">
        <v>0</v>
      </c>
      <c r="N15" s="253">
        <v>0</v>
      </c>
      <c r="O15" s="257">
        <v>0</v>
      </c>
      <c r="P15" s="254">
        <v>0</v>
      </c>
      <c r="Q15" s="256">
        <v>0</v>
      </c>
      <c r="R15" s="257">
        <v>0</v>
      </c>
      <c r="S15" s="257">
        <v>0</v>
      </c>
      <c r="T15" s="257">
        <v>0</v>
      </c>
      <c r="U15" s="257">
        <v>0</v>
      </c>
      <c r="V15" s="257">
        <v>0</v>
      </c>
      <c r="W15" s="254">
        <v>0</v>
      </c>
      <c r="X15" s="259">
        <v>0</v>
      </c>
      <c r="Y15" s="253">
        <v>0</v>
      </c>
      <c r="Z15" s="257">
        <v>0</v>
      </c>
      <c r="AA15" s="254">
        <v>0</v>
      </c>
      <c r="AB15" s="256">
        <v>0</v>
      </c>
      <c r="AC15" s="257">
        <v>18</v>
      </c>
      <c r="AD15" s="257">
        <v>12</v>
      </c>
      <c r="AE15" s="257">
        <v>8</v>
      </c>
      <c r="AF15" s="257">
        <v>2</v>
      </c>
      <c r="AG15" s="257">
        <v>2</v>
      </c>
      <c r="AH15" s="254">
        <v>42</v>
      </c>
      <c r="AI15" s="259">
        <v>42</v>
      </c>
      <c r="AJ15" s="253">
        <v>0</v>
      </c>
      <c r="AK15" s="257">
        <v>0</v>
      </c>
      <c r="AL15" s="254">
        <v>0</v>
      </c>
      <c r="AM15" s="256">
        <v>0</v>
      </c>
      <c r="AN15" s="257">
        <v>0</v>
      </c>
      <c r="AO15" s="257">
        <v>0</v>
      </c>
      <c r="AP15" s="257">
        <v>0</v>
      </c>
      <c r="AQ15" s="257">
        <v>0</v>
      </c>
      <c r="AR15" s="257">
        <v>0</v>
      </c>
      <c r="AS15" s="254">
        <v>0</v>
      </c>
      <c r="AT15" s="259">
        <v>0</v>
      </c>
      <c r="AU15" s="253">
        <v>0</v>
      </c>
      <c r="AV15" s="257">
        <v>0</v>
      </c>
      <c r="AW15" s="254">
        <v>0</v>
      </c>
      <c r="AX15" s="256">
        <v>0</v>
      </c>
      <c r="AY15" s="257">
        <v>2</v>
      </c>
      <c r="AZ15" s="257">
        <v>1</v>
      </c>
      <c r="BA15" s="257">
        <v>2</v>
      </c>
      <c r="BB15" s="257">
        <v>1</v>
      </c>
      <c r="BC15" s="257">
        <v>0</v>
      </c>
      <c r="BD15" s="254">
        <v>6</v>
      </c>
      <c r="BE15" s="259">
        <v>6</v>
      </c>
      <c r="BF15" s="253">
        <v>0</v>
      </c>
      <c r="BG15" s="257">
        <v>0</v>
      </c>
      <c r="BH15" s="254">
        <v>0</v>
      </c>
      <c r="BI15" s="256">
        <v>0</v>
      </c>
      <c r="BJ15" s="257">
        <v>1</v>
      </c>
      <c r="BK15" s="257">
        <v>2</v>
      </c>
      <c r="BL15" s="257">
        <v>0</v>
      </c>
      <c r="BM15" s="257">
        <v>0</v>
      </c>
      <c r="BN15" s="257">
        <v>1</v>
      </c>
      <c r="BO15" s="258">
        <v>4</v>
      </c>
      <c r="BP15" s="259">
        <v>4</v>
      </c>
      <c r="BQ15" s="253">
        <v>0</v>
      </c>
      <c r="BR15" s="257">
        <v>0</v>
      </c>
      <c r="BS15" s="254">
        <v>0</v>
      </c>
      <c r="BT15" s="256">
        <v>0</v>
      </c>
      <c r="BU15" s="257">
        <v>0</v>
      </c>
      <c r="BV15" s="257">
        <v>1</v>
      </c>
      <c r="BW15" s="257">
        <v>0</v>
      </c>
      <c r="BX15" s="257">
        <v>1</v>
      </c>
      <c r="BY15" s="257">
        <v>0</v>
      </c>
      <c r="BZ15" s="254">
        <v>2</v>
      </c>
      <c r="CA15" s="259">
        <v>2</v>
      </c>
      <c r="CB15" s="253">
        <v>0</v>
      </c>
      <c r="CC15" s="257">
        <v>0</v>
      </c>
      <c r="CD15" s="254">
        <v>0</v>
      </c>
      <c r="CE15" s="256">
        <v>0</v>
      </c>
      <c r="CF15" s="257">
        <v>0</v>
      </c>
      <c r="CG15" s="257">
        <v>0</v>
      </c>
      <c r="CH15" s="257">
        <v>0</v>
      </c>
      <c r="CI15" s="257">
        <v>0</v>
      </c>
      <c r="CJ15" s="257">
        <v>0</v>
      </c>
      <c r="CK15" s="254">
        <v>0</v>
      </c>
      <c r="CL15" s="259">
        <v>0</v>
      </c>
      <c r="CM15" s="253">
        <v>0</v>
      </c>
      <c r="CN15" s="257">
        <v>0</v>
      </c>
      <c r="CO15" s="254">
        <v>0</v>
      </c>
      <c r="CP15" s="256">
        <v>0</v>
      </c>
      <c r="CQ15" s="257">
        <v>0</v>
      </c>
      <c r="CR15" s="257">
        <v>1</v>
      </c>
      <c r="CS15" s="257">
        <v>1</v>
      </c>
      <c r="CT15" s="257">
        <v>1</v>
      </c>
      <c r="CU15" s="257">
        <v>1</v>
      </c>
      <c r="CV15" s="254">
        <v>4</v>
      </c>
      <c r="CW15" s="259">
        <v>4</v>
      </c>
    </row>
    <row r="16" spans="1:101" ht="21" customHeight="1" x14ac:dyDescent="0.2">
      <c r="B16" s="437" t="s">
        <v>13</v>
      </c>
      <c r="C16" s="253">
        <v>0</v>
      </c>
      <c r="D16" s="254">
        <v>0</v>
      </c>
      <c r="E16" s="255">
        <v>0</v>
      </c>
      <c r="F16" s="256">
        <v>0</v>
      </c>
      <c r="G16" s="257">
        <v>0</v>
      </c>
      <c r="H16" s="257">
        <v>0</v>
      </c>
      <c r="I16" s="257">
        <v>0</v>
      </c>
      <c r="J16" s="257">
        <v>0</v>
      </c>
      <c r="K16" s="257">
        <v>0</v>
      </c>
      <c r="L16" s="258">
        <v>0</v>
      </c>
      <c r="M16" s="259">
        <v>0</v>
      </c>
      <c r="N16" s="253">
        <v>0</v>
      </c>
      <c r="O16" s="257">
        <v>0</v>
      </c>
      <c r="P16" s="254">
        <v>0</v>
      </c>
      <c r="Q16" s="256">
        <v>0</v>
      </c>
      <c r="R16" s="257">
        <v>0</v>
      </c>
      <c r="S16" s="257">
        <v>0</v>
      </c>
      <c r="T16" s="257">
        <v>0</v>
      </c>
      <c r="U16" s="257">
        <v>0</v>
      </c>
      <c r="V16" s="257">
        <v>0</v>
      </c>
      <c r="W16" s="254">
        <v>0</v>
      </c>
      <c r="X16" s="259">
        <v>0</v>
      </c>
      <c r="Y16" s="253">
        <v>0</v>
      </c>
      <c r="Z16" s="257">
        <v>0</v>
      </c>
      <c r="AA16" s="254">
        <v>0</v>
      </c>
      <c r="AB16" s="256">
        <v>0</v>
      </c>
      <c r="AC16" s="257">
        <v>8</v>
      </c>
      <c r="AD16" s="257">
        <v>12</v>
      </c>
      <c r="AE16" s="257">
        <v>6</v>
      </c>
      <c r="AF16" s="257">
        <v>2</v>
      </c>
      <c r="AG16" s="257">
        <v>3</v>
      </c>
      <c r="AH16" s="254">
        <v>31</v>
      </c>
      <c r="AI16" s="259">
        <v>31</v>
      </c>
      <c r="AJ16" s="253">
        <v>0</v>
      </c>
      <c r="AK16" s="257">
        <v>0</v>
      </c>
      <c r="AL16" s="254">
        <v>0</v>
      </c>
      <c r="AM16" s="256">
        <v>0</v>
      </c>
      <c r="AN16" s="257">
        <v>1</v>
      </c>
      <c r="AO16" s="257">
        <v>0</v>
      </c>
      <c r="AP16" s="257">
        <v>0</v>
      </c>
      <c r="AQ16" s="257">
        <v>0</v>
      </c>
      <c r="AR16" s="257">
        <v>0</v>
      </c>
      <c r="AS16" s="254">
        <v>1</v>
      </c>
      <c r="AT16" s="259">
        <v>1</v>
      </c>
      <c r="AU16" s="253">
        <v>0</v>
      </c>
      <c r="AV16" s="257">
        <v>0</v>
      </c>
      <c r="AW16" s="254">
        <v>0</v>
      </c>
      <c r="AX16" s="256">
        <v>0</v>
      </c>
      <c r="AY16" s="257">
        <v>0</v>
      </c>
      <c r="AZ16" s="257">
        <v>0</v>
      </c>
      <c r="BA16" s="257">
        <v>1</v>
      </c>
      <c r="BB16" s="257">
        <v>0</v>
      </c>
      <c r="BC16" s="257">
        <v>0</v>
      </c>
      <c r="BD16" s="254">
        <v>1</v>
      </c>
      <c r="BE16" s="259">
        <v>1</v>
      </c>
      <c r="BF16" s="253">
        <v>0</v>
      </c>
      <c r="BG16" s="257">
        <v>0</v>
      </c>
      <c r="BH16" s="254">
        <v>0</v>
      </c>
      <c r="BI16" s="256">
        <v>0</v>
      </c>
      <c r="BJ16" s="257">
        <v>1</v>
      </c>
      <c r="BK16" s="257">
        <v>0</v>
      </c>
      <c r="BL16" s="257">
        <v>0</v>
      </c>
      <c r="BM16" s="257">
        <v>0</v>
      </c>
      <c r="BN16" s="257">
        <v>0</v>
      </c>
      <c r="BO16" s="258">
        <v>1</v>
      </c>
      <c r="BP16" s="259">
        <v>1</v>
      </c>
      <c r="BQ16" s="253">
        <v>0</v>
      </c>
      <c r="BR16" s="257">
        <v>0</v>
      </c>
      <c r="BS16" s="254">
        <v>0</v>
      </c>
      <c r="BT16" s="256">
        <v>0</v>
      </c>
      <c r="BU16" s="257">
        <v>0</v>
      </c>
      <c r="BV16" s="257">
        <v>0</v>
      </c>
      <c r="BW16" s="257">
        <v>0</v>
      </c>
      <c r="BX16" s="257">
        <v>1</v>
      </c>
      <c r="BY16" s="257">
        <v>0</v>
      </c>
      <c r="BZ16" s="254">
        <v>1</v>
      </c>
      <c r="CA16" s="259">
        <v>1</v>
      </c>
      <c r="CB16" s="253">
        <v>0</v>
      </c>
      <c r="CC16" s="257">
        <v>0</v>
      </c>
      <c r="CD16" s="254">
        <v>0</v>
      </c>
      <c r="CE16" s="256">
        <v>0</v>
      </c>
      <c r="CF16" s="257">
        <v>0</v>
      </c>
      <c r="CG16" s="257">
        <v>0</v>
      </c>
      <c r="CH16" s="257">
        <v>0</v>
      </c>
      <c r="CI16" s="257">
        <v>0</v>
      </c>
      <c r="CJ16" s="257">
        <v>0</v>
      </c>
      <c r="CK16" s="254">
        <v>0</v>
      </c>
      <c r="CL16" s="259">
        <v>0</v>
      </c>
      <c r="CM16" s="253">
        <v>0</v>
      </c>
      <c r="CN16" s="257">
        <v>0</v>
      </c>
      <c r="CO16" s="254">
        <v>0</v>
      </c>
      <c r="CP16" s="256">
        <v>0</v>
      </c>
      <c r="CQ16" s="257">
        <v>0</v>
      </c>
      <c r="CR16" s="257">
        <v>0</v>
      </c>
      <c r="CS16" s="257">
        <v>0</v>
      </c>
      <c r="CT16" s="257">
        <v>0</v>
      </c>
      <c r="CU16" s="257">
        <v>0</v>
      </c>
      <c r="CV16" s="254">
        <v>0</v>
      </c>
      <c r="CW16" s="259">
        <v>0</v>
      </c>
    </row>
    <row r="17" spans="2:101" ht="21" customHeight="1" x14ac:dyDescent="0.2">
      <c r="B17" s="437" t="s">
        <v>15</v>
      </c>
      <c r="C17" s="253">
        <v>0</v>
      </c>
      <c r="D17" s="254">
        <v>0</v>
      </c>
      <c r="E17" s="255">
        <v>0</v>
      </c>
      <c r="F17" s="256">
        <v>0</v>
      </c>
      <c r="G17" s="257">
        <v>0</v>
      </c>
      <c r="H17" s="257">
        <v>0</v>
      </c>
      <c r="I17" s="257">
        <v>0</v>
      </c>
      <c r="J17" s="257">
        <v>0</v>
      </c>
      <c r="K17" s="257">
        <v>0</v>
      </c>
      <c r="L17" s="258">
        <v>0</v>
      </c>
      <c r="M17" s="259">
        <v>0</v>
      </c>
      <c r="N17" s="253">
        <v>0</v>
      </c>
      <c r="O17" s="257">
        <v>0</v>
      </c>
      <c r="P17" s="254">
        <v>0</v>
      </c>
      <c r="Q17" s="256">
        <v>0</v>
      </c>
      <c r="R17" s="257">
        <v>0</v>
      </c>
      <c r="S17" s="257">
        <v>0</v>
      </c>
      <c r="T17" s="257">
        <v>0</v>
      </c>
      <c r="U17" s="257">
        <v>0</v>
      </c>
      <c r="V17" s="257">
        <v>0</v>
      </c>
      <c r="W17" s="254">
        <v>0</v>
      </c>
      <c r="X17" s="259">
        <v>0</v>
      </c>
      <c r="Y17" s="253">
        <v>0</v>
      </c>
      <c r="Z17" s="257">
        <v>0</v>
      </c>
      <c r="AA17" s="254">
        <v>0</v>
      </c>
      <c r="AB17" s="256">
        <v>0</v>
      </c>
      <c r="AC17" s="257">
        <v>5</v>
      </c>
      <c r="AD17" s="257">
        <v>9</v>
      </c>
      <c r="AE17" s="257">
        <v>2</v>
      </c>
      <c r="AF17" s="257">
        <v>1</v>
      </c>
      <c r="AG17" s="257">
        <v>2</v>
      </c>
      <c r="AH17" s="254">
        <v>19</v>
      </c>
      <c r="AI17" s="259">
        <v>19</v>
      </c>
      <c r="AJ17" s="253">
        <v>0</v>
      </c>
      <c r="AK17" s="257">
        <v>0</v>
      </c>
      <c r="AL17" s="254">
        <v>0</v>
      </c>
      <c r="AM17" s="256">
        <v>0</v>
      </c>
      <c r="AN17" s="257">
        <v>0</v>
      </c>
      <c r="AO17" s="257">
        <v>0</v>
      </c>
      <c r="AP17" s="257">
        <v>0</v>
      </c>
      <c r="AQ17" s="257">
        <v>0</v>
      </c>
      <c r="AR17" s="257">
        <v>0</v>
      </c>
      <c r="AS17" s="254">
        <v>0</v>
      </c>
      <c r="AT17" s="259">
        <v>0</v>
      </c>
      <c r="AU17" s="253">
        <v>0</v>
      </c>
      <c r="AV17" s="257">
        <v>0</v>
      </c>
      <c r="AW17" s="254">
        <v>0</v>
      </c>
      <c r="AX17" s="256">
        <v>0</v>
      </c>
      <c r="AY17" s="257">
        <v>0</v>
      </c>
      <c r="AZ17" s="257">
        <v>0</v>
      </c>
      <c r="BA17" s="257">
        <v>0</v>
      </c>
      <c r="BB17" s="257">
        <v>0</v>
      </c>
      <c r="BC17" s="257">
        <v>0</v>
      </c>
      <c r="BD17" s="254">
        <v>0</v>
      </c>
      <c r="BE17" s="259">
        <v>0</v>
      </c>
      <c r="BF17" s="253">
        <v>0</v>
      </c>
      <c r="BG17" s="257">
        <v>0</v>
      </c>
      <c r="BH17" s="254">
        <v>0</v>
      </c>
      <c r="BI17" s="256">
        <v>0</v>
      </c>
      <c r="BJ17" s="257">
        <v>0</v>
      </c>
      <c r="BK17" s="257">
        <v>0</v>
      </c>
      <c r="BL17" s="257">
        <v>0</v>
      </c>
      <c r="BM17" s="257">
        <v>1</v>
      </c>
      <c r="BN17" s="257">
        <v>0</v>
      </c>
      <c r="BO17" s="258">
        <v>1</v>
      </c>
      <c r="BP17" s="259">
        <v>1</v>
      </c>
      <c r="BQ17" s="253">
        <v>0</v>
      </c>
      <c r="BR17" s="257">
        <v>0</v>
      </c>
      <c r="BS17" s="254">
        <v>0</v>
      </c>
      <c r="BT17" s="256">
        <v>0</v>
      </c>
      <c r="BU17" s="257">
        <v>0</v>
      </c>
      <c r="BV17" s="257">
        <v>0</v>
      </c>
      <c r="BW17" s="257">
        <v>0</v>
      </c>
      <c r="BX17" s="257">
        <v>0</v>
      </c>
      <c r="BY17" s="257">
        <v>0</v>
      </c>
      <c r="BZ17" s="254">
        <v>0</v>
      </c>
      <c r="CA17" s="259">
        <v>0</v>
      </c>
      <c r="CB17" s="253">
        <v>0</v>
      </c>
      <c r="CC17" s="257">
        <v>0</v>
      </c>
      <c r="CD17" s="254">
        <v>0</v>
      </c>
      <c r="CE17" s="256">
        <v>0</v>
      </c>
      <c r="CF17" s="257">
        <v>0</v>
      </c>
      <c r="CG17" s="257">
        <v>0</v>
      </c>
      <c r="CH17" s="257">
        <v>0</v>
      </c>
      <c r="CI17" s="257">
        <v>0</v>
      </c>
      <c r="CJ17" s="257">
        <v>1</v>
      </c>
      <c r="CK17" s="254">
        <v>1</v>
      </c>
      <c r="CL17" s="259">
        <v>1</v>
      </c>
      <c r="CM17" s="253">
        <v>0</v>
      </c>
      <c r="CN17" s="257">
        <v>0</v>
      </c>
      <c r="CO17" s="254">
        <v>0</v>
      </c>
      <c r="CP17" s="256">
        <v>0</v>
      </c>
      <c r="CQ17" s="257">
        <v>0</v>
      </c>
      <c r="CR17" s="257">
        <v>0</v>
      </c>
      <c r="CS17" s="257">
        <v>0</v>
      </c>
      <c r="CT17" s="257">
        <v>0</v>
      </c>
      <c r="CU17" s="257">
        <v>0</v>
      </c>
      <c r="CV17" s="254">
        <v>0</v>
      </c>
      <c r="CW17" s="259">
        <v>0</v>
      </c>
    </row>
    <row r="18" spans="2:101" ht="21" customHeight="1" x14ac:dyDescent="0.2">
      <c r="B18" s="437" t="s">
        <v>16</v>
      </c>
      <c r="C18" s="253">
        <v>0</v>
      </c>
      <c r="D18" s="254">
        <v>0</v>
      </c>
      <c r="E18" s="255">
        <v>0</v>
      </c>
      <c r="F18" s="256">
        <v>0</v>
      </c>
      <c r="G18" s="257">
        <v>0</v>
      </c>
      <c r="H18" s="257">
        <v>0</v>
      </c>
      <c r="I18" s="257">
        <v>0</v>
      </c>
      <c r="J18" s="257">
        <v>1</v>
      </c>
      <c r="K18" s="257">
        <v>1</v>
      </c>
      <c r="L18" s="258">
        <v>2</v>
      </c>
      <c r="M18" s="259">
        <v>2</v>
      </c>
      <c r="N18" s="253">
        <v>0</v>
      </c>
      <c r="O18" s="257">
        <v>0</v>
      </c>
      <c r="P18" s="254">
        <v>0</v>
      </c>
      <c r="Q18" s="256">
        <v>0</v>
      </c>
      <c r="R18" s="257">
        <v>0</v>
      </c>
      <c r="S18" s="257">
        <v>0</v>
      </c>
      <c r="T18" s="257">
        <v>0</v>
      </c>
      <c r="U18" s="257">
        <v>1</v>
      </c>
      <c r="V18" s="257">
        <v>0</v>
      </c>
      <c r="W18" s="254">
        <v>1</v>
      </c>
      <c r="X18" s="259">
        <v>1</v>
      </c>
      <c r="Y18" s="253">
        <v>0</v>
      </c>
      <c r="Z18" s="257">
        <v>0</v>
      </c>
      <c r="AA18" s="254">
        <v>0</v>
      </c>
      <c r="AB18" s="256">
        <v>0</v>
      </c>
      <c r="AC18" s="257">
        <v>5</v>
      </c>
      <c r="AD18" s="257">
        <v>7</v>
      </c>
      <c r="AE18" s="257">
        <v>7</v>
      </c>
      <c r="AF18" s="257">
        <v>1</v>
      </c>
      <c r="AG18" s="257">
        <v>0</v>
      </c>
      <c r="AH18" s="254">
        <v>20</v>
      </c>
      <c r="AI18" s="259">
        <v>20</v>
      </c>
      <c r="AJ18" s="253">
        <v>0</v>
      </c>
      <c r="AK18" s="257">
        <v>0</v>
      </c>
      <c r="AL18" s="254">
        <v>0</v>
      </c>
      <c r="AM18" s="256">
        <v>0</v>
      </c>
      <c r="AN18" s="257">
        <v>0</v>
      </c>
      <c r="AO18" s="257">
        <v>1</v>
      </c>
      <c r="AP18" s="257">
        <v>1</v>
      </c>
      <c r="AQ18" s="257">
        <v>0</v>
      </c>
      <c r="AR18" s="257">
        <v>0</v>
      </c>
      <c r="AS18" s="254">
        <v>2</v>
      </c>
      <c r="AT18" s="259">
        <v>2</v>
      </c>
      <c r="AU18" s="253">
        <v>0</v>
      </c>
      <c r="AV18" s="257">
        <v>1</v>
      </c>
      <c r="AW18" s="254">
        <v>1</v>
      </c>
      <c r="AX18" s="256">
        <v>0</v>
      </c>
      <c r="AY18" s="257">
        <v>1</v>
      </c>
      <c r="AZ18" s="257">
        <v>1</v>
      </c>
      <c r="BA18" s="257">
        <v>0</v>
      </c>
      <c r="BB18" s="257">
        <v>0</v>
      </c>
      <c r="BC18" s="257">
        <v>1</v>
      </c>
      <c r="BD18" s="254">
        <v>3</v>
      </c>
      <c r="BE18" s="259">
        <v>4</v>
      </c>
      <c r="BF18" s="253">
        <v>0</v>
      </c>
      <c r="BG18" s="257">
        <v>0</v>
      </c>
      <c r="BH18" s="254">
        <v>0</v>
      </c>
      <c r="BI18" s="256">
        <v>0</v>
      </c>
      <c r="BJ18" s="257">
        <v>1</v>
      </c>
      <c r="BK18" s="257">
        <v>2</v>
      </c>
      <c r="BL18" s="257">
        <v>2</v>
      </c>
      <c r="BM18" s="257">
        <v>1</v>
      </c>
      <c r="BN18" s="257">
        <v>1</v>
      </c>
      <c r="BO18" s="258">
        <v>7</v>
      </c>
      <c r="BP18" s="259">
        <v>7</v>
      </c>
      <c r="BQ18" s="253">
        <v>0</v>
      </c>
      <c r="BR18" s="257">
        <v>0</v>
      </c>
      <c r="BS18" s="254">
        <v>0</v>
      </c>
      <c r="BT18" s="256">
        <v>0</v>
      </c>
      <c r="BU18" s="257">
        <v>0</v>
      </c>
      <c r="BV18" s="257">
        <v>0</v>
      </c>
      <c r="BW18" s="257">
        <v>0</v>
      </c>
      <c r="BX18" s="257">
        <v>0</v>
      </c>
      <c r="BY18" s="257">
        <v>0</v>
      </c>
      <c r="BZ18" s="254">
        <v>0</v>
      </c>
      <c r="CA18" s="259">
        <v>0</v>
      </c>
      <c r="CB18" s="253">
        <v>0</v>
      </c>
      <c r="CC18" s="257">
        <v>0</v>
      </c>
      <c r="CD18" s="254">
        <v>0</v>
      </c>
      <c r="CE18" s="256">
        <v>0</v>
      </c>
      <c r="CF18" s="257">
        <v>0</v>
      </c>
      <c r="CG18" s="257">
        <v>0</v>
      </c>
      <c r="CH18" s="257">
        <v>0</v>
      </c>
      <c r="CI18" s="257">
        <v>0</v>
      </c>
      <c r="CJ18" s="257">
        <v>0</v>
      </c>
      <c r="CK18" s="254">
        <v>0</v>
      </c>
      <c r="CL18" s="259">
        <v>0</v>
      </c>
      <c r="CM18" s="253">
        <v>0</v>
      </c>
      <c r="CN18" s="257">
        <v>0</v>
      </c>
      <c r="CO18" s="254">
        <v>0</v>
      </c>
      <c r="CP18" s="256">
        <v>0</v>
      </c>
      <c r="CQ18" s="257">
        <v>0</v>
      </c>
      <c r="CR18" s="257">
        <v>0</v>
      </c>
      <c r="CS18" s="257">
        <v>0</v>
      </c>
      <c r="CT18" s="257">
        <v>0</v>
      </c>
      <c r="CU18" s="257">
        <v>0</v>
      </c>
      <c r="CV18" s="254">
        <v>0</v>
      </c>
      <c r="CW18" s="259">
        <v>0</v>
      </c>
    </row>
    <row r="19" spans="2:101" ht="21" customHeight="1" x14ac:dyDescent="0.2">
      <c r="B19" s="437" t="s">
        <v>17</v>
      </c>
      <c r="C19" s="253">
        <v>0</v>
      </c>
      <c r="D19" s="254">
        <v>0</v>
      </c>
      <c r="E19" s="255">
        <v>0</v>
      </c>
      <c r="F19" s="256">
        <v>0</v>
      </c>
      <c r="G19" s="257">
        <v>1</v>
      </c>
      <c r="H19" s="257">
        <v>0</v>
      </c>
      <c r="I19" s="257">
        <v>0</v>
      </c>
      <c r="J19" s="257">
        <v>0</v>
      </c>
      <c r="K19" s="257">
        <v>0</v>
      </c>
      <c r="L19" s="258">
        <v>1</v>
      </c>
      <c r="M19" s="259">
        <v>1</v>
      </c>
      <c r="N19" s="253">
        <v>0</v>
      </c>
      <c r="O19" s="257">
        <v>0</v>
      </c>
      <c r="P19" s="254">
        <v>0</v>
      </c>
      <c r="Q19" s="256">
        <v>0</v>
      </c>
      <c r="R19" s="257">
        <v>0</v>
      </c>
      <c r="S19" s="257">
        <v>0</v>
      </c>
      <c r="T19" s="257">
        <v>0</v>
      </c>
      <c r="U19" s="257">
        <v>0</v>
      </c>
      <c r="V19" s="257">
        <v>0</v>
      </c>
      <c r="W19" s="254">
        <v>0</v>
      </c>
      <c r="X19" s="259">
        <v>0</v>
      </c>
      <c r="Y19" s="253">
        <v>0</v>
      </c>
      <c r="Z19" s="257">
        <v>0</v>
      </c>
      <c r="AA19" s="254">
        <v>0</v>
      </c>
      <c r="AB19" s="256">
        <v>0</v>
      </c>
      <c r="AC19" s="257">
        <v>19</v>
      </c>
      <c r="AD19" s="257">
        <v>21</v>
      </c>
      <c r="AE19" s="257">
        <v>8</v>
      </c>
      <c r="AF19" s="257">
        <v>2</v>
      </c>
      <c r="AG19" s="257">
        <v>1</v>
      </c>
      <c r="AH19" s="254">
        <v>51</v>
      </c>
      <c r="AI19" s="259">
        <v>51</v>
      </c>
      <c r="AJ19" s="253">
        <v>0</v>
      </c>
      <c r="AK19" s="257">
        <v>0</v>
      </c>
      <c r="AL19" s="254">
        <v>0</v>
      </c>
      <c r="AM19" s="256">
        <v>0</v>
      </c>
      <c r="AN19" s="257">
        <v>0</v>
      </c>
      <c r="AO19" s="257">
        <v>0</v>
      </c>
      <c r="AP19" s="257">
        <v>0</v>
      </c>
      <c r="AQ19" s="257">
        <v>0</v>
      </c>
      <c r="AR19" s="257">
        <v>1</v>
      </c>
      <c r="AS19" s="254">
        <v>1</v>
      </c>
      <c r="AT19" s="259">
        <v>1</v>
      </c>
      <c r="AU19" s="253">
        <v>0</v>
      </c>
      <c r="AV19" s="257">
        <v>0</v>
      </c>
      <c r="AW19" s="254">
        <v>0</v>
      </c>
      <c r="AX19" s="256">
        <v>0</v>
      </c>
      <c r="AY19" s="257">
        <v>1</v>
      </c>
      <c r="AZ19" s="257">
        <v>1</v>
      </c>
      <c r="BA19" s="257">
        <v>1</v>
      </c>
      <c r="BB19" s="257">
        <v>1</v>
      </c>
      <c r="BC19" s="257">
        <v>1</v>
      </c>
      <c r="BD19" s="254">
        <v>5</v>
      </c>
      <c r="BE19" s="259">
        <v>5</v>
      </c>
      <c r="BF19" s="253">
        <v>0</v>
      </c>
      <c r="BG19" s="257">
        <v>0</v>
      </c>
      <c r="BH19" s="254">
        <v>0</v>
      </c>
      <c r="BI19" s="256">
        <v>0</v>
      </c>
      <c r="BJ19" s="257">
        <v>1</v>
      </c>
      <c r="BK19" s="257">
        <v>5</v>
      </c>
      <c r="BL19" s="257">
        <v>2</v>
      </c>
      <c r="BM19" s="257">
        <v>2</v>
      </c>
      <c r="BN19" s="257">
        <v>4</v>
      </c>
      <c r="BO19" s="258">
        <v>14</v>
      </c>
      <c r="BP19" s="259">
        <v>14</v>
      </c>
      <c r="BQ19" s="253">
        <v>0</v>
      </c>
      <c r="BR19" s="257">
        <v>0</v>
      </c>
      <c r="BS19" s="254">
        <v>0</v>
      </c>
      <c r="BT19" s="256">
        <v>0</v>
      </c>
      <c r="BU19" s="257">
        <v>0</v>
      </c>
      <c r="BV19" s="257">
        <v>0</v>
      </c>
      <c r="BW19" s="257">
        <v>0</v>
      </c>
      <c r="BX19" s="257">
        <v>0</v>
      </c>
      <c r="BY19" s="257">
        <v>0</v>
      </c>
      <c r="BZ19" s="254">
        <v>0</v>
      </c>
      <c r="CA19" s="259">
        <v>0</v>
      </c>
      <c r="CB19" s="253">
        <v>0</v>
      </c>
      <c r="CC19" s="257">
        <v>0</v>
      </c>
      <c r="CD19" s="254">
        <v>0</v>
      </c>
      <c r="CE19" s="256">
        <v>0</v>
      </c>
      <c r="CF19" s="257">
        <v>0</v>
      </c>
      <c r="CG19" s="257">
        <v>0</v>
      </c>
      <c r="CH19" s="257">
        <v>1</v>
      </c>
      <c r="CI19" s="257">
        <v>3</v>
      </c>
      <c r="CJ19" s="257">
        <v>2</v>
      </c>
      <c r="CK19" s="254">
        <v>6</v>
      </c>
      <c r="CL19" s="259">
        <v>6</v>
      </c>
      <c r="CM19" s="253">
        <v>0</v>
      </c>
      <c r="CN19" s="257">
        <v>0</v>
      </c>
      <c r="CO19" s="254">
        <v>0</v>
      </c>
      <c r="CP19" s="256">
        <v>0</v>
      </c>
      <c r="CQ19" s="257">
        <v>0</v>
      </c>
      <c r="CR19" s="257">
        <v>0</v>
      </c>
      <c r="CS19" s="257">
        <v>0</v>
      </c>
      <c r="CT19" s="257">
        <v>0</v>
      </c>
      <c r="CU19" s="257">
        <v>1</v>
      </c>
      <c r="CV19" s="254">
        <v>1</v>
      </c>
      <c r="CW19" s="259">
        <v>1</v>
      </c>
    </row>
    <row r="20" spans="2:101" ht="21" customHeight="1" x14ac:dyDescent="0.2">
      <c r="B20" s="437" t="s">
        <v>18</v>
      </c>
      <c r="C20" s="253">
        <v>0</v>
      </c>
      <c r="D20" s="254">
        <v>0</v>
      </c>
      <c r="E20" s="255">
        <v>0</v>
      </c>
      <c r="F20" s="256">
        <v>0</v>
      </c>
      <c r="G20" s="257">
        <v>0</v>
      </c>
      <c r="H20" s="257">
        <v>0</v>
      </c>
      <c r="I20" s="257">
        <v>0</v>
      </c>
      <c r="J20" s="257">
        <v>0</v>
      </c>
      <c r="K20" s="257">
        <v>0</v>
      </c>
      <c r="L20" s="258">
        <v>0</v>
      </c>
      <c r="M20" s="259">
        <v>0</v>
      </c>
      <c r="N20" s="253">
        <v>0</v>
      </c>
      <c r="O20" s="257">
        <v>0</v>
      </c>
      <c r="P20" s="254">
        <v>0</v>
      </c>
      <c r="Q20" s="256">
        <v>0</v>
      </c>
      <c r="R20" s="257">
        <v>0</v>
      </c>
      <c r="S20" s="257">
        <v>0</v>
      </c>
      <c r="T20" s="257">
        <v>0</v>
      </c>
      <c r="U20" s="257">
        <v>0</v>
      </c>
      <c r="V20" s="257">
        <v>1</v>
      </c>
      <c r="W20" s="254">
        <v>1</v>
      </c>
      <c r="X20" s="259">
        <v>1</v>
      </c>
      <c r="Y20" s="253">
        <v>0</v>
      </c>
      <c r="Z20" s="257">
        <v>0</v>
      </c>
      <c r="AA20" s="254">
        <v>0</v>
      </c>
      <c r="AB20" s="256">
        <v>0</v>
      </c>
      <c r="AC20" s="257">
        <v>19</v>
      </c>
      <c r="AD20" s="257">
        <v>10</v>
      </c>
      <c r="AE20" s="257">
        <v>10</v>
      </c>
      <c r="AF20" s="257">
        <v>3</v>
      </c>
      <c r="AG20" s="257">
        <v>0</v>
      </c>
      <c r="AH20" s="254">
        <v>42</v>
      </c>
      <c r="AI20" s="259">
        <v>42</v>
      </c>
      <c r="AJ20" s="253">
        <v>0</v>
      </c>
      <c r="AK20" s="257">
        <v>0</v>
      </c>
      <c r="AL20" s="254">
        <v>0</v>
      </c>
      <c r="AM20" s="256">
        <v>0</v>
      </c>
      <c r="AN20" s="257">
        <v>1</v>
      </c>
      <c r="AO20" s="257">
        <v>0</v>
      </c>
      <c r="AP20" s="257">
        <v>2</v>
      </c>
      <c r="AQ20" s="257">
        <v>1</v>
      </c>
      <c r="AR20" s="257">
        <v>0</v>
      </c>
      <c r="AS20" s="254">
        <v>4</v>
      </c>
      <c r="AT20" s="259">
        <v>4</v>
      </c>
      <c r="AU20" s="253">
        <v>0</v>
      </c>
      <c r="AV20" s="257">
        <v>1</v>
      </c>
      <c r="AW20" s="254">
        <v>1</v>
      </c>
      <c r="AX20" s="256">
        <v>0</v>
      </c>
      <c r="AY20" s="257">
        <v>1</v>
      </c>
      <c r="AZ20" s="257">
        <v>0</v>
      </c>
      <c r="BA20" s="257">
        <v>2</v>
      </c>
      <c r="BB20" s="257">
        <v>1</v>
      </c>
      <c r="BC20" s="257">
        <v>0</v>
      </c>
      <c r="BD20" s="254">
        <v>4</v>
      </c>
      <c r="BE20" s="259">
        <v>5</v>
      </c>
      <c r="BF20" s="253">
        <v>0</v>
      </c>
      <c r="BG20" s="257">
        <v>0</v>
      </c>
      <c r="BH20" s="254">
        <v>0</v>
      </c>
      <c r="BI20" s="256">
        <v>0</v>
      </c>
      <c r="BJ20" s="257">
        <v>2</v>
      </c>
      <c r="BK20" s="257">
        <v>4</v>
      </c>
      <c r="BL20" s="257">
        <v>5</v>
      </c>
      <c r="BM20" s="257">
        <v>0</v>
      </c>
      <c r="BN20" s="257">
        <v>1</v>
      </c>
      <c r="BO20" s="258">
        <v>12</v>
      </c>
      <c r="BP20" s="259">
        <v>12</v>
      </c>
      <c r="BQ20" s="253">
        <v>0</v>
      </c>
      <c r="BR20" s="257">
        <v>0</v>
      </c>
      <c r="BS20" s="254">
        <v>0</v>
      </c>
      <c r="BT20" s="256">
        <v>0</v>
      </c>
      <c r="BU20" s="257">
        <v>0</v>
      </c>
      <c r="BV20" s="257">
        <v>0</v>
      </c>
      <c r="BW20" s="257">
        <v>0</v>
      </c>
      <c r="BX20" s="257">
        <v>0</v>
      </c>
      <c r="BY20" s="257">
        <v>0</v>
      </c>
      <c r="BZ20" s="254">
        <v>0</v>
      </c>
      <c r="CA20" s="259">
        <v>0</v>
      </c>
      <c r="CB20" s="253">
        <v>0</v>
      </c>
      <c r="CC20" s="257">
        <v>0</v>
      </c>
      <c r="CD20" s="254">
        <v>0</v>
      </c>
      <c r="CE20" s="256">
        <v>0</v>
      </c>
      <c r="CF20" s="257">
        <v>0</v>
      </c>
      <c r="CG20" s="257">
        <v>0</v>
      </c>
      <c r="CH20" s="257">
        <v>0</v>
      </c>
      <c r="CI20" s="257">
        <v>1</v>
      </c>
      <c r="CJ20" s="257">
        <v>1</v>
      </c>
      <c r="CK20" s="254">
        <v>2</v>
      </c>
      <c r="CL20" s="259">
        <v>2</v>
      </c>
      <c r="CM20" s="253">
        <v>0</v>
      </c>
      <c r="CN20" s="257">
        <v>0</v>
      </c>
      <c r="CO20" s="254">
        <v>0</v>
      </c>
      <c r="CP20" s="256">
        <v>0</v>
      </c>
      <c r="CQ20" s="257">
        <v>0</v>
      </c>
      <c r="CR20" s="257">
        <v>0</v>
      </c>
      <c r="CS20" s="257">
        <v>1</v>
      </c>
      <c r="CT20" s="257">
        <v>1</v>
      </c>
      <c r="CU20" s="257">
        <v>2</v>
      </c>
      <c r="CV20" s="254">
        <v>4</v>
      </c>
      <c r="CW20" s="259">
        <v>4</v>
      </c>
    </row>
    <row r="21" spans="2:101" ht="21" customHeight="1" x14ac:dyDescent="0.2">
      <c r="B21" s="437" t="s">
        <v>19</v>
      </c>
      <c r="C21" s="253">
        <v>0</v>
      </c>
      <c r="D21" s="254">
        <v>0</v>
      </c>
      <c r="E21" s="255">
        <v>0</v>
      </c>
      <c r="F21" s="256">
        <v>0</v>
      </c>
      <c r="G21" s="257">
        <v>0</v>
      </c>
      <c r="H21" s="257">
        <v>2</v>
      </c>
      <c r="I21" s="257">
        <v>0</v>
      </c>
      <c r="J21" s="257">
        <v>1</v>
      </c>
      <c r="K21" s="257">
        <v>1</v>
      </c>
      <c r="L21" s="258">
        <v>4</v>
      </c>
      <c r="M21" s="259">
        <v>4</v>
      </c>
      <c r="N21" s="253">
        <v>0</v>
      </c>
      <c r="O21" s="257">
        <v>0</v>
      </c>
      <c r="P21" s="254">
        <v>0</v>
      </c>
      <c r="Q21" s="256">
        <v>0</v>
      </c>
      <c r="R21" s="257">
        <v>0</v>
      </c>
      <c r="S21" s="257">
        <v>0</v>
      </c>
      <c r="T21" s="257">
        <v>0</v>
      </c>
      <c r="U21" s="257">
        <v>0</v>
      </c>
      <c r="V21" s="257">
        <v>0</v>
      </c>
      <c r="W21" s="254">
        <v>0</v>
      </c>
      <c r="X21" s="259">
        <v>0</v>
      </c>
      <c r="Y21" s="253">
        <v>0</v>
      </c>
      <c r="Z21" s="257">
        <v>0</v>
      </c>
      <c r="AA21" s="254">
        <v>0</v>
      </c>
      <c r="AB21" s="256">
        <v>0</v>
      </c>
      <c r="AC21" s="257">
        <v>7</v>
      </c>
      <c r="AD21" s="257">
        <v>5</v>
      </c>
      <c r="AE21" s="257">
        <v>1</v>
      </c>
      <c r="AF21" s="257">
        <v>1</v>
      </c>
      <c r="AG21" s="257">
        <v>0</v>
      </c>
      <c r="AH21" s="254">
        <v>14</v>
      </c>
      <c r="AI21" s="259">
        <v>14</v>
      </c>
      <c r="AJ21" s="253">
        <v>0</v>
      </c>
      <c r="AK21" s="257">
        <v>0</v>
      </c>
      <c r="AL21" s="254">
        <v>0</v>
      </c>
      <c r="AM21" s="256">
        <v>0</v>
      </c>
      <c r="AN21" s="257">
        <v>2</v>
      </c>
      <c r="AO21" s="257">
        <v>2</v>
      </c>
      <c r="AP21" s="257">
        <v>0</v>
      </c>
      <c r="AQ21" s="257">
        <v>0</v>
      </c>
      <c r="AR21" s="257">
        <v>0</v>
      </c>
      <c r="AS21" s="254">
        <v>4</v>
      </c>
      <c r="AT21" s="259">
        <v>4</v>
      </c>
      <c r="AU21" s="253">
        <v>0</v>
      </c>
      <c r="AV21" s="257">
        <v>0</v>
      </c>
      <c r="AW21" s="254">
        <v>0</v>
      </c>
      <c r="AX21" s="256">
        <v>0</v>
      </c>
      <c r="AY21" s="257">
        <v>1</v>
      </c>
      <c r="AZ21" s="257">
        <v>0</v>
      </c>
      <c r="BA21" s="257">
        <v>2</v>
      </c>
      <c r="BB21" s="257">
        <v>0</v>
      </c>
      <c r="BC21" s="257">
        <v>0</v>
      </c>
      <c r="BD21" s="254">
        <v>3</v>
      </c>
      <c r="BE21" s="259">
        <v>3</v>
      </c>
      <c r="BF21" s="253">
        <v>0</v>
      </c>
      <c r="BG21" s="257">
        <v>0</v>
      </c>
      <c r="BH21" s="254">
        <v>0</v>
      </c>
      <c r="BI21" s="256">
        <v>0</v>
      </c>
      <c r="BJ21" s="257">
        <v>0</v>
      </c>
      <c r="BK21" s="257">
        <v>0</v>
      </c>
      <c r="BL21" s="257">
        <v>0</v>
      </c>
      <c r="BM21" s="257">
        <v>0</v>
      </c>
      <c r="BN21" s="257">
        <v>2</v>
      </c>
      <c r="BO21" s="258">
        <v>2</v>
      </c>
      <c r="BP21" s="259">
        <v>2</v>
      </c>
      <c r="BQ21" s="253">
        <v>0</v>
      </c>
      <c r="BR21" s="257">
        <v>0</v>
      </c>
      <c r="BS21" s="254">
        <v>0</v>
      </c>
      <c r="BT21" s="256">
        <v>0</v>
      </c>
      <c r="BU21" s="257">
        <v>0</v>
      </c>
      <c r="BV21" s="257">
        <v>0</v>
      </c>
      <c r="BW21" s="257">
        <v>0</v>
      </c>
      <c r="BX21" s="257">
        <v>0</v>
      </c>
      <c r="BY21" s="257">
        <v>0</v>
      </c>
      <c r="BZ21" s="254">
        <v>0</v>
      </c>
      <c r="CA21" s="259">
        <v>0</v>
      </c>
      <c r="CB21" s="253">
        <v>0</v>
      </c>
      <c r="CC21" s="257">
        <v>0</v>
      </c>
      <c r="CD21" s="254">
        <v>0</v>
      </c>
      <c r="CE21" s="256">
        <v>0</v>
      </c>
      <c r="CF21" s="257">
        <v>0</v>
      </c>
      <c r="CG21" s="257">
        <v>0</v>
      </c>
      <c r="CH21" s="257">
        <v>0</v>
      </c>
      <c r="CI21" s="257">
        <v>0</v>
      </c>
      <c r="CJ21" s="257">
        <v>0</v>
      </c>
      <c r="CK21" s="254">
        <v>0</v>
      </c>
      <c r="CL21" s="259">
        <v>0</v>
      </c>
      <c r="CM21" s="253">
        <v>0</v>
      </c>
      <c r="CN21" s="257">
        <v>0</v>
      </c>
      <c r="CO21" s="254">
        <v>0</v>
      </c>
      <c r="CP21" s="256">
        <v>0</v>
      </c>
      <c r="CQ21" s="257">
        <v>0</v>
      </c>
      <c r="CR21" s="257">
        <v>0</v>
      </c>
      <c r="CS21" s="257">
        <v>0</v>
      </c>
      <c r="CT21" s="257">
        <v>0</v>
      </c>
      <c r="CU21" s="257">
        <v>2</v>
      </c>
      <c r="CV21" s="254">
        <v>2</v>
      </c>
      <c r="CW21" s="259">
        <v>2</v>
      </c>
    </row>
    <row r="22" spans="2:101" ht="21" customHeight="1" x14ac:dyDescent="0.2">
      <c r="B22" s="437" t="s">
        <v>20</v>
      </c>
      <c r="C22" s="253">
        <v>0</v>
      </c>
      <c r="D22" s="254">
        <v>0</v>
      </c>
      <c r="E22" s="255">
        <v>0</v>
      </c>
      <c r="F22" s="256">
        <v>0</v>
      </c>
      <c r="G22" s="257">
        <v>0</v>
      </c>
      <c r="H22" s="257">
        <v>0</v>
      </c>
      <c r="I22" s="257">
        <v>0</v>
      </c>
      <c r="J22" s="257">
        <v>0</v>
      </c>
      <c r="K22" s="257">
        <v>0</v>
      </c>
      <c r="L22" s="258">
        <v>0</v>
      </c>
      <c r="M22" s="259">
        <v>0</v>
      </c>
      <c r="N22" s="253">
        <v>0</v>
      </c>
      <c r="O22" s="257">
        <v>0</v>
      </c>
      <c r="P22" s="254">
        <v>0</v>
      </c>
      <c r="Q22" s="256">
        <v>0</v>
      </c>
      <c r="R22" s="257">
        <v>0</v>
      </c>
      <c r="S22" s="257">
        <v>0</v>
      </c>
      <c r="T22" s="257">
        <v>0</v>
      </c>
      <c r="U22" s="257">
        <v>0</v>
      </c>
      <c r="V22" s="257">
        <v>0</v>
      </c>
      <c r="W22" s="254">
        <v>0</v>
      </c>
      <c r="X22" s="259">
        <v>0</v>
      </c>
      <c r="Y22" s="253">
        <v>0</v>
      </c>
      <c r="Z22" s="257">
        <v>0</v>
      </c>
      <c r="AA22" s="254">
        <v>0</v>
      </c>
      <c r="AB22" s="256">
        <v>0</v>
      </c>
      <c r="AC22" s="257">
        <v>7</v>
      </c>
      <c r="AD22" s="257">
        <v>8</v>
      </c>
      <c r="AE22" s="257">
        <v>2</v>
      </c>
      <c r="AF22" s="257">
        <v>0</v>
      </c>
      <c r="AG22" s="257">
        <v>0</v>
      </c>
      <c r="AH22" s="254">
        <v>17</v>
      </c>
      <c r="AI22" s="259">
        <v>17</v>
      </c>
      <c r="AJ22" s="253">
        <v>0</v>
      </c>
      <c r="AK22" s="257">
        <v>0</v>
      </c>
      <c r="AL22" s="254">
        <v>0</v>
      </c>
      <c r="AM22" s="256">
        <v>0</v>
      </c>
      <c r="AN22" s="257">
        <v>0</v>
      </c>
      <c r="AO22" s="257">
        <v>0</v>
      </c>
      <c r="AP22" s="257">
        <v>0</v>
      </c>
      <c r="AQ22" s="257">
        <v>0</v>
      </c>
      <c r="AR22" s="257">
        <v>0</v>
      </c>
      <c r="AS22" s="254">
        <v>0</v>
      </c>
      <c r="AT22" s="259">
        <v>0</v>
      </c>
      <c r="AU22" s="253">
        <v>0</v>
      </c>
      <c r="AV22" s="257">
        <v>1</v>
      </c>
      <c r="AW22" s="254">
        <v>1</v>
      </c>
      <c r="AX22" s="256">
        <v>0</v>
      </c>
      <c r="AY22" s="257">
        <v>1</v>
      </c>
      <c r="AZ22" s="257">
        <v>1</v>
      </c>
      <c r="BA22" s="257">
        <v>1</v>
      </c>
      <c r="BB22" s="257">
        <v>0</v>
      </c>
      <c r="BC22" s="257">
        <v>0</v>
      </c>
      <c r="BD22" s="254">
        <v>3</v>
      </c>
      <c r="BE22" s="259">
        <v>4</v>
      </c>
      <c r="BF22" s="253">
        <v>0</v>
      </c>
      <c r="BG22" s="257">
        <v>0</v>
      </c>
      <c r="BH22" s="254">
        <v>0</v>
      </c>
      <c r="BI22" s="256">
        <v>0</v>
      </c>
      <c r="BJ22" s="257">
        <v>1</v>
      </c>
      <c r="BK22" s="257">
        <v>2</v>
      </c>
      <c r="BL22" s="257">
        <v>3</v>
      </c>
      <c r="BM22" s="257">
        <v>0</v>
      </c>
      <c r="BN22" s="257">
        <v>1</v>
      </c>
      <c r="BO22" s="258">
        <v>7</v>
      </c>
      <c r="BP22" s="259">
        <v>7</v>
      </c>
      <c r="BQ22" s="253">
        <v>0</v>
      </c>
      <c r="BR22" s="257">
        <v>0</v>
      </c>
      <c r="BS22" s="254">
        <v>0</v>
      </c>
      <c r="BT22" s="256">
        <v>0</v>
      </c>
      <c r="BU22" s="257">
        <v>0</v>
      </c>
      <c r="BV22" s="257">
        <v>0</v>
      </c>
      <c r="BW22" s="257">
        <v>0</v>
      </c>
      <c r="BX22" s="257">
        <v>0</v>
      </c>
      <c r="BY22" s="257">
        <v>0</v>
      </c>
      <c r="BZ22" s="254">
        <v>0</v>
      </c>
      <c r="CA22" s="259">
        <v>0</v>
      </c>
      <c r="CB22" s="253">
        <v>0</v>
      </c>
      <c r="CC22" s="257">
        <v>0</v>
      </c>
      <c r="CD22" s="254">
        <v>0</v>
      </c>
      <c r="CE22" s="256">
        <v>0</v>
      </c>
      <c r="CF22" s="257">
        <v>0</v>
      </c>
      <c r="CG22" s="257">
        <v>0</v>
      </c>
      <c r="CH22" s="257">
        <v>0</v>
      </c>
      <c r="CI22" s="257">
        <v>0</v>
      </c>
      <c r="CJ22" s="257">
        <v>0</v>
      </c>
      <c r="CK22" s="254">
        <v>0</v>
      </c>
      <c r="CL22" s="259">
        <v>0</v>
      </c>
      <c r="CM22" s="253">
        <v>0</v>
      </c>
      <c r="CN22" s="257">
        <v>0</v>
      </c>
      <c r="CO22" s="254">
        <v>0</v>
      </c>
      <c r="CP22" s="256">
        <v>0</v>
      </c>
      <c r="CQ22" s="257">
        <v>0</v>
      </c>
      <c r="CR22" s="257">
        <v>0</v>
      </c>
      <c r="CS22" s="257">
        <v>0</v>
      </c>
      <c r="CT22" s="257">
        <v>0</v>
      </c>
      <c r="CU22" s="257">
        <v>0</v>
      </c>
      <c r="CV22" s="254">
        <v>0</v>
      </c>
      <c r="CW22" s="259">
        <v>0</v>
      </c>
    </row>
    <row r="23" spans="2:101" ht="21" customHeight="1" x14ac:dyDescent="0.2">
      <c r="B23" s="437" t="s">
        <v>21</v>
      </c>
      <c r="C23" s="253">
        <v>0</v>
      </c>
      <c r="D23" s="254">
        <v>0</v>
      </c>
      <c r="E23" s="255">
        <v>0</v>
      </c>
      <c r="F23" s="256">
        <v>0</v>
      </c>
      <c r="G23" s="257">
        <v>1</v>
      </c>
      <c r="H23" s="257">
        <v>0</v>
      </c>
      <c r="I23" s="257">
        <v>0</v>
      </c>
      <c r="J23" s="257">
        <v>0</v>
      </c>
      <c r="K23" s="257">
        <v>0</v>
      </c>
      <c r="L23" s="258">
        <v>1</v>
      </c>
      <c r="M23" s="259">
        <v>1</v>
      </c>
      <c r="N23" s="253">
        <v>0</v>
      </c>
      <c r="O23" s="257">
        <v>0</v>
      </c>
      <c r="P23" s="254">
        <v>0</v>
      </c>
      <c r="Q23" s="256">
        <v>0</v>
      </c>
      <c r="R23" s="257">
        <v>0</v>
      </c>
      <c r="S23" s="257">
        <v>0</v>
      </c>
      <c r="T23" s="257">
        <v>0</v>
      </c>
      <c r="U23" s="257">
        <v>0</v>
      </c>
      <c r="V23" s="257">
        <v>0</v>
      </c>
      <c r="W23" s="254">
        <v>0</v>
      </c>
      <c r="X23" s="259">
        <v>0</v>
      </c>
      <c r="Y23" s="253">
        <v>0</v>
      </c>
      <c r="Z23" s="257">
        <v>0</v>
      </c>
      <c r="AA23" s="254">
        <v>0</v>
      </c>
      <c r="AB23" s="256">
        <v>0</v>
      </c>
      <c r="AC23" s="257">
        <v>12</v>
      </c>
      <c r="AD23" s="257">
        <v>4</v>
      </c>
      <c r="AE23" s="257">
        <v>2</v>
      </c>
      <c r="AF23" s="257">
        <v>1</v>
      </c>
      <c r="AG23" s="257">
        <v>0</v>
      </c>
      <c r="AH23" s="254">
        <v>19</v>
      </c>
      <c r="AI23" s="259">
        <v>19</v>
      </c>
      <c r="AJ23" s="253">
        <v>0</v>
      </c>
      <c r="AK23" s="257">
        <v>0</v>
      </c>
      <c r="AL23" s="254">
        <v>0</v>
      </c>
      <c r="AM23" s="256">
        <v>0</v>
      </c>
      <c r="AN23" s="257">
        <v>0</v>
      </c>
      <c r="AO23" s="257">
        <v>0</v>
      </c>
      <c r="AP23" s="257">
        <v>0</v>
      </c>
      <c r="AQ23" s="257">
        <v>0</v>
      </c>
      <c r="AR23" s="257">
        <v>0</v>
      </c>
      <c r="AS23" s="254">
        <v>0</v>
      </c>
      <c r="AT23" s="259">
        <v>0</v>
      </c>
      <c r="AU23" s="253">
        <v>0</v>
      </c>
      <c r="AV23" s="257">
        <v>0</v>
      </c>
      <c r="AW23" s="254">
        <v>0</v>
      </c>
      <c r="AX23" s="256">
        <v>0</v>
      </c>
      <c r="AY23" s="257">
        <v>0</v>
      </c>
      <c r="AZ23" s="257">
        <v>0</v>
      </c>
      <c r="BA23" s="257">
        <v>2</v>
      </c>
      <c r="BB23" s="257">
        <v>0</v>
      </c>
      <c r="BC23" s="257">
        <v>0</v>
      </c>
      <c r="BD23" s="254">
        <v>2</v>
      </c>
      <c r="BE23" s="259">
        <v>2</v>
      </c>
      <c r="BF23" s="253">
        <v>0</v>
      </c>
      <c r="BG23" s="257">
        <v>0</v>
      </c>
      <c r="BH23" s="254">
        <v>0</v>
      </c>
      <c r="BI23" s="256">
        <v>0</v>
      </c>
      <c r="BJ23" s="257">
        <v>0</v>
      </c>
      <c r="BK23" s="257">
        <v>1</v>
      </c>
      <c r="BL23" s="257">
        <v>1</v>
      </c>
      <c r="BM23" s="257">
        <v>3</v>
      </c>
      <c r="BN23" s="257">
        <v>0</v>
      </c>
      <c r="BO23" s="258">
        <v>5</v>
      </c>
      <c r="BP23" s="259">
        <v>5</v>
      </c>
      <c r="BQ23" s="253">
        <v>0</v>
      </c>
      <c r="BR23" s="257">
        <v>0</v>
      </c>
      <c r="BS23" s="254">
        <v>0</v>
      </c>
      <c r="BT23" s="256">
        <v>0</v>
      </c>
      <c r="BU23" s="257">
        <v>0</v>
      </c>
      <c r="BV23" s="257">
        <v>0</v>
      </c>
      <c r="BW23" s="257">
        <v>0</v>
      </c>
      <c r="BX23" s="257">
        <v>0</v>
      </c>
      <c r="BY23" s="257">
        <v>0</v>
      </c>
      <c r="BZ23" s="254">
        <v>0</v>
      </c>
      <c r="CA23" s="259">
        <v>0</v>
      </c>
      <c r="CB23" s="253">
        <v>0</v>
      </c>
      <c r="CC23" s="257">
        <v>0</v>
      </c>
      <c r="CD23" s="254">
        <v>0</v>
      </c>
      <c r="CE23" s="256">
        <v>0</v>
      </c>
      <c r="CF23" s="257">
        <v>0</v>
      </c>
      <c r="CG23" s="257">
        <v>0</v>
      </c>
      <c r="CH23" s="257">
        <v>0</v>
      </c>
      <c r="CI23" s="257">
        <v>0</v>
      </c>
      <c r="CJ23" s="257">
        <v>0</v>
      </c>
      <c r="CK23" s="254">
        <v>0</v>
      </c>
      <c r="CL23" s="259">
        <v>0</v>
      </c>
      <c r="CM23" s="253">
        <v>0</v>
      </c>
      <c r="CN23" s="257">
        <v>0</v>
      </c>
      <c r="CO23" s="254">
        <v>0</v>
      </c>
      <c r="CP23" s="256">
        <v>0</v>
      </c>
      <c r="CQ23" s="257">
        <v>0</v>
      </c>
      <c r="CR23" s="257">
        <v>0</v>
      </c>
      <c r="CS23" s="257">
        <v>0</v>
      </c>
      <c r="CT23" s="257">
        <v>0</v>
      </c>
      <c r="CU23" s="257">
        <v>0</v>
      </c>
      <c r="CV23" s="254">
        <v>0</v>
      </c>
      <c r="CW23" s="259">
        <v>0</v>
      </c>
    </row>
    <row r="24" spans="2:101" ht="21" customHeight="1" x14ac:dyDescent="0.2">
      <c r="B24" s="437" t="s">
        <v>22</v>
      </c>
      <c r="C24" s="253">
        <v>0</v>
      </c>
      <c r="D24" s="254">
        <v>0</v>
      </c>
      <c r="E24" s="255">
        <v>0</v>
      </c>
      <c r="F24" s="256">
        <v>0</v>
      </c>
      <c r="G24" s="257">
        <v>0</v>
      </c>
      <c r="H24" s="257">
        <v>0</v>
      </c>
      <c r="I24" s="257">
        <v>1</v>
      </c>
      <c r="J24" s="257">
        <v>1</v>
      </c>
      <c r="K24" s="257">
        <v>0</v>
      </c>
      <c r="L24" s="258">
        <v>2</v>
      </c>
      <c r="M24" s="259">
        <v>2</v>
      </c>
      <c r="N24" s="253">
        <v>0</v>
      </c>
      <c r="O24" s="257">
        <v>0</v>
      </c>
      <c r="P24" s="254">
        <v>0</v>
      </c>
      <c r="Q24" s="256">
        <v>0</v>
      </c>
      <c r="R24" s="257">
        <v>0</v>
      </c>
      <c r="S24" s="257">
        <v>0</v>
      </c>
      <c r="T24" s="257">
        <v>0</v>
      </c>
      <c r="U24" s="257">
        <v>0</v>
      </c>
      <c r="V24" s="257">
        <v>0</v>
      </c>
      <c r="W24" s="254">
        <v>0</v>
      </c>
      <c r="X24" s="259">
        <v>0</v>
      </c>
      <c r="Y24" s="253">
        <v>0</v>
      </c>
      <c r="Z24" s="257">
        <v>0</v>
      </c>
      <c r="AA24" s="254">
        <v>0</v>
      </c>
      <c r="AB24" s="256">
        <v>0</v>
      </c>
      <c r="AC24" s="257">
        <v>9</v>
      </c>
      <c r="AD24" s="257">
        <v>5</v>
      </c>
      <c r="AE24" s="257">
        <v>1</v>
      </c>
      <c r="AF24" s="257">
        <v>1</v>
      </c>
      <c r="AG24" s="257">
        <v>0</v>
      </c>
      <c r="AH24" s="254">
        <v>16</v>
      </c>
      <c r="AI24" s="259">
        <v>16</v>
      </c>
      <c r="AJ24" s="253">
        <v>0</v>
      </c>
      <c r="AK24" s="257">
        <v>0</v>
      </c>
      <c r="AL24" s="254">
        <v>0</v>
      </c>
      <c r="AM24" s="256">
        <v>0</v>
      </c>
      <c r="AN24" s="257">
        <v>0</v>
      </c>
      <c r="AO24" s="257">
        <v>0</v>
      </c>
      <c r="AP24" s="257">
        <v>1</v>
      </c>
      <c r="AQ24" s="257">
        <v>0</v>
      </c>
      <c r="AR24" s="257">
        <v>0</v>
      </c>
      <c r="AS24" s="254">
        <v>1</v>
      </c>
      <c r="AT24" s="259">
        <v>1</v>
      </c>
      <c r="AU24" s="253">
        <v>0</v>
      </c>
      <c r="AV24" s="257">
        <v>0</v>
      </c>
      <c r="AW24" s="254">
        <v>0</v>
      </c>
      <c r="AX24" s="256">
        <v>0</v>
      </c>
      <c r="AY24" s="257">
        <v>0</v>
      </c>
      <c r="AZ24" s="257">
        <v>3</v>
      </c>
      <c r="BA24" s="257">
        <v>0</v>
      </c>
      <c r="BB24" s="257">
        <v>0</v>
      </c>
      <c r="BC24" s="257">
        <v>0</v>
      </c>
      <c r="BD24" s="254">
        <v>3</v>
      </c>
      <c r="BE24" s="259">
        <v>3</v>
      </c>
      <c r="BF24" s="253">
        <v>0</v>
      </c>
      <c r="BG24" s="257">
        <v>0</v>
      </c>
      <c r="BH24" s="254">
        <v>0</v>
      </c>
      <c r="BI24" s="256">
        <v>0</v>
      </c>
      <c r="BJ24" s="257">
        <v>0</v>
      </c>
      <c r="BK24" s="257">
        <v>0</v>
      </c>
      <c r="BL24" s="257">
        <v>0</v>
      </c>
      <c r="BM24" s="257">
        <v>0</v>
      </c>
      <c r="BN24" s="257">
        <v>0</v>
      </c>
      <c r="BO24" s="258">
        <v>0</v>
      </c>
      <c r="BP24" s="259">
        <v>0</v>
      </c>
      <c r="BQ24" s="253">
        <v>0</v>
      </c>
      <c r="BR24" s="257">
        <v>0</v>
      </c>
      <c r="BS24" s="254">
        <v>0</v>
      </c>
      <c r="BT24" s="256">
        <v>0</v>
      </c>
      <c r="BU24" s="257">
        <v>0</v>
      </c>
      <c r="BV24" s="257">
        <v>0</v>
      </c>
      <c r="BW24" s="257">
        <v>0</v>
      </c>
      <c r="BX24" s="257">
        <v>0</v>
      </c>
      <c r="BY24" s="257">
        <v>0</v>
      </c>
      <c r="BZ24" s="254">
        <v>0</v>
      </c>
      <c r="CA24" s="259">
        <v>0</v>
      </c>
      <c r="CB24" s="253">
        <v>0</v>
      </c>
      <c r="CC24" s="257">
        <v>0</v>
      </c>
      <c r="CD24" s="254">
        <v>0</v>
      </c>
      <c r="CE24" s="256">
        <v>0</v>
      </c>
      <c r="CF24" s="257">
        <v>0</v>
      </c>
      <c r="CG24" s="257">
        <v>0</v>
      </c>
      <c r="CH24" s="257">
        <v>0</v>
      </c>
      <c r="CI24" s="257">
        <v>0</v>
      </c>
      <c r="CJ24" s="257">
        <v>0</v>
      </c>
      <c r="CK24" s="254">
        <v>0</v>
      </c>
      <c r="CL24" s="259">
        <v>0</v>
      </c>
      <c r="CM24" s="253">
        <v>0</v>
      </c>
      <c r="CN24" s="257">
        <v>0</v>
      </c>
      <c r="CO24" s="254">
        <v>0</v>
      </c>
      <c r="CP24" s="256">
        <v>0</v>
      </c>
      <c r="CQ24" s="257">
        <v>0</v>
      </c>
      <c r="CR24" s="257">
        <v>0</v>
      </c>
      <c r="CS24" s="257">
        <v>0</v>
      </c>
      <c r="CT24" s="257">
        <v>0</v>
      </c>
      <c r="CU24" s="257">
        <v>0</v>
      </c>
      <c r="CV24" s="254">
        <v>0</v>
      </c>
      <c r="CW24" s="259">
        <v>0</v>
      </c>
    </row>
    <row r="25" spans="2:101" ht="21" customHeight="1" x14ac:dyDescent="0.2">
      <c r="B25" s="437" t="s">
        <v>23</v>
      </c>
      <c r="C25" s="253">
        <v>0</v>
      </c>
      <c r="D25" s="254">
        <v>0</v>
      </c>
      <c r="E25" s="255">
        <v>0</v>
      </c>
      <c r="F25" s="256">
        <v>0</v>
      </c>
      <c r="G25" s="257">
        <v>0</v>
      </c>
      <c r="H25" s="257">
        <v>0</v>
      </c>
      <c r="I25" s="257">
        <v>0</v>
      </c>
      <c r="J25" s="257">
        <v>0</v>
      </c>
      <c r="K25" s="257">
        <v>1</v>
      </c>
      <c r="L25" s="258">
        <v>1</v>
      </c>
      <c r="M25" s="259">
        <v>1</v>
      </c>
      <c r="N25" s="253">
        <v>0</v>
      </c>
      <c r="O25" s="257">
        <v>0</v>
      </c>
      <c r="P25" s="254">
        <v>0</v>
      </c>
      <c r="Q25" s="256">
        <v>0</v>
      </c>
      <c r="R25" s="257">
        <v>0</v>
      </c>
      <c r="S25" s="257">
        <v>0</v>
      </c>
      <c r="T25" s="257">
        <v>0</v>
      </c>
      <c r="U25" s="257">
        <v>0</v>
      </c>
      <c r="V25" s="257">
        <v>0</v>
      </c>
      <c r="W25" s="254">
        <v>0</v>
      </c>
      <c r="X25" s="259">
        <v>0</v>
      </c>
      <c r="Y25" s="253">
        <v>0</v>
      </c>
      <c r="Z25" s="257">
        <v>0</v>
      </c>
      <c r="AA25" s="254">
        <v>0</v>
      </c>
      <c r="AB25" s="256">
        <v>0</v>
      </c>
      <c r="AC25" s="257">
        <v>2</v>
      </c>
      <c r="AD25" s="257">
        <v>2</v>
      </c>
      <c r="AE25" s="257">
        <v>3</v>
      </c>
      <c r="AF25" s="257">
        <v>0</v>
      </c>
      <c r="AG25" s="257">
        <v>0</v>
      </c>
      <c r="AH25" s="254">
        <v>7</v>
      </c>
      <c r="AI25" s="259">
        <v>7</v>
      </c>
      <c r="AJ25" s="253">
        <v>0</v>
      </c>
      <c r="AK25" s="257">
        <v>0</v>
      </c>
      <c r="AL25" s="254">
        <v>0</v>
      </c>
      <c r="AM25" s="256">
        <v>0</v>
      </c>
      <c r="AN25" s="257">
        <v>0</v>
      </c>
      <c r="AO25" s="257">
        <v>0</v>
      </c>
      <c r="AP25" s="257">
        <v>0</v>
      </c>
      <c r="AQ25" s="257">
        <v>0</v>
      </c>
      <c r="AR25" s="257">
        <v>0</v>
      </c>
      <c r="AS25" s="254">
        <v>0</v>
      </c>
      <c r="AT25" s="259">
        <v>0</v>
      </c>
      <c r="AU25" s="253">
        <v>0</v>
      </c>
      <c r="AV25" s="257">
        <v>0</v>
      </c>
      <c r="AW25" s="254">
        <v>0</v>
      </c>
      <c r="AX25" s="256">
        <v>0</v>
      </c>
      <c r="AY25" s="257">
        <v>0</v>
      </c>
      <c r="AZ25" s="257">
        <v>0</v>
      </c>
      <c r="BA25" s="257">
        <v>0</v>
      </c>
      <c r="BB25" s="257">
        <v>0</v>
      </c>
      <c r="BC25" s="257">
        <v>0</v>
      </c>
      <c r="BD25" s="254">
        <v>0</v>
      </c>
      <c r="BE25" s="259">
        <v>0</v>
      </c>
      <c r="BF25" s="253">
        <v>0</v>
      </c>
      <c r="BG25" s="257">
        <v>0</v>
      </c>
      <c r="BH25" s="254">
        <v>0</v>
      </c>
      <c r="BI25" s="256">
        <v>0</v>
      </c>
      <c r="BJ25" s="257">
        <v>1</v>
      </c>
      <c r="BK25" s="257">
        <v>2</v>
      </c>
      <c r="BL25" s="257">
        <v>3</v>
      </c>
      <c r="BM25" s="257">
        <v>0</v>
      </c>
      <c r="BN25" s="257">
        <v>0</v>
      </c>
      <c r="BO25" s="258">
        <v>6</v>
      </c>
      <c r="BP25" s="259">
        <v>6</v>
      </c>
      <c r="BQ25" s="253">
        <v>0</v>
      </c>
      <c r="BR25" s="257">
        <v>0</v>
      </c>
      <c r="BS25" s="254">
        <v>0</v>
      </c>
      <c r="BT25" s="256">
        <v>0</v>
      </c>
      <c r="BU25" s="257">
        <v>0</v>
      </c>
      <c r="BV25" s="257">
        <v>0</v>
      </c>
      <c r="BW25" s="257">
        <v>0</v>
      </c>
      <c r="BX25" s="257">
        <v>0</v>
      </c>
      <c r="BY25" s="257">
        <v>0</v>
      </c>
      <c r="BZ25" s="254">
        <v>0</v>
      </c>
      <c r="CA25" s="259">
        <v>0</v>
      </c>
      <c r="CB25" s="253">
        <v>0</v>
      </c>
      <c r="CC25" s="257">
        <v>0</v>
      </c>
      <c r="CD25" s="254">
        <v>0</v>
      </c>
      <c r="CE25" s="256">
        <v>0</v>
      </c>
      <c r="CF25" s="257">
        <v>0</v>
      </c>
      <c r="CG25" s="257">
        <v>0</v>
      </c>
      <c r="CH25" s="257">
        <v>0</v>
      </c>
      <c r="CI25" s="257">
        <v>0</v>
      </c>
      <c r="CJ25" s="257">
        <v>0</v>
      </c>
      <c r="CK25" s="254">
        <v>0</v>
      </c>
      <c r="CL25" s="259">
        <v>0</v>
      </c>
      <c r="CM25" s="253">
        <v>0</v>
      </c>
      <c r="CN25" s="257">
        <v>0</v>
      </c>
      <c r="CO25" s="254">
        <v>0</v>
      </c>
      <c r="CP25" s="256">
        <v>0</v>
      </c>
      <c r="CQ25" s="257">
        <v>0</v>
      </c>
      <c r="CR25" s="257">
        <v>0</v>
      </c>
      <c r="CS25" s="257">
        <v>0</v>
      </c>
      <c r="CT25" s="257">
        <v>0</v>
      </c>
      <c r="CU25" s="257">
        <v>0</v>
      </c>
      <c r="CV25" s="254">
        <v>0</v>
      </c>
      <c r="CW25" s="259">
        <v>0</v>
      </c>
    </row>
    <row r="26" spans="2:101" ht="21" customHeight="1" x14ac:dyDescent="0.2">
      <c r="B26" s="437" t="s">
        <v>24</v>
      </c>
      <c r="C26" s="253">
        <v>0</v>
      </c>
      <c r="D26" s="254">
        <v>0</v>
      </c>
      <c r="E26" s="255">
        <v>0</v>
      </c>
      <c r="F26" s="256">
        <v>0</v>
      </c>
      <c r="G26" s="257">
        <v>0</v>
      </c>
      <c r="H26" s="257">
        <v>0</v>
      </c>
      <c r="I26" s="257">
        <v>0</v>
      </c>
      <c r="J26" s="257">
        <v>2</v>
      </c>
      <c r="K26" s="257">
        <v>0</v>
      </c>
      <c r="L26" s="258">
        <v>2</v>
      </c>
      <c r="M26" s="259">
        <v>2</v>
      </c>
      <c r="N26" s="253">
        <v>0</v>
      </c>
      <c r="O26" s="257">
        <v>0</v>
      </c>
      <c r="P26" s="254">
        <v>0</v>
      </c>
      <c r="Q26" s="256">
        <v>0</v>
      </c>
      <c r="R26" s="257">
        <v>0</v>
      </c>
      <c r="S26" s="257">
        <v>0</v>
      </c>
      <c r="T26" s="257">
        <v>0</v>
      </c>
      <c r="U26" s="257">
        <v>0</v>
      </c>
      <c r="V26" s="257">
        <v>0</v>
      </c>
      <c r="W26" s="254">
        <v>0</v>
      </c>
      <c r="X26" s="259">
        <v>0</v>
      </c>
      <c r="Y26" s="253">
        <v>0</v>
      </c>
      <c r="Z26" s="257">
        <v>0</v>
      </c>
      <c r="AA26" s="254">
        <v>0</v>
      </c>
      <c r="AB26" s="256">
        <v>0</v>
      </c>
      <c r="AC26" s="257">
        <v>0</v>
      </c>
      <c r="AD26" s="257">
        <v>1</v>
      </c>
      <c r="AE26" s="257">
        <v>0</v>
      </c>
      <c r="AF26" s="257">
        <v>1</v>
      </c>
      <c r="AG26" s="257">
        <v>0</v>
      </c>
      <c r="AH26" s="254">
        <v>2</v>
      </c>
      <c r="AI26" s="259">
        <v>2</v>
      </c>
      <c r="AJ26" s="253">
        <v>0</v>
      </c>
      <c r="AK26" s="257">
        <v>0</v>
      </c>
      <c r="AL26" s="254">
        <v>0</v>
      </c>
      <c r="AM26" s="256">
        <v>0</v>
      </c>
      <c r="AN26" s="257">
        <v>0</v>
      </c>
      <c r="AO26" s="257">
        <v>1</v>
      </c>
      <c r="AP26" s="257">
        <v>1</v>
      </c>
      <c r="AQ26" s="257">
        <v>0</v>
      </c>
      <c r="AR26" s="257">
        <v>1</v>
      </c>
      <c r="AS26" s="254">
        <v>3</v>
      </c>
      <c r="AT26" s="259">
        <v>3</v>
      </c>
      <c r="AU26" s="253">
        <v>0</v>
      </c>
      <c r="AV26" s="257">
        <v>0</v>
      </c>
      <c r="AW26" s="254">
        <v>0</v>
      </c>
      <c r="AX26" s="256">
        <v>0</v>
      </c>
      <c r="AY26" s="257">
        <v>3</v>
      </c>
      <c r="AZ26" s="257">
        <v>0</v>
      </c>
      <c r="BA26" s="257">
        <v>1</v>
      </c>
      <c r="BB26" s="257">
        <v>0</v>
      </c>
      <c r="BC26" s="257">
        <v>0</v>
      </c>
      <c r="BD26" s="254">
        <v>4</v>
      </c>
      <c r="BE26" s="259">
        <v>4</v>
      </c>
      <c r="BF26" s="253">
        <v>0</v>
      </c>
      <c r="BG26" s="257">
        <v>0</v>
      </c>
      <c r="BH26" s="254">
        <v>0</v>
      </c>
      <c r="BI26" s="256">
        <v>0</v>
      </c>
      <c r="BJ26" s="257">
        <v>0</v>
      </c>
      <c r="BK26" s="257">
        <v>0</v>
      </c>
      <c r="BL26" s="257">
        <v>0</v>
      </c>
      <c r="BM26" s="257">
        <v>0</v>
      </c>
      <c r="BN26" s="257">
        <v>2</v>
      </c>
      <c r="BO26" s="258">
        <v>2</v>
      </c>
      <c r="BP26" s="259">
        <v>2</v>
      </c>
      <c r="BQ26" s="253">
        <v>0</v>
      </c>
      <c r="BR26" s="257">
        <v>0</v>
      </c>
      <c r="BS26" s="254">
        <v>0</v>
      </c>
      <c r="BT26" s="256">
        <v>0</v>
      </c>
      <c r="BU26" s="257">
        <v>0</v>
      </c>
      <c r="BV26" s="257">
        <v>0</v>
      </c>
      <c r="BW26" s="257">
        <v>0</v>
      </c>
      <c r="BX26" s="257">
        <v>0</v>
      </c>
      <c r="BY26" s="257">
        <v>0</v>
      </c>
      <c r="BZ26" s="254">
        <v>0</v>
      </c>
      <c r="CA26" s="259">
        <v>0</v>
      </c>
      <c r="CB26" s="253">
        <v>0</v>
      </c>
      <c r="CC26" s="257">
        <v>0</v>
      </c>
      <c r="CD26" s="254">
        <v>0</v>
      </c>
      <c r="CE26" s="256">
        <v>0</v>
      </c>
      <c r="CF26" s="257">
        <v>0</v>
      </c>
      <c r="CG26" s="257">
        <v>0</v>
      </c>
      <c r="CH26" s="257">
        <v>0</v>
      </c>
      <c r="CI26" s="257">
        <v>0</v>
      </c>
      <c r="CJ26" s="257">
        <v>0</v>
      </c>
      <c r="CK26" s="254">
        <v>0</v>
      </c>
      <c r="CL26" s="259">
        <v>0</v>
      </c>
      <c r="CM26" s="253">
        <v>0</v>
      </c>
      <c r="CN26" s="257">
        <v>0</v>
      </c>
      <c r="CO26" s="254">
        <v>0</v>
      </c>
      <c r="CP26" s="256">
        <v>0</v>
      </c>
      <c r="CQ26" s="257">
        <v>0</v>
      </c>
      <c r="CR26" s="257">
        <v>0</v>
      </c>
      <c r="CS26" s="257">
        <v>0</v>
      </c>
      <c r="CT26" s="257">
        <v>0</v>
      </c>
      <c r="CU26" s="257">
        <v>0</v>
      </c>
      <c r="CV26" s="254">
        <v>0</v>
      </c>
      <c r="CW26" s="259">
        <v>0</v>
      </c>
    </row>
    <row r="27" spans="2:101" ht="21" customHeight="1" x14ac:dyDescent="0.2">
      <c r="B27" s="437" t="s">
        <v>25</v>
      </c>
      <c r="C27" s="253">
        <v>0</v>
      </c>
      <c r="D27" s="254">
        <v>0</v>
      </c>
      <c r="E27" s="255">
        <v>0</v>
      </c>
      <c r="F27" s="256">
        <v>0</v>
      </c>
      <c r="G27" s="257">
        <v>0</v>
      </c>
      <c r="H27" s="257">
        <v>0</v>
      </c>
      <c r="I27" s="257">
        <v>0</v>
      </c>
      <c r="J27" s="257">
        <v>0</v>
      </c>
      <c r="K27" s="257">
        <v>0</v>
      </c>
      <c r="L27" s="258">
        <v>0</v>
      </c>
      <c r="M27" s="259">
        <v>0</v>
      </c>
      <c r="N27" s="253">
        <v>0</v>
      </c>
      <c r="O27" s="257">
        <v>0</v>
      </c>
      <c r="P27" s="254">
        <v>0</v>
      </c>
      <c r="Q27" s="256">
        <v>0</v>
      </c>
      <c r="R27" s="257">
        <v>0</v>
      </c>
      <c r="S27" s="257">
        <v>0</v>
      </c>
      <c r="T27" s="257">
        <v>0</v>
      </c>
      <c r="U27" s="257">
        <v>0</v>
      </c>
      <c r="V27" s="257">
        <v>0</v>
      </c>
      <c r="W27" s="254">
        <v>0</v>
      </c>
      <c r="X27" s="259">
        <v>0</v>
      </c>
      <c r="Y27" s="253">
        <v>0</v>
      </c>
      <c r="Z27" s="257">
        <v>0</v>
      </c>
      <c r="AA27" s="254">
        <v>0</v>
      </c>
      <c r="AB27" s="256">
        <v>0</v>
      </c>
      <c r="AC27" s="257">
        <v>5</v>
      </c>
      <c r="AD27" s="257">
        <v>2</v>
      </c>
      <c r="AE27" s="257">
        <v>0</v>
      </c>
      <c r="AF27" s="257">
        <v>0</v>
      </c>
      <c r="AG27" s="257">
        <v>0</v>
      </c>
      <c r="AH27" s="254">
        <v>7</v>
      </c>
      <c r="AI27" s="259">
        <v>7</v>
      </c>
      <c r="AJ27" s="253">
        <v>0</v>
      </c>
      <c r="AK27" s="257">
        <v>0</v>
      </c>
      <c r="AL27" s="254">
        <v>0</v>
      </c>
      <c r="AM27" s="256">
        <v>0</v>
      </c>
      <c r="AN27" s="257">
        <v>0</v>
      </c>
      <c r="AO27" s="257">
        <v>0</v>
      </c>
      <c r="AP27" s="257">
        <v>0</v>
      </c>
      <c r="AQ27" s="257">
        <v>0</v>
      </c>
      <c r="AR27" s="257">
        <v>0</v>
      </c>
      <c r="AS27" s="254">
        <v>0</v>
      </c>
      <c r="AT27" s="259">
        <v>0</v>
      </c>
      <c r="AU27" s="253">
        <v>0</v>
      </c>
      <c r="AV27" s="257">
        <v>0</v>
      </c>
      <c r="AW27" s="254">
        <v>0</v>
      </c>
      <c r="AX27" s="256">
        <v>0</v>
      </c>
      <c r="AY27" s="257">
        <v>0</v>
      </c>
      <c r="AZ27" s="257">
        <v>0</v>
      </c>
      <c r="BA27" s="257">
        <v>0</v>
      </c>
      <c r="BB27" s="257">
        <v>0</v>
      </c>
      <c r="BC27" s="257">
        <v>0</v>
      </c>
      <c r="BD27" s="254">
        <v>0</v>
      </c>
      <c r="BE27" s="259">
        <v>0</v>
      </c>
      <c r="BF27" s="253">
        <v>0</v>
      </c>
      <c r="BG27" s="257">
        <v>0</v>
      </c>
      <c r="BH27" s="254">
        <v>0</v>
      </c>
      <c r="BI27" s="256">
        <v>0</v>
      </c>
      <c r="BJ27" s="257">
        <v>1</v>
      </c>
      <c r="BK27" s="257">
        <v>0</v>
      </c>
      <c r="BL27" s="257">
        <v>0</v>
      </c>
      <c r="BM27" s="257">
        <v>0</v>
      </c>
      <c r="BN27" s="257">
        <v>0</v>
      </c>
      <c r="BO27" s="258">
        <v>1</v>
      </c>
      <c r="BP27" s="259">
        <v>1</v>
      </c>
      <c r="BQ27" s="253">
        <v>0</v>
      </c>
      <c r="BR27" s="257">
        <v>0</v>
      </c>
      <c r="BS27" s="254">
        <v>0</v>
      </c>
      <c r="BT27" s="256">
        <v>0</v>
      </c>
      <c r="BU27" s="257">
        <v>0</v>
      </c>
      <c r="BV27" s="257">
        <v>0</v>
      </c>
      <c r="BW27" s="257">
        <v>0</v>
      </c>
      <c r="BX27" s="257">
        <v>0</v>
      </c>
      <c r="BY27" s="257">
        <v>0</v>
      </c>
      <c r="BZ27" s="254">
        <v>0</v>
      </c>
      <c r="CA27" s="259">
        <v>0</v>
      </c>
      <c r="CB27" s="253">
        <v>0</v>
      </c>
      <c r="CC27" s="257">
        <v>0</v>
      </c>
      <c r="CD27" s="254">
        <v>0</v>
      </c>
      <c r="CE27" s="256">
        <v>0</v>
      </c>
      <c r="CF27" s="257">
        <v>0</v>
      </c>
      <c r="CG27" s="257">
        <v>0</v>
      </c>
      <c r="CH27" s="257">
        <v>0</v>
      </c>
      <c r="CI27" s="257">
        <v>0</v>
      </c>
      <c r="CJ27" s="257">
        <v>0</v>
      </c>
      <c r="CK27" s="254">
        <v>0</v>
      </c>
      <c r="CL27" s="259">
        <v>0</v>
      </c>
      <c r="CM27" s="253">
        <v>0</v>
      </c>
      <c r="CN27" s="257">
        <v>0</v>
      </c>
      <c r="CO27" s="254">
        <v>0</v>
      </c>
      <c r="CP27" s="256">
        <v>0</v>
      </c>
      <c r="CQ27" s="257">
        <v>0</v>
      </c>
      <c r="CR27" s="257">
        <v>0</v>
      </c>
      <c r="CS27" s="257">
        <v>0</v>
      </c>
      <c r="CT27" s="257">
        <v>0</v>
      </c>
      <c r="CU27" s="257">
        <v>0</v>
      </c>
      <c r="CV27" s="254">
        <v>0</v>
      </c>
      <c r="CW27" s="259">
        <v>0</v>
      </c>
    </row>
    <row r="28" spans="2:101" ht="21" customHeight="1" x14ac:dyDescent="0.2">
      <c r="B28" s="437" t="s">
        <v>26</v>
      </c>
      <c r="C28" s="253">
        <v>0</v>
      </c>
      <c r="D28" s="254">
        <v>0</v>
      </c>
      <c r="E28" s="255">
        <v>0</v>
      </c>
      <c r="F28" s="256">
        <v>0</v>
      </c>
      <c r="G28" s="257">
        <v>0</v>
      </c>
      <c r="H28" s="257">
        <v>0</v>
      </c>
      <c r="I28" s="257">
        <v>0</v>
      </c>
      <c r="J28" s="257">
        <v>0</v>
      </c>
      <c r="K28" s="257">
        <v>0</v>
      </c>
      <c r="L28" s="258">
        <v>0</v>
      </c>
      <c r="M28" s="259">
        <v>0</v>
      </c>
      <c r="N28" s="253">
        <v>0</v>
      </c>
      <c r="O28" s="257">
        <v>0</v>
      </c>
      <c r="P28" s="254">
        <v>0</v>
      </c>
      <c r="Q28" s="256">
        <v>0</v>
      </c>
      <c r="R28" s="257">
        <v>0</v>
      </c>
      <c r="S28" s="257">
        <v>0</v>
      </c>
      <c r="T28" s="257">
        <v>0</v>
      </c>
      <c r="U28" s="257">
        <v>0</v>
      </c>
      <c r="V28" s="257">
        <v>0</v>
      </c>
      <c r="W28" s="254">
        <v>0</v>
      </c>
      <c r="X28" s="259">
        <v>0</v>
      </c>
      <c r="Y28" s="253">
        <v>0</v>
      </c>
      <c r="Z28" s="257">
        <v>0</v>
      </c>
      <c r="AA28" s="254">
        <v>0</v>
      </c>
      <c r="AB28" s="256">
        <v>0</v>
      </c>
      <c r="AC28" s="257">
        <v>2</v>
      </c>
      <c r="AD28" s="257">
        <v>2</v>
      </c>
      <c r="AE28" s="257">
        <v>2</v>
      </c>
      <c r="AF28" s="257">
        <v>0</v>
      </c>
      <c r="AG28" s="257">
        <v>1</v>
      </c>
      <c r="AH28" s="254">
        <v>7</v>
      </c>
      <c r="AI28" s="259">
        <v>7</v>
      </c>
      <c r="AJ28" s="253">
        <v>0</v>
      </c>
      <c r="AK28" s="257">
        <v>0</v>
      </c>
      <c r="AL28" s="254">
        <v>0</v>
      </c>
      <c r="AM28" s="256">
        <v>0</v>
      </c>
      <c r="AN28" s="257">
        <v>0</v>
      </c>
      <c r="AO28" s="257">
        <v>0</v>
      </c>
      <c r="AP28" s="257">
        <v>0</v>
      </c>
      <c r="AQ28" s="257">
        <v>0</v>
      </c>
      <c r="AR28" s="257">
        <v>0</v>
      </c>
      <c r="AS28" s="254">
        <v>0</v>
      </c>
      <c r="AT28" s="259">
        <v>0</v>
      </c>
      <c r="AU28" s="253">
        <v>0</v>
      </c>
      <c r="AV28" s="257">
        <v>0</v>
      </c>
      <c r="AW28" s="254">
        <v>0</v>
      </c>
      <c r="AX28" s="256">
        <v>0</v>
      </c>
      <c r="AY28" s="257">
        <v>0</v>
      </c>
      <c r="AZ28" s="257">
        <v>1</v>
      </c>
      <c r="BA28" s="257">
        <v>0</v>
      </c>
      <c r="BB28" s="257">
        <v>0</v>
      </c>
      <c r="BC28" s="257">
        <v>0</v>
      </c>
      <c r="BD28" s="254">
        <v>1</v>
      </c>
      <c r="BE28" s="259">
        <v>1</v>
      </c>
      <c r="BF28" s="253">
        <v>0</v>
      </c>
      <c r="BG28" s="257">
        <v>0</v>
      </c>
      <c r="BH28" s="254">
        <v>0</v>
      </c>
      <c r="BI28" s="256">
        <v>0</v>
      </c>
      <c r="BJ28" s="257">
        <v>0</v>
      </c>
      <c r="BK28" s="257">
        <v>1</v>
      </c>
      <c r="BL28" s="257">
        <v>2</v>
      </c>
      <c r="BM28" s="257">
        <v>1</v>
      </c>
      <c r="BN28" s="257">
        <v>0</v>
      </c>
      <c r="BO28" s="258">
        <v>4</v>
      </c>
      <c r="BP28" s="259">
        <v>4</v>
      </c>
      <c r="BQ28" s="253">
        <v>0</v>
      </c>
      <c r="BR28" s="257">
        <v>0</v>
      </c>
      <c r="BS28" s="254">
        <v>0</v>
      </c>
      <c r="BT28" s="256">
        <v>0</v>
      </c>
      <c r="BU28" s="257">
        <v>0</v>
      </c>
      <c r="BV28" s="257">
        <v>0</v>
      </c>
      <c r="BW28" s="257">
        <v>0</v>
      </c>
      <c r="BX28" s="257">
        <v>0</v>
      </c>
      <c r="BY28" s="257">
        <v>0</v>
      </c>
      <c r="BZ28" s="254">
        <v>0</v>
      </c>
      <c r="CA28" s="259">
        <v>0</v>
      </c>
      <c r="CB28" s="253">
        <v>0</v>
      </c>
      <c r="CC28" s="257">
        <v>0</v>
      </c>
      <c r="CD28" s="254">
        <v>0</v>
      </c>
      <c r="CE28" s="256">
        <v>0</v>
      </c>
      <c r="CF28" s="257">
        <v>0</v>
      </c>
      <c r="CG28" s="257">
        <v>0</v>
      </c>
      <c r="CH28" s="257">
        <v>0</v>
      </c>
      <c r="CI28" s="257">
        <v>0</v>
      </c>
      <c r="CJ28" s="257">
        <v>0</v>
      </c>
      <c r="CK28" s="254">
        <v>0</v>
      </c>
      <c r="CL28" s="259">
        <v>0</v>
      </c>
      <c r="CM28" s="253">
        <v>0</v>
      </c>
      <c r="CN28" s="257">
        <v>0</v>
      </c>
      <c r="CO28" s="254">
        <v>0</v>
      </c>
      <c r="CP28" s="256">
        <v>0</v>
      </c>
      <c r="CQ28" s="257">
        <v>0</v>
      </c>
      <c r="CR28" s="257">
        <v>0</v>
      </c>
      <c r="CS28" s="257">
        <v>0</v>
      </c>
      <c r="CT28" s="257">
        <v>0</v>
      </c>
      <c r="CU28" s="257">
        <v>0</v>
      </c>
      <c r="CV28" s="254">
        <v>0</v>
      </c>
      <c r="CW28" s="259">
        <v>0</v>
      </c>
    </row>
    <row r="29" spans="2:101" ht="21" customHeight="1" x14ac:dyDescent="0.2">
      <c r="B29" s="437" t="s">
        <v>27</v>
      </c>
      <c r="C29" s="253">
        <v>0</v>
      </c>
      <c r="D29" s="254">
        <v>0</v>
      </c>
      <c r="E29" s="255">
        <v>0</v>
      </c>
      <c r="F29" s="256">
        <v>0</v>
      </c>
      <c r="G29" s="257">
        <v>0</v>
      </c>
      <c r="H29" s="257">
        <v>0</v>
      </c>
      <c r="I29" s="257">
        <v>0</v>
      </c>
      <c r="J29" s="257">
        <v>0</v>
      </c>
      <c r="K29" s="257">
        <v>0</v>
      </c>
      <c r="L29" s="258">
        <v>0</v>
      </c>
      <c r="M29" s="259">
        <v>0</v>
      </c>
      <c r="N29" s="253">
        <v>0</v>
      </c>
      <c r="O29" s="257">
        <v>0</v>
      </c>
      <c r="P29" s="254">
        <v>0</v>
      </c>
      <c r="Q29" s="256">
        <v>0</v>
      </c>
      <c r="R29" s="257">
        <v>0</v>
      </c>
      <c r="S29" s="257">
        <v>0</v>
      </c>
      <c r="T29" s="257">
        <v>0</v>
      </c>
      <c r="U29" s="257">
        <v>0</v>
      </c>
      <c r="V29" s="257">
        <v>0</v>
      </c>
      <c r="W29" s="254">
        <v>0</v>
      </c>
      <c r="X29" s="259">
        <v>0</v>
      </c>
      <c r="Y29" s="253">
        <v>0</v>
      </c>
      <c r="Z29" s="257">
        <v>0</v>
      </c>
      <c r="AA29" s="254">
        <v>0</v>
      </c>
      <c r="AB29" s="256">
        <v>0</v>
      </c>
      <c r="AC29" s="257">
        <v>3</v>
      </c>
      <c r="AD29" s="257">
        <v>3</v>
      </c>
      <c r="AE29" s="257">
        <v>0</v>
      </c>
      <c r="AF29" s="257">
        <v>0</v>
      </c>
      <c r="AG29" s="257">
        <v>0</v>
      </c>
      <c r="AH29" s="254">
        <v>6</v>
      </c>
      <c r="AI29" s="259">
        <v>6</v>
      </c>
      <c r="AJ29" s="253">
        <v>0</v>
      </c>
      <c r="AK29" s="257">
        <v>0</v>
      </c>
      <c r="AL29" s="254">
        <v>0</v>
      </c>
      <c r="AM29" s="256">
        <v>0</v>
      </c>
      <c r="AN29" s="257">
        <v>0</v>
      </c>
      <c r="AO29" s="257">
        <v>1</v>
      </c>
      <c r="AP29" s="257">
        <v>1</v>
      </c>
      <c r="AQ29" s="257">
        <v>0</v>
      </c>
      <c r="AR29" s="257">
        <v>0</v>
      </c>
      <c r="AS29" s="254">
        <v>2</v>
      </c>
      <c r="AT29" s="259">
        <v>2</v>
      </c>
      <c r="AU29" s="253">
        <v>0</v>
      </c>
      <c r="AV29" s="257">
        <v>0</v>
      </c>
      <c r="AW29" s="254">
        <v>0</v>
      </c>
      <c r="AX29" s="256">
        <v>0</v>
      </c>
      <c r="AY29" s="257">
        <v>0</v>
      </c>
      <c r="AZ29" s="257">
        <v>0</v>
      </c>
      <c r="BA29" s="257">
        <v>0</v>
      </c>
      <c r="BB29" s="257">
        <v>0</v>
      </c>
      <c r="BC29" s="257">
        <v>0</v>
      </c>
      <c r="BD29" s="254">
        <v>0</v>
      </c>
      <c r="BE29" s="259">
        <v>0</v>
      </c>
      <c r="BF29" s="253">
        <v>0</v>
      </c>
      <c r="BG29" s="257">
        <v>0</v>
      </c>
      <c r="BH29" s="254">
        <v>0</v>
      </c>
      <c r="BI29" s="256">
        <v>0</v>
      </c>
      <c r="BJ29" s="257">
        <v>0</v>
      </c>
      <c r="BK29" s="257">
        <v>0</v>
      </c>
      <c r="BL29" s="257">
        <v>0</v>
      </c>
      <c r="BM29" s="257">
        <v>0</v>
      </c>
      <c r="BN29" s="257">
        <v>0</v>
      </c>
      <c r="BO29" s="258">
        <v>0</v>
      </c>
      <c r="BP29" s="259">
        <v>0</v>
      </c>
      <c r="BQ29" s="253">
        <v>0</v>
      </c>
      <c r="BR29" s="257">
        <v>0</v>
      </c>
      <c r="BS29" s="254">
        <v>0</v>
      </c>
      <c r="BT29" s="256">
        <v>0</v>
      </c>
      <c r="BU29" s="257">
        <v>0</v>
      </c>
      <c r="BV29" s="257">
        <v>0</v>
      </c>
      <c r="BW29" s="257">
        <v>0</v>
      </c>
      <c r="BX29" s="257">
        <v>0</v>
      </c>
      <c r="BY29" s="257">
        <v>0</v>
      </c>
      <c r="BZ29" s="254">
        <v>0</v>
      </c>
      <c r="CA29" s="259">
        <v>0</v>
      </c>
      <c r="CB29" s="253">
        <v>0</v>
      </c>
      <c r="CC29" s="257">
        <v>0</v>
      </c>
      <c r="CD29" s="254">
        <v>0</v>
      </c>
      <c r="CE29" s="256">
        <v>0</v>
      </c>
      <c r="CF29" s="257">
        <v>0</v>
      </c>
      <c r="CG29" s="257">
        <v>0</v>
      </c>
      <c r="CH29" s="257">
        <v>0</v>
      </c>
      <c r="CI29" s="257">
        <v>0</v>
      </c>
      <c r="CJ29" s="257">
        <v>0</v>
      </c>
      <c r="CK29" s="254">
        <v>0</v>
      </c>
      <c r="CL29" s="259">
        <v>0</v>
      </c>
      <c r="CM29" s="253">
        <v>0</v>
      </c>
      <c r="CN29" s="257">
        <v>0</v>
      </c>
      <c r="CO29" s="254">
        <v>0</v>
      </c>
      <c r="CP29" s="256">
        <v>0</v>
      </c>
      <c r="CQ29" s="257">
        <v>0</v>
      </c>
      <c r="CR29" s="257">
        <v>0</v>
      </c>
      <c r="CS29" s="257">
        <v>0</v>
      </c>
      <c r="CT29" s="257">
        <v>0</v>
      </c>
      <c r="CU29" s="257">
        <v>0</v>
      </c>
      <c r="CV29" s="254">
        <v>0</v>
      </c>
      <c r="CW29" s="259">
        <v>0</v>
      </c>
    </row>
    <row r="30" spans="2:101" ht="21" customHeight="1" x14ac:dyDescent="0.2">
      <c r="B30" s="437" t="s">
        <v>28</v>
      </c>
      <c r="C30" s="253">
        <v>0</v>
      </c>
      <c r="D30" s="254">
        <v>0</v>
      </c>
      <c r="E30" s="255">
        <v>0</v>
      </c>
      <c r="F30" s="256">
        <v>0</v>
      </c>
      <c r="G30" s="257">
        <v>0</v>
      </c>
      <c r="H30" s="257">
        <v>0</v>
      </c>
      <c r="I30" s="257">
        <v>0</v>
      </c>
      <c r="J30" s="257">
        <v>0</v>
      </c>
      <c r="K30" s="257">
        <v>0</v>
      </c>
      <c r="L30" s="258">
        <v>0</v>
      </c>
      <c r="M30" s="259">
        <v>0</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6</v>
      </c>
      <c r="AD30" s="257">
        <v>0</v>
      </c>
      <c r="AE30" s="257">
        <v>0</v>
      </c>
      <c r="AF30" s="257">
        <v>0</v>
      </c>
      <c r="AG30" s="257">
        <v>0</v>
      </c>
      <c r="AH30" s="254">
        <v>6</v>
      </c>
      <c r="AI30" s="259">
        <v>6</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0</v>
      </c>
      <c r="AZ30" s="257">
        <v>0</v>
      </c>
      <c r="BA30" s="257">
        <v>0</v>
      </c>
      <c r="BB30" s="257">
        <v>0</v>
      </c>
      <c r="BC30" s="257">
        <v>0</v>
      </c>
      <c r="BD30" s="254">
        <v>0</v>
      </c>
      <c r="BE30" s="259">
        <v>0</v>
      </c>
      <c r="BF30" s="253">
        <v>0</v>
      </c>
      <c r="BG30" s="257">
        <v>0</v>
      </c>
      <c r="BH30" s="254">
        <v>0</v>
      </c>
      <c r="BI30" s="256">
        <v>0</v>
      </c>
      <c r="BJ30" s="257">
        <v>0</v>
      </c>
      <c r="BK30" s="257">
        <v>1</v>
      </c>
      <c r="BL30" s="257">
        <v>1</v>
      </c>
      <c r="BM30" s="257">
        <v>0</v>
      </c>
      <c r="BN30" s="257">
        <v>0</v>
      </c>
      <c r="BO30" s="258">
        <v>2</v>
      </c>
      <c r="BP30" s="259">
        <v>2</v>
      </c>
      <c r="BQ30" s="253">
        <v>0</v>
      </c>
      <c r="BR30" s="257">
        <v>0</v>
      </c>
      <c r="BS30" s="254">
        <v>0</v>
      </c>
      <c r="BT30" s="256">
        <v>0</v>
      </c>
      <c r="BU30" s="257">
        <v>0</v>
      </c>
      <c r="BV30" s="257">
        <v>0</v>
      </c>
      <c r="BW30" s="257">
        <v>0</v>
      </c>
      <c r="BX30" s="257">
        <v>0</v>
      </c>
      <c r="BY30" s="257">
        <v>0</v>
      </c>
      <c r="BZ30" s="254">
        <v>0</v>
      </c>
      <c r="CA30" s="259">
        <v>0</v>
      </c>
      <c r="CB30" s="253">
        <v>0</v>
      </c>
      <c r="CC30" s="257">
        <v>0</v>
      </c>
      <c r="CD30" s="254">
        <v>0</v>
      </c>
      <c r="CE30" s="256">
        <v>0</v>
      </c>
      <c r="CF30" s="257">
        <v>0</v>
      </c>
      <c r="CG30" s="257">
        <v>0</v>
      </c>
      <c r="CH30" s="257">
        <v>0</v>
      </c>
      <c r="CI30" s="257">
        <v>0</v>
      </c>
      <c r="CJ30" s="257">
        <v>0</v>
      </c>
      <c r="CK30" s="254">
        <v>0</v>
      </c>
      <c r="CL30" s="259">
        <v>0</v>
      </c>
      <c r="CM30" s="253">
        <v>0</v>
      </c>
      <c r="CN30" s="257">
        <v>0</v>
      </c>
      <c r="CO30" s="254">
        <v>0</v>
      </c>
      <c r="CP30" s="256">
        <v>0</v>
      </c>
      <c r="CQ30" s="257">
        <v>0</v>
      </c>
      <c r="CR30" s="257">
        <v>0</v>
      </c>
      <c r="CS30" s="257">
        <v>0</v>
      </c>
      <c r="CT30" s="257">
        <v>0</v>
      </c>
      <c r="CU30" s="257">
        <v>0</v>
      </c>
      <c r="CV30" s="254">
        <v>0</v>
      </c>
      <c r="CW30" s="259">
        <v>0</v>
      </c>
    </row>
    <row r="31" spans="2:101" ht="21" customHeight="1" x14ac:dyDescent="0.2">
      <c r="B31" s="437" t="s">
        <v>29</v>
      </c>
      <c r="C31" s="253">
        <v>0</v>
      </c>
      <c r="D31" s="254">
        <v>0</v>
      </c>
      <c r="E31" s="255">
        <v>0</v>
      </c>
      <c r="F31" s="256">
        <v>0</v>
      </c>
      <c r="G31" s="257">
        <v>1</v>
      </c>
      <c r="H31" s="257">
        <v>0</v>
      </c>
      <c r="I31" s="257">
        <v>0</v>
      </c>
      <c r="J31" s="257">
        <v>0</v>
      </c>
      <c r="K31" s="257">
        <v>0</v>
      </c>
      <c r="L31" s="258">
        <v>1</v>
      </c>
      <c r="M31" s="259">
        <v>1</v>
      </c>
      <c r="N31" s="253">
        <v>0</v>
      </c>
      <c r="O31" s="257">
        <v>0</v>
      </c>
      <c r="P31" s="254">
        <v>0</v>
      </c>
      <c r="Q31" s="256">
        <v>0</v>
      </c>
      <c r="R31" s="257">
        <v>0</v>
      </c>
      <c r="S31" s="257">
        <v>0</v>
      </c>
      <c r="T31" s="257">
        <v>0</v>
      </c>
      <c r="U31" s="257">
        <v>0</v>
      </c>
      <c r="V31" s="257">
        <v>0</v>
      </c>
      <c r="W31" s="254">
        <v>0</v>
      </c>
      <c r="X31" s="259">
        <v>0</v>
      </c>
      <c r="Y31" s="253">
        <v>0</v>
      </c>
      <c r="Z31" s="257">
        <v>0</v>
      </c>
      <c r="AA31" s="254">
        <v>0</v>
      </c>
      <c r="AB31" s="256">
        <v>0</v>
      </c>
      <c r="AC31" s="257">
        <v>2</v>
      </c>
      <c r="AD31" s="257">
        <v>0</v>
      </c>
      <c r="AE31" s="257">
        <v>0</v>
      </c>
      <c r="AF31" s="257">
        <v>1</v>
      </c>
      <c r="AG31" s="257">
        <v>0</v>
      </c>
      <c r="AH31" s="254">
        <v>3</v>
      </c>
      <c r="AI31" s="259">
        <v>3</v>
      </c>
      <c r="AJ31" s="253">
        <v>0</v>
      </c>
      <c r="AK31" s="257">
        <v>0</v>
      </c>
      <c r="AL31" s="254">
        <v>0</v>
      </c>
      <c r="AM31" s="256">
        <v>0</v>
      </c>
      <c r="AN31" s="257">
        <v>0</v>
      </c>
      <c r="AO31" s="257">
        <v>0</v>
      </c>
      <c r="AP31" s="257">
        <v>0</v>
      </c>
      <c r="AQ31" s="257">
        <v>0</v>
      </c>
      <c r="AR31" s="257">
        <v>0</v>
      </c>
      <c r="AS31" s="254">
        <v>0</v>
      </c>
      <c r="AT31" s="259">
        <v>0</v>
      </c>
      <c r="AU31" s="253">
        <v>0</v>
      </c>
      <c r="AV31" s="257">
        <v>0</v>
      </c>
      <c r="AW31" s="254">
        <v>0</v>
      </c>
      <c r="AX31" s="256">
        <v>0</v>
      </c>
      <c r="AY31" s="257">
        <v>2</v>
      </c>
      <c r="AZ31" s="257">
        <v>2</v>
      </c>
      <c r="BA31" s="257">
        <v>0</v>
      </c>
      <c r="BB31" s="257">
        <v>0</v>
      </c>
      <c r="BC31" s="257">
        <v>0</v>
      </c>
      <c r="BD31" s="254">
        <v>4</v>
      </c>
      <c r="BE31" s="259">
        <v>4</v>
      </c>
      <c r="BF31" s="253">
        <v>0</v>
      </c>
      <c r="BG31" s="257">
        <v>0</v>
      </c>
      <c r="BH31" s="254">
        <v>0</v>
      </c>
      <c r="BI31" s="256">
        <v>0</v>
      </c>
      <c r="BJ31" s="257">
        <v>0</v>
      </c>
      <c r="BK31" s="257">
        <v>0</v>
      </c>
      <c r="BL31" s="257">
        <v>0</v>
      </c>
      <c r="BM31" s="257">
        <v>0</v>
      </c>
      <c r="BN31" s="257">
        <v>0</v>
      </c>
      <c r="BO31" s="258">
        <v>0</v>
      </c>
      <c r="BP31" s="259">
        <v>0</v>
      </c>
      <c r="BQ31" s="253">
        <v>0</v>
      </c>
      <c r="BR31" s="257">
        <v>0</v>
      </c>
      <c r="BS31" s="254">
        <v>0</v>
      </c>
      <c r="BT31" s="256">
        <v>0</v>
      </c>
      <c r="BU31" s="257">
        <v>0</v>
      </c>
      <c r="BV31" s="257">
        <v>0</v>
      </c>
      <c r="BW31" s="257">
        <v>0</v>
      </c>
      <c r="BX31" s="257">
        <v>0</v>
      </c>
      <c r="BY31" s="257">
        <v>0</v>
      </c>
      <c r="BZ31" s="254">
        <v>0</v>
      </c>
      <c r="CA31" s="259">
        <v>0</v>
      </c>
      <c r="CB31" s="253">
        <v>0</v>
      </c>
      <c r="CC31" s="257">
        <v>0</v>
      </c>
      <c r="CD31" s="254">
        <v>0</v>
      </c>
      <c r="CE31" s="256">
        <v>0</v>
      </c>
      <c r="CF31" s="257">
        <v>0</v>
      </c>
      <c r="CG31" s="257">
        <v>0</v>
      </c>
      <c r="CH31" s="257">
        <v>0</v>
      </c>
      <c r="CI31" s="257">
        <v>1</v>
      </c>
      <c r="CJ31" s="257">
        <v>0</v>
      </c>
      <c r="CK31" s="254">
        <v>1</v>
      </c>
      <c r="CL31" s="259">
        <v>1</v>
      </c>
      <c r="CM31" s="253">
        <v>0</v>
      </c>
      <c r="CN31" s="257">
        <v>0</v>
      </c>
      <c r="CO31" s="254">
        <v>0</v>
      </c>
      <c r="CP31" s="256">
        <v>0</v>
      </c>
      <c r="CQ31" s="257">
        <v>0</v>
      </c>
      <c r="CR31" s="257">
        <v>0</v>
      </c>
      <c r="CS31" s="257">
        <v>0</v>
      </c>
      <c r="CT31" s="257">
        <v>0</v>
      </c>
      <c r="CU31" s="257">
        <v>0</v>
      </c>
      <c r="CV31" s="254">
        <v>0</v>
      </c>
      <c r="CW31" s="259">
        <v>0</v>
      </c>
    </row>
    <row r="32" spans="2:101" ht="21" customHeight="1" x14ac:dyDescent="0.2">
      <c r="B32" s="437" t="s">
        <v>30</v>
      </c>
      <c r="C32" s="253">
        <v>0</v>
      </c>
      <c r="D32" s="254">
        <v>0</v>
      </c>
      <c r="E32" s="255">
        <v>0</v>
      </c>
      <c r="F32" s="256">
        <v>0</v>
      </c>
      <c r="G32" s="257">
        <v>0</v>
      </c>
      <c r="H32" s="257">
        <v>0</v>
      </c>
      <c r="I32" s="257">
        <v>0</v>
      </c>
      <c r="J32" s="257">
        <v>0</v>
      </c>
      <c r="K32" s="257">
        <v>0</v>
      </c>
      <c r="L32" s="258">
        <v>0</v>
      </c>
      <c r="M32" s="259">
        <v>0</v>
      </c>
      <c r="N32" s="253">
        <v>0</v>
      </c>
      <c r="O32" s="257">
        <v>0</v>
      </c>
      <c r="P32" s="254">
        <v>0</v>
      </c>
      <c r="Q32" s="256">
        <v>0</v>
      </c>
      <c r="R32" s="257">
        <v>0</v>
      </c>
      <c r="S32" s="257">
        <v>0</v>
      </c>
      <c r="T32" s="257">
        <v>0</v>
      </c>
      <c r="U32" s="257">
        <v>0</v>
      </c>
      <c r="V32" s="257">
        <v>0</v>
      </c>
      <c r="W32" s="254">
        <v>0</v>
      </c>
      <c r="X32" s="259">
        <v>0</v>
      </c>
      <c r="Y32" s="253">
        <v>0</v>
      </c>
      <c r="Z32" s="257">
        <v>0</v>
      </c>
      <c r="AA32" s="254">
        <v>0</v>
      </c>
      <c r="AB32" s="256">
        <v>0</v>
      </c>
      <c r="AC32" s="257">
        <v>1</v>
      </c>
      <c r="AD32" s="257">
        <v>0</v>
      </c>
      <c r="AE32" s="257">
        <v>0</v>
      </c>
      <c r="AF32" s="257">
        <v>0</v>
      </c>
      <c r="AG32" s="257">
        <v>0</v>
      </c>
      <c r="AH32" s="254">
        <v>1</v>
      </c>
      <c r="AI32" s="259">
        <v>1</v>
      </c>
      <c r="AJ32" s="253">
        <v>0</v>
      </c>
      <c r="AK32" s="257">
        <v>0</v>
      </c>
      <c r="AL32" s="254">
        <v>0</v>
      </c>
      <c r="AM32" s="256">
        <v>0</v>
      </c>
      <c r="AN32" s="257">
        <v>0</v>
      </c>
      <c r="AO32" s="257">
        <v>1</v>
      </c>
      <c r="AP32" s="257">
        <v>0</v>
      </c>
      <c r="AQ32" s="257">
        <v>0</v>
      </c>
      <c r="AR32" s="257">
        <v>0</v>
      </c>
      <c r="AS32" s="254">
        <v>1</v>
      </c>
      <c r="AT32" s="259">
        <v>1</v>
      </c>
      <c r="AU32" s="253">
        <v>0</v>
      </c>
      <c r="AV32" s="257">
        <v>0</v>
      </c>
      <c r="AW32" s="254">
        <v>0</v>
      </c>
      <c r="AX32" s="256">
        <v>0</v>
      </c>
      <c r="AY32" s="257">
        <v>0</v>
      </c>
      <c r="AZ32" s="257">
        <v>0</v>
      </c>
      <c r="BA32" s="257">
        <v>0</v>
      </c>
      <c r="BB32" s="257">
        <v>0</v>
      </c>
      <c r="BC32" s="257">
        <v>0</v>
      </c>
      <c r="BD32" s="254">
        <v>0</v>
      </c>
      <c r="BE32" s="259">
        <v>0</v>
      </c>
      <c r="BF32" s="253">
        <v>0</v>
      </c>
      <c r="BG32" s="257">
        <v>0</v>
      </c>
      <c r="BH32" s="254">
        <v>0</v>
      </c>
      <c r="BI32" s="256">
        <v>0</v>
      </c>
      <c r="BJ32" s="257">
        <v>0</v>
      </c>
      <c r="BK32" s="257">
        <v>0</v>
      </c>
      <c r="BL32" s="257">
        <v>0</v>
      </c>
      <c r="BM32" s="257">
        <v>0</v>
      </c>
      <c r="BN32" s="257">
        <v>0</v>
      </c>
      <c r="BO32" s="258">
        <v>0</v>
      </c>
      <c r="BP32" s="259">
        <v>0</v>
      </c>
      <c r="BQ32" s="253">
        <v>0</v>
      </c>
      <c r="BR32" s="257">
        <v>0</v>
      </c>
      <c r="BS32" s="254">
        <v>0</v>
      </c>
      <c r="BT32" s="256">
        <v>0</v>
      </c>
      <c r="BU32" s="257">
        <v>0</v>
      </c>
      <c r="BV32" s="257">
        <v>0</v>
      </c>
      <c r="BW32" s="257">
        <v>0</v>
      </c>
      <c r="BX32" s="257">
        <v>0</v>
      </c>
      <c r="BY32" s="257">
        <v>0</v>
      </c>
      <c r="BZ32" s="254">
        <v>0</v>
      </c>
      <c r="CA32" s="259">
        <v>0</v>
      </c>
      <c r="CB32" s="253">
        <v>0</v>
      </c>
      <c r="CC32" s="257">
        <v>0</v>
      </c>
      <c r="CD32" s="254">
        <v>0</v>
      </c>
      <c r="CE32" s="256">
        <v>0</v>
      </c>
      <c r="CF32" s="257">
        <v>0</v>
      </c>
      <c r="CG32" s="257">
        <v>0</v>
      </c>
      <c r="CH32" s="257">
        <v>0</v>
      </c>
      <c r="CI32" s="257">
        <v>0</v>
      </c>
      <c r="CJ32" s="257">
        <v>0</v>
      </c>
      <c r="CK32" s="254">
        <v>0</v>
      </c>
      <c r="CL32" s="259">
        <v>0</v>
      </c>
      <c r="CM32" s="253">
        <v>0</v>
      </c>
      <c r="CN32" s="257">
        <v>0</v>
      </c>
      <c r="CO32" s="254">
        <v>0</v>
      </c>
      <c r="CP32" s="256">
        <v>0</v>
      </c>
      <c r="CQ32" s="257">
        <v>0</v>
      </c>
      <c r="CR32" s="257">
        <v>0</v>
      </c>
      <c r="CS32" s="257">
        <v>0</v>
      </c>
      <c r="CT32" s="257">
        <v>0</v>
      </c>
      <c r="CU32" s="257">
        <v>0</v>
      </c>
      <c r="CV32" s="254">
        <v>0</v>
      </c>
      <c r="CW32" s="259">
        <v>0</v>
      </c>
    </row>
    <row r="33" spans="2:101" ht="21" customHeight="1" x14ac:dyDescent="0.2">
      <c r="B33" s="437" t="s">
        <v>31</v>
      </c>
      <c r="C33" s="253">
        <v>0</v>
      </c>
      <c r="D33" s="254">
        <v>0</v>
      </c>
      <c r="E33" s="255">
        <v>0</v>
      </c>
      <c r="F33" s="256">
        <v>0</v>
      </c>
      <c r="G33" s="257">
        <v>0</v>
      </c>
      <c r="H33" s="257">
        <v>1</v>
      </c>
      <c r="I33" s="257">
        <v>0</v>
      </c>
      <c r="J33" s="257">
        <v>0</v>
      </c>
      <c r="K33" s="257">
        <v>0</v>
      </c>
      <c r="L33" s="258">
        <v>1</v>
      </c>
      <c r="M33" s="259">
        <v>1</v>
      </c>
      <c r="N33" s="253">
        <v>0</v>
      </c>
      <c r="O33" s="257">
        <v>0</v>
      </c>
      <c r="P33" s="254">
        <v>0</v>
      </c>
      <c r="Q33" s="256">
        <v>0</v>
      </c>
      <c r="R33" s="257">
        <v>0</v>
      </c>
      <c r="S33" s="257">
        <v>0</v>
      </c>
      <c r="T33" s="257">
        <v>0</v>
      </c>
      <c r="U33" s="257">
        <v>0</v>
      </c>
      <c r="V33" s="257">
        <v>0</v>
      </c>
      <c r="W33" s="254">
        <v>0</v>
      </c>
      <c r="X33" s="259">
        <v>0</v>
      </c>
      <c r="Y33" s="253">
        <v>0</v>
      </c>
      <c r="Z33" s="257">
        <v>0</v>
      </c>
      <c r="AA33" s="254">
        <v>0</v>
      </c>
      <c r="AB33" s="256">
        <v>0</v>
      </c>
      <c r="AC33" s="257">
        <v>3</v>
      </c>
      <c r="AD33" s="257">
        <v>2</v>
      </c>
      <c r="AE33" s="257">
        <v>1</v>
      </c>
      <c r="AF33" s="257">
        <v>0</v>
      </c>
      <c r="AG33" s="257">
        <v>0</v>
      </c>
      <c r="AH33" s="254">
        <v>6</v>
      </c>
      <c r="AI33" s="259">
        <v>6</v>
      </c>
      <c r="AJ33" s="253">
        <v>0</v>
      </c>
      <c r="AK33" s="257">
        <v>0</v>
      </c>
      <c r="AL33" s="254">
        <v>0</v>
      </c>
      <c r="AM33" s="256">
        <v>0</v>
      </c>
      <c r="AN33" s="257">
        <v>0</v>
      </c>
      <c r="AO33" s="257">
        <v>0</v>
      </c>
      <c r="AP33" s="257">
        <v>0</v>
      </c>
      <c r="AQ33" s="257">
        <v>0</v>
      </c>
      <c r="AR33" s="257">
        <v>0</v>
      </c>
      <c r="AS33" s="254">
        <v>0</v>
      </c>
      <c r="AT33" s="259">
        <v>0</v>
      </c>
      <c r="AU33" s="253">
        <v>0</v>
      </c>
      <c r="AV33" s="257">
        <v>0</v>
      </c>
      <c r="AW33" s="254">
        <v>0</v>
      </c>
      <c r="AX33" s="256">
        <v>0</v>
      </c>
      <c r="AY33" s="257">
        <v>0</v>
      </c>
      <c r="AZ33" s="257">
        <v>1</v>
      </c>
      <c r="BA33" s="257">
        <v>0</v>
      </c>
      <c r="BB33" s="257">
        <v>0</v>
      </c>
      <c r="BC33" s="257">
        <v>0</v>
      </c>
      <c r="BD33" s="254">
        <v>1</v>
      </c>
      <c r="BE33" s="259">
        <v>1</v>
      </c>
      <c r="BF33" s="253">
        <v>0</v>
      </c>
      <c r="BG33" s="257">
        <v>0</v>
      </c>
      <c r="BH33" s="254">
        <v>0</v>
      </c>
      <c r="BI33" s="256">
        <v>0</v>
      </c>
      <c r="BJ33" s="257">
        <v>0</v>
      </c>
      <c r="BK33" s="257">
        <v>0</v>
      </c>
      <c r="BL33" s="257">
        <v>0</v>
      </c>
      <c r="BM33" s="257">
        <v>0</v>
      </c>
      <c r="BN33" s="257">
        <v>0</v>
      </c>
      <c r="BO33" s="258">
        <v>0</v>
      </c>
      <c r="BP33" s="259">
        <v>0</v>
      </c>
      <c r="BQ33" s="253">
        <v>0</v>
      </c>
      <c r="BR33" s="257">
        <v>0</v>
      </c>
      <c r="BS33" s="254">
        <v>0</v>
      </c>
      <c r="BT33" s="256">
        <v>0</v>
      </c>
      <c r="BU33" s="257">
        <v>0</v>
      </c>
      <c r="BV33" s="257">
        <v>0</v>
      </c>
      <c r="BW33" s="257">
        <v>0</v>
      </c>
      <c r="BX33" s="257">
        <v>0</v>
      </c>
      <c r="BY33" s="257">
        <v>0</v>
      </c>
      <c r="BZ33" s="254">
        <v>0</v>
      </c>
      <c r="CA33" s="259">
        <v>0</v>
      </c>
      <c r="CB33" s="253">
        <v>0</v>
      </c>
      <c r="CC33" s="257">
        <v>0</v>
      </c>
      <c r="CD33" s="254">
        <v>0</v>
      </c>
      <c r="CE33" s="256">
        <v>0</v>
      </c>
      <c r="CF33" s="257">
        <v>0</v>
      </c>
      <c r="CG33" s="257">
        <v>0</v>
      </c>
      <c r="CH33" s="257">
        <v>0</v>
      </c>
      <c r="CI33" s="257">
        <v>0</v>
      </c>
      <c r="CJ33" s="257">
        <v>0</v>
      </c>
      <c r="CK33" s="254">
        <v>0</v>
      </c>
      <c r="CL33" s="259">
        <v>0</v>
      </c>
      <c r="CM33" s="253">
        <v>0</v>
      </c>
      <c r="CN33" s="257">
        <v>0</v>
      </c>
      <c r="CO33" s="254">
        <v>0</v>
      </c>
      <c r="CP33" s="256">
        <v>0</v>
      </c>
      <c r="CQ33" s="257">
        <v>0</v>
      </c>
      <c r="CR33" s="257">
        <v>0</v>
      </c>
      <c r="CS33" s="257">
        <v>0</v>
      </c>
      <c r="CT33" s="257">
        <v>0</v>
      </c>
      <c r="CU33" s="257">
        <v>0</v>
      </c>
      <c r="CV33" s="254">
        <v>0</v>
      </c>
      <c r="CW33" s="259">
        <v>0</v>
      </c>
    </row>
    <row r="34" spans="2:101" ht="21" customHeight="1" x14ac:dyDescent="0.2">
      <c r="B34" s="437" t="s">
        <v>32</v>
      </c>
      <c r="C34" s="253">
        <v>0</v>
      </c>
      <c r="D34" s="254">
        <v>0</v>
      </c>
      <c r="E34" s="255">
        <v>0</v>
      </c>
      <c r="F34" s="256">
        <v>0</v>
      </c>
      <c r="G34" s="257">
        <v>1</v>
      </c>
      <c r="H34" s="257">
        <v>1</v>
      </c>
      <c r="I34" s="257">
        <v>0</v>
      </c>
      <c r="J34" s="257">
        <v>0</v>
      </c>
      <c r="K34" s="257">
        <v>0</v>
      </c>
      <c r="L34" s="258">
        <v>2</v>
      </c>
      <c r="M34" s="259">
        <v>2</v>
      </c>
      <c r="N34" s="253">
        <v>0</v>
      </c>
      <c r="O34" s="257">
        <v>0</v>
      </c>
      <c r="P34" s="254">
        <v>0</v>
      </c>
      <c r="Q34" s="256">
        <v>0</v>
      </c>
      <c r="R34" s="257">
        <v>0</v>
      </c>
      <c r="S34" s="257">
        <v>0</v>
      </c>
      <c r="T34" s="257">
        <v>0</v>
      </c>
      <c r="U34" s="257">
        <v>0</v>
      </c>
      <c r="V34" s="257">
        <v>0</v>
      </c>
      <c r="W34" s="254">
        <v>0</v>
      </c>
      <c r="X34" s="259">
        <v>0</v>
      </c>
      <c r="Y34" s="253">
        <v>0</v>
      </c>
      <c r="Z34" s="257">
        <v>0</v>
      </c>
      <c r="AA34" s="254">
        <v>0</v>
      </c>
      <c r="AB34" s="256">
        <v>0</v>
      </c>
      <c r="AC34" s="257">
        <v>3</v>
      </c>
      <c r="AD34" s="257">
        <v>0</v>
      </c>
      <c r="AE34" s="257">
        <v>0</v>
      </c>
      <c r="AF34" s="257">
        <v>0</v>
      </c>
      <c r="AG34" s="257">
        <v>0</v>
      </c>
      <c r="AH34" s="254">
        <v>3</v>
      </c>
      <c r="AI34" s="259">
        <v>3</v>
      </c>
      <c r="AJ34" s="253">
        <v>0</v>
      </c>
      <c r="AK34" s="257">
        <v>0</v>
      </c>
      <c r="AL34" s="254">
        <v>0</v>
      </c>
      <c r="AM34" s="256">
        <v>0</v>
      </c>
      <c r="AN34" s="257">
        <v>2</v>
      </c>
      <c r="AO34" s="257">
        <v>0</v>
      </c>
      <c r="AP34" s="257">
        <v>0</v>
      </c>
      <c r="AQ34" s="257">
        <v>0</v>
      </c>
      <c r="AR34" s="257">
        <v>0</v>
      </c>
      <c r="AS34" s="254">
        <v>2</v>
      </c>
      <c r="AT34" s="259">
        <v>2</v>
      </c>
      <c r="AU34" s="253">
        <v>0</v>
      </c>
      <c r="AV34" s="257">
        <v>0</v>
      </c>
      <c r="AW34" s="254">
        <v>0</v>
      </c>
      <c r="AX34" s="256">
        <v>0</v>
      </c>
      <c r="AY34" s="257">
        <v>0</v>
      </c>
      <c r="AZ34" s="257">
        <v>0</v>
      </c>
      <c r="BA34" s="257">
        <v>1</v>
      </c>
      <c r="BB34" s="257">
        <v>0</v>
      </c>
      <c r="BC34" s="257">
        <v>0</v>
      </c>
      <c r="BD34" s="254">
        <v>1</v>
      </c>
      <c r="BE34" s="259">
        <v>1</v>
      </c>
      <c r="BF34" s="253">
        <v>0</v>
      </c>
      <c r="BG34" s="257">
        <v>0</v>
      </c>
      <c r="BH34" s="254">
        <v>0</v>
      </c>
      <c r="BI34" s="256">
        <v>0</v>
      </c>
      <c r="BJ34" s="257">
        <v>0</v>
      </c>
      <c r="BK34" s="257">
        <v>0</v>
      </c>
      <c r="BL34" s="257">
        <v>0</v>
      </c>
      <c r="BM34" s="257">
        <v>0</v>
      </c>
      <c r="BN34" s="257">
        <v>1</v>
      </c>
      <c r="BO34" s="258">
        <v>1</v>
      </c>
      <c r="BP34" s="259">
        <v>1</v>
      </c>
      <c r="BQ34" s="253">
        <v>0</v>
      </c>
      <c r="BR34" s="257">
        <v>0</v>
      </c>
      <c r="BS34" s="254">
        <v>0</v>
      </c>
      <c r="BT34" s="256">
        <v>0</v>
      </c>
      <c r="BU34" s="257">
        <v>0</v>
      </c>
      <c r="BV34" s="257">
        <v>0</v>
      </c>
      <c r="BW34" s="257">
        <v>0</v>
      </c>
      <c r="BX34" s="257">
        <v>0</v>
      </c>
      <c r="BY34" s="257">
        <v>0</v>
      </c>
      <c r="BZ34" s="254">
        <v>0</v>
      </c>
      <c r="CA34" s="259">
        <v>0</v>
      </c>
      <c r="CB34" s="253">
        <v>0</v>
      </c>
      <c r="CC34" s="257">
        <v>0</v>
      </c>
      <c r="CD34" s="254">
        <v>0</v>
      </c>
      <c r="CE34" s="256">
        <v>0</v>
      </c>
      <c r="CF34" s="257">
        <v>0</v>
      </c>
      <c r="CG34" s="257">
        <v>0</v>
      </c>
      <c r="CH34" s="257">
        <v>0</v>
      </c>
      <c r="CI34" s="257">
        <v>0</v>
      </c>
      <c r="CJ34" s="257">
        <v>1</v>
      </c>
      <c r="CK34" s="254">
        <v>1</v>
      </c>
      <c r="CL34" s="259">
        <v>1</v>
      </c>
      <c r="CM34" s="253">
        <v>0</v>
      </c>
      <c r="CN34" s="257">
        <v>0</v>
      </c>
      <c r="CO34" s="254">
        <v>0</v>
      </c>
      <c r="CP34" s="256">
        <v>0</v>
      </c>
      <c r="CQ34" s="257">
        <v>0</v>
      </c>
      <c r="CR34" s="257">
        <v>0</v>
      </c>
      <c r="CS34" s="257">
        <v>0</v>
      </c>
      <c r="CT34" s="257">
        <v>0</v>
      </c>
      <c r="CU34" s="257">
        <v>0</v>
      </c>
      <c r="CV34" s="254">
        <v>0</v>
      </c>
      <c r="CW34" s="259">
        <v>0</v>
      </c>
    </row>
    <row r="35" spans="2:101" ht="21" customHeight="1" x14ac:dyDescent="0.2">
      <c r="B35" s="437" t="s">
        <v>33</v>
      </c>
      <c r="C35" s="253">
        <v>0</v>
      </c>
      <c r="D35" s="254">
        <v>0</v>
      </c>
      <c r="E35" s="255">
        <v>0</v>
      </c>
      <c r="F35" s="256">
        <v>0</v>
      </c>
      <c r="G35" s="257">
        <v>0</v>
      </c>
      <c r="H35" s="257">
        <v>0</v>
      </c>
      <c r="I35" s="257">
        <v>0</v>
      </c>
      <c r="J35" s="257">
        <v>0</v>
      </c>
      <c r="K35" s="257">
        <v>0</v>
      </c>
      <c r="L35" s="258">
        <v>0</v>
      </c>
      <c r="M35" s="259">
        <v>0</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1</v>
      </c>
      <c r="AD35" s="257">
        <v>0</v>
      </c>
      <c r="AE35" s="257">
        <v>1</v>
      </c>
      <c r="AF35" s="257">
        <v>1</v>
      </c>
      <c r="AG35" s="257">
        <v>0</v>
      </c>
      <c r="AH35" s="254">
        <v>3</v>
      </c>
      <c r="AI35" s="259">
        <v>3</v>
      </c>
      <c r="AJ35" s="253">
        <v>0</v>
      </c>
      <c r="AK35" s="257">
        <v>0</v>
      </c>
      <c r="AL35" s="254">
        <v>0</v>
      </c>
      <c r="AM35" s="256">
        <v>0</v>
      </c>
      <c r="AN35" s="257">
        <v>0</v>
      </c>
      <c r="AO35" s="257">
        <v>0</v>
      </c>
      <c r="AP35" s="257">
        <v>0</v>
      </c>
      <c r="AQ35" s="257">
        <v>0</v>
      </c>
      <c r="AR35" s="257">
        <v>0</v>
      </c>
      <c r="AS35" s="254">
        <v>0</v>
      </c>
      <c r="AT35" s="259">
        <v>0</v>
      </c>
      <c r="AU35" s="253">
        <v>0</v>
      </c>
      <c r="AV35" s="257">
        <v>0</v>
      </c>
      <c r="AW35" s="254">
        <v>0</v>
      </c>
      <c r="AX35" s="256">
        <v>0</v>
      </c>
      <c r="AY35" s="257">
        <v>0</v>
      </c>
      <c r="AZ35" s="257">
        <v>0</v>
      </c>
      <c r="BA35" s="257">
        <v>0</v>
      </c>
      <c r="BB35" s="257">
        <v>0</v>
      </c>
      <c r="BC35" s="257">
        <v>0</v>
      </c>
      <c r="BD35" s="254">
        <v>0</v>
      </c>
      <c r="BE35" s="259">
        <v>0</v>
      </c>
      <c r="BF35" s="253">
        <v>0</v>
      </c>
      <c r="BG35" s="257">
        <v>0</v>
      </c>
      <c r="BH35" s="254">
        <v>0</v>
      </c>
      <c r="BI35" s="256">
        <v>0</v>
      </c>
      <c r="BJ35" s="257">
        <v>0</v>
      </c>
      <c r="BK35" s="257">
        <v>0</v>
      </c>
      <c r="BL35" s="257">
        <v>1</v>
      </c>
      <c r="BM35" s="257">
        <v>0</v>
      </c>
      <c r="BN35" s="257">
        <v>0</v>
      </c>
      <c r="BO35" s="258">
        <v>1</v>
      </c>
      <c r="BP35" s="259">
        <v>1</v>
      </c>
      <c r="BQ35" s="253">
        <v>0</v>
      </c>
      <c r="BR35" s="257">
        <v>0</v>
      </c>
      <c r="BS35" s="254">
        <v>0</v>
      </c>
      <c r="BT35" s="256">
        <v>0</v>
      </c>
      <c r="BU35" s="257">
        <v>0</v>
      </c>
      <c r="BV35" s="257">
        <v>0</v>
      </c>
      <c r="BW35" s="257">
        <v>0</v>
      </c>
      <c r="BX35" s="257">
        <v>0</v>
      </c>
      <c r="BY35" s="257">
        <v>0</v>
      </c>
      <c r="BZ35" s="254">
        <v>0</v>
      </c>
      <c r="CA35" s="259">
        <v>0</v>
      </c>
      <c r="CB35" s="253">
        <v>0</v>
      </c>
      <c r="CC35" s="257">
        <v>0</v>
      </c>
      <c r="CD35" s="254">
        <v>0</v>
      </c>
      <c r="CE35" s="256">
        <v>0</v>
      </c>
      <c r="CF35" s="257">
        <v>0</v>
      </c>
      <c r="CG35" s="257">
        <v>0</v>
      </c>
      <c r="CH35" s="257">
        <v>0</v>
      </c>
      <c r="CI35" s="257">
        <v>0</v>
      </c>
      <c r="CJ35" s="257">
        <v>0</v>
      </c>
      <c r="CK35" s="254">
        <v>0</v>
      </c>
      <c r="CL35" s="259">
        <v>0</v>
      </c>
      <c r="CM35" s="253">
        <v>0</v>
      </c>
      <c r="CN35" s="257">
        <v>0</v>
      </c>
      <c r="CO35" s="254">
        <v>0</v>
      </c>
      <c r="CP35" s="256">
        <v>0</v>
      </c>
      <c r="CQ35" s="257">
        <v>0</v>
      </c>
      <c r="CR35" s="257">
        <v>0</v>
      </c>
      <c r="CS35" s="257">
        <v>0</v>
      </c>
      <c r="CT35" s="257">
        <v>0</v>
      </c>
      <c r="CU35" s="257">
        <v>1</v>
      </c>
      <c r="CV35" s="254">
        <v>1</v>
      </c>
      <c r="CW35" s="259">
        <v>1</v>
      </c>
    </row>
    <row r="36" spans="2:101" ht="21" customHeight="1" x14ac:dyDescent="0.2">
      <c r="B36" s="437" t="s">
        <v>34</v>
      </c>
      <c r="C36" s="253">
        <v>0</v>
      </c>
      <c r="D36" s="254">
        <v>0</v>
      </c>
      <c r="E36" s="255">
        <v>0</v>
      </c>
      <c r="F36" s="256">
        <v>0</v>
      </c>
      <c r="G36" s="257">
        <v>0</v>
      </c>
      <c r="H36" s="257">
        <v>0</v>
      </c>
      <c r="I36" s="257">
        <v>0</v>
      </c>
      <c r="J36" s="257">
        <v>0</v>
      </c>
      <c r="K36" s="257">
        <v>0</v>
      </c>
      <c r="L36" s="258">
        <v>0</v>
      </c>
      <c r="M36" s="259">
        <v>0</v>
      </c>
      <c r="N36" s="253">
        <v>0</v>
      </c>
      <c r="O36" s="257">
        <v>0</v>
      </c>
      <c r="P36" s="254">
        <v>0</v>
      </c>
      <c r="Q36" s="256">
        <v>0</v>
      </c>
      <c r="R36" s="257">
        <v>0</v>
      </c>
      <c r="S36" s="257">
        <v>0</v>
      </c>
      <c r="T36" s="257">
        <v>0</v>
      </c>
      <c r="U36" s="257">
        <v>0</v>
      </c>
      <c r="V36" s="257">
        <v>0</v>
      </c>
      <c r="W36" s="254">
        <v>0</v>
      </c>
      <c r="X36" s="259">
        <v>0</v>
      </c>
      <c r="Y36" s="253">
        <v>0</v>
      </c>
      <c r="Z36" s="257">
        <v>0</v>
      </c>
      <c r="AA36" s="254">
        <v>0</v>
      </c>
      <c r="AB36" s="256">
        <v>0</v>
      </c>
      <c r="AC36" s="257">
        <v>0</v>
      </c>
      <c r="AD36" s="257">
        <v>0</v>
      </c>
      <c r="AE36" s="257">
        <v>0</v>
      </c>
      <c r="AF36" s="257">
        <v>0</v>
      </c>
      <c r="AG36" s="257">
        <v>0</v>
      </c>
      <c r="AH36" s="254">
        <v>0</v>
      </c>
      <c r="AI36" s="259">
        <v>0</v>
      </c>
      <c r="AJ36" s="253">
        <v>0</v>
      </c>
      <c r="AK36" s="257">
        <v>0</v>
      </c>
      <c r="AL36" s="254">
        <v>0</v>
      </c>
      <c r="AM36" s="256">
        <v>0</v>
      </c>
      <c r="AN36" s="257">
        <v>0</v>
      </c>
      <c r="AO36" s="257">
        <v>0</v>
      </c>
      <c r="AP36" s="257">
        <v>0</v>
      </c>
      <c r="AQ36" s="257">
        <v>0</v>
      </c>
      <c r="AR36" s="257">
        <v>0</v>
      </c>
      <c r="AS36" s="254">
        <v>0</v>
      </c>
      <c r="AT36" s="259">
        <v>0</v>
      </c>
      <c r="AU36" s="253">
        <v>0</v>
      </c>
      <c r="AV36" s="257">
        <v>0</v>
      </c>
      <c r="AW36" s="254">
        <v>0</v>
      </c>
      <c r="AX36" s="256">
        <v>0</v>
      </c>
      <c r="AY36" s="257">
        <v>1</v>
      </c>
      <c r="AZ36" s="257">
        <v>0</v>
      </c>
      <c r="BA36" s="257">
        <v>0</v>
      </c>
      <c r="BB36" s="257">
        <v>0</v>
      </c>
      <c r="BC36" s="257">
        <v>0</v>
      </c>
      <c r="BD36" s="254">
        <v>1</v>
      </c>
      <c r="BE36" s="259">
        <v>1</v>
      </c>
      <c r="BF36" s="253">
        <v>0</v>
      </c>
      <c r="BG36" s="257">
        <v>0</v>
      </c>
      <c r="BH36" s="254">
        <v>0</v>
      </c>
      <c r="BI36" s="256">
        <v>0</v>
      </c>
      <c r="BJ36" s="257">
        <v>0</v>
      </c>
      <c r="BK36" s="257">
        <v>0</v>
      </c>
      <c r="BL36" s="257">
        <v>0</v>
      </c>
      <c r="BM36" s="257">
        <v>0</v>
      </c>
      <c r="BN36" s="257">
        <v>0</v>
      </c>
      <c r="BO36" s="258">
        <v>0</v>
      </c>
      <c r="BP36" s="259">
        <v>0</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0</v>
      </c>
      <c r="CR36" s="257">
        <v>0</v>
      </c>
      <c r="CS36" s="257">
        <v>0</v>
      </c>
      <c r="CT36" s="257">
        <v>0</v>
      </c>
      <c r="CU36" s="257">
        <v>0</v>
      </c>
      <c r="CV36" s="254">
        <v>0</v>
      </c>
      <c r="CW36" s="259">
        <v>0</v>
      </c>
    </row>
    <row r="37" spans="2:101" ht="21" customHeight="1" x14ac:dyDescent="0.2">
      <c r="B37" s="437" t="s">
        <v>35</v>
      </c>
      <c r="C37" s="253">
        <v>0</v>
      </c>
      <c r="D37" s="254">
        <v>0</v>
      </c>
      <c r="E37" s="255">
        <v>0</v>
      </c>
      <c r="F37" s="256">
        <v>0</v>
      </c>
      <c r="G37" s="257">
        <v>0</v>
      </c>
      <c r="H37" s="257">
        <v>0</v>
      </c>
      <c r="I37" s="257">
        <v>0</v>
      </c>
      <c r="J37" s="257">
        <v>0</v>
      </c>
      <c r="K37" s="257">
        <v>0</v>
      </c>
      <c r="L37" s="258">
        <v>0</v>
      </c>
      <c r="M37" s="259">
        <v>0</v>
      </c>
      <c r="N37" s="253">
        <v>0</v>
      </c>
      <c r="O37" s="257">
        <v>0</v>
      </c>
      <c r="P37" s="254">
        <v>0</v>
      </c>
      <c r="Q37" s="256">
        <v>0</v>
      </c>
      <c r="R37" s="257">
        <v>0</v>
      </c>
      <c r="S37" s="257">
        <v>0</v>
      </c>
      <c r="T37" s="257">
        <v>0</v>
      </c>
      <c r="U37" s="257">
        <v>0</v>
      </c>
      <c r="V37" s="257">
        <v>0</v>
      </c>
      <c r="W37" s="254">
        <v>0</v>
      </c>
      <c r="X37" s="259">
        <v>0</v>
      </c>
      <c r="Y37" s="253">
        <v>0</v>
      </c>
      <c r="Z37" s="257">
        <v>0</v>
      </c>
      <c r="AA37" s="254">
        <v>0</v>
      </c>
      <c r="AB37" s="256">
        <v>0</v>
      </c>
      <c r="AC37" s="257">
        <v>0</v>
      </c>
      <c r="AD37" s="257">
        <v>0</v>
      </c>
      <c r="AE37" s="257">
        <v>0</v>
      </c>
      <c r="AF37" s="257">
        <v>0</v>
      </c>
      <c r="AG37" s="257">
        <v>0</v>
      </c>
      <c r="AH37" s="254">
        <v>0</v>
      </c>
      <c r="AI37" s="259">
        <v>0</v>
      </c>
      <c r="AJ37" s="253">
        <v>0</v>
      </c>
      <c r="AK37" s="257">
        <v>0</v>
      </c>
      <c r="AL37" s="254">
        <v>0</v>
      </c>
      <c r="AM37" s="256">
        <v>0</v>
      </c>
      <c r="AN37" s="257">
        <v>0</v>
      </c>
      <c r="AO37" s="257">
        <v>0</v>
      </c>
      <c r="AP37" s="257">
        <v>0</v>
      </c>
      <c r="AQ37" s="257">
        <v>0</v>
      </c>
      <c r="AR37" s="257">
        <v>0</v>
      </c>
      <c r="AS37" s="254">
        <v>0</v>
      </c>
      <c r="AT37" s="259">
        <v>0</v>
      </c>
      <c r="AU37" s="253">
        <v>0</v>
      </c>
      <c r="AV37" s="257">
        <v>0</v>
      </c>
      <c r="AW37" s="254">
        <v>0</v>
      </c>
      <c r="AX37" s="256">
        <v>0</v>
      </c>
      <c r="AY37" s="257">
        <v>1</v>
      </c>
      <c r="AZ37" s="257">
        <v>0</v>
      </c>
      <c r="BA37" s="257">
        <v>0</v>
      </c>
      <c r="BB37" s="257">
        <v>0</v>
      </c>
      <c r="BC37" s="257">
        <v>1</v>
      </c>
      <c r="BD37" s="254">
        <v>2</v>
      </c>
      <c r="BE37" s="259">
        <v>2</v>
      </c>
      <c r="BF37" s="253">
        <v>0</v>
      </c>
      <c r="BG37" s="257">
        <v>0</v>
      </c>
      <c r="BH37" s="254">
        <v>0</v>
      </c>
      <c r="BI37" s="256">
        <v>0</v>
      </c>
      <c r="BJ37" s="257">
        <v>1</v>
      </c>
      <c r="BK37" s="257">
        <v>0</v>
      </c>
      <c r="BL37" s="257">
        <v>0</v>
      </c>
      <c r="BM37" s="257">
        <v>0</v>
      </c>
      <c r="BN37" s="257">
        <v>0</v>
      </c>
      <c r="BO37" s="258">
        <v>1</v>
      </c>
      <c r="BP37" s="259">
        <v>1</v>
      </c>
      <c r="BQ37" s="253">
        <v>0</v>
      </c>
      <c r="BR37" s="257">
        <v>0</v>
      </c>
      <c r="BS37" s="254">
        <v>0</v>
      </c>
      <c r="BT37" s="256">
        <v>0</v>
      </c>
      <c r="BU37" s="257">
        <v>0</v>
      </c>
      <c r="BV37" s="257">
        <v>0</v>
      </c>
      <c r="BW37" s="257">
        <v>0</v>
      </c>
      <c r="BX37" s="257">
        <v>0</v>
      </c>
      <c r="BY37" s="257">
        <v>0</v>
      </c>
      <c r="BZ37" s="254">
        <v>0</v>
      </c>
      <c r="CA37" s="259">
        <v>0</v>
      </c>
      <c r="CB37" s="253">
        <v>0</v>
      </c>
      <c r="CC37" s="257">
        <v>0</v>
      </c>
      <c r="CD37" s="254">
        <v>0</v>
      </c>
      <c r="CE37" s="256">
        <v>0</v>
      </c>
      <c r="CF37" s="257">
        <v>0</v>
      </c>
      <c r="CG37" s="257">
        <v>0</v>
      </c>
      <c r="CH37" s="257">
        <v>0</v>
      </c>
      <c r="CI37" s="257">
        <v>0</v>
      </c>
      <c r="CJ37" s="257">
        <v>0</v>
      </c>
      <c r="CK37" s="254">
        <v>0</v>
      </c>
      <c r="CL37" s="259">
        <v>0</v>
      </c>
      <c r="CM37" s="253">
        <v>0</v>
      </c>
      <c r="CN37" s="257">
        <v>0</v>
      </c>
      <c r="CO37" s="254">
        <v>0</v>
      </c>
      <c r="CP37" s="256">
        <v>0</v>
      </c>
      <c r="CQ37" s="257">
        <v>0</v>
      </c>
      <c r="CR37" s="257">
        <v>0</v>
      </c>
      <c r="CS37" s="257">
        <v>0</v>
      </c>
      <c r="CT37" s="257">
        <v>0</v>
      </c>
      <c r="CU37" s="257">
        <v>0</v>
      </c>
      <c r="CV37" s="254">
        <v>0</v>
      </c>
      <c r="CW37" s="259">
        <v>0</v>
      </c>
    </row>
    <row r="38" spans="2:101" ht="21" customHeight="1" x14ac:dyDescent="0.2">
      <c r="B38" s="437" t="s">
        <v>36</v>
      </c>
      <c r="C38" s="253">
        <v>0</v>
      </c>
      <c r="D38" s="254">
        <v>0</v>
      </c>
      <c r="E38" s="255">
        <v>0</v>
      </c>
      <c r="F38" s="256">
        <v>0</v>
      </c>
      <c r="G38" s="257">
        <v>0</v>
      </c>
      <c r="H38" s="257">
        <v>0</v>
      </c>
      <c r="I38" s="257">
        <v>0</v>
      </c>
      <c r="J38" s="257">
        <v>0</v>
      </c>
      <c r="K38" s="257">
        <v>0</v>
      </c>
      <c r="L38" s="258">
        <v>0</v>
      </c>
      <c r="M38" s="259">
        <v>0</v>
      </c>
      <c r="N38" s="253">
        <v>0</v>
      </c>
      <c r="O38" s="257">
        <v>0</v>
      </c>
      <c r="P38" s="254">
        <v>0</v>
      </c>
      <c r="Q38" s="256">
        <v>0</v>
      </c>
      <c r="R38" s="257">
        <v>0</v>
      </c>
      <c r="S38" s="257">
        <v>0</v>
      </c>
      <c r="T38" s="257">
        <v>0</v>
      </c>
      <c r="U38" s="257">
        <v>0</v>
      </c>
      <c r="V38" s="257">
        <v>0</v>
      </c>
      <c r="W38" s="254">
        <v>0</v>
      </c>
      <c r="X38" s="259">
        <v>0</v>
      </c>
      <c r="Y38" s="253">
        <v>0</v>
      </c>
      <c r="Z38" s="257">
        <v>0</v>
      </c>
      <c r="AA38" s="254">
        <v>0</v>
      </c>
      <c r="AB38" s="256">
        <v>0</v>
      </c>
      <c r="AC38" s="257">
        <v>1</v>
      </c>
      <c r="AD38" s="257">
        <v>0</v>
      </c>
      <c r="AE38" s="257">
        <v>0</v>
      </c>
      <c r="AF38" s="257">
        <v>0</v>
      </c>
      <c r="AG38" s="257">
        <v>0</v>
      </c>
      <c r="AH38" s="254">
        <v>1</v>
      </c>
      <c r="AI38" s="259">
        <v>1</v>
      </c>
      <c r="AJ38" s="253">
        <v>0</v>
      </c>
      <c r="AK38" s="257">
        <v>0</v>
      </c>
      <c r="AL38" s="254">
        <v>0</v>
      </c>
      <c r="AM38" s="256">
        <v>0</v>
      </c>
      <c r="AN38" s="257">
        <v>0</v>
      </c>
      <c r="AO38" s="257">
        <v>0</v>
      </c>
      <c r="AP38" s="257">
        <v>0</v>
      </c>
      <c r="AQ38" s="257">
        <v>0</v>
      </c>
      <c r="AR38" s="257">
        <v>0</v>
      </c>
      <c r="AS38" s="254">
        <v>0</v>
      </c>
      <c r="AT38" s="259">
        <v>0</v>
      </c>
      <c r="AU38" s="253">
        <v>0</v>
      </c>
      <c r="AV38" s="257">
        <v>0</v>
      </c>
      <c r="AW38" s="254">
        <v>0</v>
      </c>
      <c r="AX38" s="256">
        <v>0</v>
      </c>
      <c r="AY38" s="257">
        <v>0</v>
      </c>
      <c r="AZ38" s="257">
        <v>0</v>
      </c>
      <c r="BA38" s="257">
        <v>1</v>
      </c>
      <c r="BB38" s="257">
        <v>0</v>
      </c>
      <c r="BC38" s="257">
        <v>0</v>
      </c>
      <c r="BD38" s="254">
        <v>1</v>
      </c>
      <c r="BE38" s="259">
        <v>1</v>
      </c>
      <c r="BF38" s="253">
        <v>0</v>
      </c>
      <c r="BG38" s="257">
        <v>0</v>
      </c>
      <c r="BH38" s="254">
        <v>0</v>
      </c>
      <c r="BI38" s="256">
        <v>0</v>
      </c>
      <c r="BJ38" s="257">
        <v>0</v>
      </c>
      <c r="BK38" s="257">
        <v>1</v>
      </c>
      <c r="BL38" s="257">
        <v>1</v>
      </c>
      <c r="BM38" s="257">
        <v>0</v>
      </c>
      <c r="BN38" s="257">
        <v>1</v>
      </c>
      <c r="BO38" s="258">
        <v>3</v>
      </c>
      <c r="BP38" s="259">
        <v>3</v>
      </c>
      <c r="BQ38" s="253">
        <v>0</v>
      </c>
      <c r="BR38" s="257">
        <v>0</v>
      </c>
      <c r="BS38" s="254">
        <v>0</v>
      </c>
      <c r="BT38" s="256">
        <v>0</v>
      </c>
      <c r="BU38" s="257">
        <v>0</v>
      </c>
      <c r="BV38" s="257">
        <v>0</v>
      </c>
      <c r="BW38" s="257">
        <v>0</v>
      </c>
      <c r="BX38" s="257">
        <v>0</v>
      </c>
      <c r="BY38" s="257">
        <v>0</v>
      </c>
      <c r="BZ38" s="254">
        <v>0</v>
      </c>
      <c r="CA38" s="259">
        <v>0</v>
      </c>
      <c r="CB38" s="253">
        <v>0</v>
      </c>
      <c r="CC38" s="257">
        <v>0</v>
      </c>
      <c r="CD38" s="254">
        <v>0</v>
      </c>
      <c r="CE38" s="256">
        <v>0</v>
      </c>
      <c r="CF38" s="257">
        <v>0</v>
      </c>
      <c r="CG38" s="257">
        <v>0</v>
      </c>
      <c r="CH38" s="257">
        <v>0</v>
      </c>
      <c r="CI38" s="257">
        <v>0</v>
      </c>
      <c r="CJ38" s="257">
        <v>0</v>
      </c>
      <c r="CK38" s="254">
        <v>0</v>
      </c>
      <c r="CL38" s="259">
        <v>0</v>
      </c>
      <c r="CM38" s="253">
        <v>0</v>
      </c>
      <c r="CN38" s="257">
        <v>0</v>
      </c>
      <c r="CO38" s="254">
        <v>0</v>
      </c>
      <c r="CP38" s="256">
        <v>0</v>
      </c>
      <c r="CQ38" s="257">
        <v>0</v>
      </c>
      <c r="CR38" s="257">
        <v>0</v>
      </c>
      <c r="CS38" s="257">
        <v>0</v>
      </c>
      <c r="CT38" s="257">
        <v>0</v>
      </c>
      <c r="CU38" s="257">
        <v>0</v>
      </c>
      <c r="CV38" s="254">
        <v>0</v>
      </c>
      <c r="CW38" s="259">
        <v>0</v>
      </c>
    </row>
    <row r="39" spans="2:101" ht="21" customHeight="1" thickBot="1" x14ac:dyDescent="0.25">
      <c r="B39" s="438" t="s">
        <v>37</v>
      </c>
      <c r="C39" s="260">
        <v>0</v>
      </c>
      <c r="D39" s="261">
        <v>0</v>
      </c>
      <c r="E39" s="262">
        <v>0</v>
      </c>
      <c r="F39" s="263">
        <v>0</v>
      </c>
      <c r="G39" s="264">
        <v>0</v>
      </c>
      <c r="H39" s="264">
        <v>0</v>
      </c>
      <c r="I39" s="264">
        <v>0</v>
      </c>
      <c r="J39" s="264">
        <v>0</v>
      </c>
      <c r="K39" s="264">
        <v>0</v>
      </c>
      <c r="L39" s="265">
        <v>0</v>
      </c>
      <c r="M39" s="266">
        <v>0</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0</v>
      </c>
      <c r="AG39" s="264">
        <v>1</v>
      </c>
      <c r="AH39" s="261">
        <v>1</v>
      </c>
      <c r="AI39" s="266">
        <v>1</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0</v>
      </c>
      <c r="BA39" s="264">
        <v>0</v>
      </c>
      <c r="BB39" s="264">
        <v>0</v>
      </c>
      <c r="BC39" s="264">
        <v>0</v>
      </c>
      <c r="BD39" s="261">
        <v>0</v>
      </c>
      <c r="BE39" s="266">
        <v>0</v>
      </c>
      <c r="BF39" s="260">
        <v>0</v>
      </c>
      <c r="BG39" s="264">
        <v>0</v>
      </c>
      <c r="BH39" s="261">
        <v>0</v>
      </c>
      <c r="BI39" s="263">
        <v>0</v>
      </c>
      <c r="BJ39" s="264">
        <v>0</v>
      </c>
      <c r="BK39" s="264">
        <v>0</v>
      </c>
      <c r="BL39" s="264">
        <v>0</v>
      </c>
      <c r="BM39" s="264">
        <v>0</v>
      </c>
      <c r="BN39" s="264">
        <v>0</v>
      </c>
      <c r="BO39" s="265">
        <v>0</v>
      </c>
      <c r="BP39" s="266">
        <v>0</v>
      </c>
      <c r="BQ39" s="260">
        <v>0</v>
      </c>
      <c r="BR39" s="264">
        <v>0</v>
      </c>
      <c r="BS39" s="261">
        <v>0</v>
      </c>
      <c r="BT39" s="263">
        <v>0</v>
      </c>
      <c r="BU39" s="264">
        <v>0</v>
      </c>
      <c r="BV39" s="264">
        <v>0</v>
      </c>
      <c r="BW39" s="264">
        <v>0</v>
      </c>
      <c r="BX39" s="264">
        <v>0</v>
      </c>
      <c r="BY39" s="264">
        <v>0</v>
      </c>
      <c r="BZ39" s="261">
        <v>0</v>
      </c>
      <c r="CA39" s="266">
        <v>0</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0</v>
      </c>
      <c r="CV39" s="261">
        <v>0</v>
      </c>
      <c r="CW39" s="266">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 style="238" customWidth="1"/>
    <col min="6" max="6" width="7.77734375" style="238" customWidth="1"/>
    <col min="7" max="7" width="10.77734375" style="238" customWidth="1"/>
    <col min="8" max="16" width="9" style="238"/>
    <col min="17" max="17" width="8" style="238" customWidth="1"/>
    <col min="18" max="16384" width="9" style="238"/>
  </cols>
  <sheetData>
    <row r="1" spans="2:24" ht="24" customHeight="1" x14ac:dyDescent="0.2">
      <c r="B1" s="267" t="s">
        <v>124</v>
      </c>
      <c r="H1" s="495">
        <f>第１表!F2</f>
        <v>6</v>
      </c>
      <c r="I1" s="495"/>
      <c r="J1" s="231">
        <f>第１表!G2</f>
        <v>2</v>
      </c>
      <c r="K1" s="499">
        <f>IF(J1&lt;3,J1+12-2,J1-2)</f>
        <v>12</v>
      </c>
      <c r="L1" s="499"/>
    </row>
    <row r="2" spans="2:24" ht="24" customHeight="1" thickBot="1" x14ac:dyDescent="0.25">
      <c r="B2" s="267" t="s">
        <v>131</v>
      </c>
    </row>
    <row r="3" spans="2:24" ht="21" customHeight="1" x14ac:dyDescent="0.2">
      <c r="B3" s="511"/>
      <c r="C3" s="507" t="s">
        <v>141</v>
      </c>
      <c r="D3" s="507"/>
      <c r="E3" s="507"/>
      <c r="F3" s="507"/>
      <c r="G3" s="507"/>
      <c r="H3" s="507"/>
      <c r="I3" s="507"/>
      <c r="J3" s="507"/>
      <c r="K3" s="507"/>
      <c r="L3" s="507"/>
      <c r="M3" s="537"/>
      <c r="N3" s="507" t="s">
        <v>113</v>
      </c>
      <c r="O3" s="507"/>
      <c r="P3" s="507"/>
      <c r="Q3" s="507"/>
      <c r="R3" s="507"/>
      <c r="S3" s="507"/>
      <c r="T3" s="507"/>
      <c r="U3" s="507"/>
      <c r="V3" s="507"/>
      <c r="W3" s="507"/>
      <c r="X3" s="537"/>
    </row>
    <row r="4" spans="2:24" ht="21" customHeight="1" x14ac:dyDescent="0.2">
      <c r="B4" s="535"/>
      <c r="C4" s="538" t="s">
        <v>61</v>
      </c>
      <c r="D4" s="538"/>
      <c r="E4" s="539"/>
      <c r="F4" s="540" t="s">
        <v>62</v>
      </c>
      <c r="G4" s="538"/>
      <c r="H4" s="538"/>
      <c r="I4" s="538"/>
      <c r="J4" s="538"/>
      <c r="K4" s="538"/>
      <c r="L4" s="541"/>
      <c r="M4" s="542" t="s">
        <v>52</v>
      </c>
      <c r="N4" s="538" t="s">
        <v>61</v>
      </c>
      <c r="O4" s="538"/>
      <c r="P4" s="539"/>
      <c r="Q4" s="540" t="s">
        <v>62</v>
      </c>
      <c r="R4" s="538"/>
      <c r="S4" s="538"/>
      <c r="T4" s="538"/>
      <c r="U4" s="538"/>
      <c r="V4" s="538"/>
      <c r="W4" s="541"/>
      <c r="X4" s="542" t="s">
        <v>52</v>
      </c>
    </row>
    <row r="5" spans="2:24" ht="30" customHeight="1" thickBot="1" x14ac:dyDescent="0.25">
      <c r="B5" s="536"/>
      <c r="C5" s="239" t="s">
        <v>43</v>
      </c>
      <c r="D5" s="239" t="s">
        <v>44</v>
      </c>
      <c r="E5" s="242" t="s">
        <v>45</v>
      </c>
      <c r="F5" s="244" t="s">
        <v>83</v>
      </c>
      <c r="G5" s="239" t="s">
        <v>47</v>
      </c>
      <c r="H5" s="239" t="s">
        <v>48</v>
      </c>
      <c r="I5" s="239" t="s">
        <v>49</v>
      </c>
      <c r="J5" s="239" t="s">
        <v>50</v>
      </c>
      <c r="K5" s="239" t="s">
        <v>51</v>
      </c>
      <c r="L5" s="242" t="s">
        <v>45</v>
      </c>
      <c r="M5" s="510"/>
      <c r="N5" s="239" t="s">
        <v>43</v>
      </c>
      <c r="O5" s="239" t="s">
        <v>44</v>
      </c>
      <c r="P5" s="242" t="s">
        <v>45</v>
      </c>
      <c r="Q5" s="244" t="s">
        <v>83</v>
      </c>
      <c r="R5" s="239" t="s">
        <v>47</v>
      </c>
      <c r="S5" s="239" t="s">
        <v>48</v>
      </c>
      <c r="T5" s="239" t="s">
        <v>49</v>
      </c>
      <c r="U5" s="239" t="s">
        <v>50</v>
      </c>
      <c r="V5" s="239" t="s">
        <v>51</v>
      </c>
      <c r="W5" s="242" t="s">
        <v>45</v>
      </c>
      <c r="X5" s="510"/>
    </row>
    <row r="6" spans="2:24" ht="21" customHeight="1" x14ac:dyDescent="0.2">
      <c r="B6" s="435" t="s">
        <v>4</v>
      </c>
      <c r="C6" s="250">
        <v>0</v>
      </c>
      <c r="D6" s="250">
        <v>6</v>
      </c>
      <c r="E6" s="247">
        <v>6</v>
      </c>
      <c r="F6" s="249">
        <v>0</v>
      </c>
      <c r="G6" s="250">
        <v>100530</v>
      </c>
      <c r="H6" s="250">
        <v>102799</v>
      </c>
      <c r="I6" s="250">
        <v>62406</v>
      </c>
      <c r="J6" s="250">
        <v>31919</v>
      </c>
      <c r="K6" s="250">
        <v>14210</v>
      </c>
      <c r="L6" s="247">
        <v>311864</v>
      </c>
      <c r="M6" s="252">
        <v>311870</v>
      </c>
      <c r="N6" s="250">
        <v>25</v>
      </c>
      <c r="O6" s="250">
        <v>50</v>
      </c>
      <c r="P6" s="247">
        <v>75</v>
      </c>
      <c r="Q6" s="249">
        <v>0</v>
      </c>
      <c r="R6" s="250">
        <v>6490</v>
      </c>
      <c r="S6" s="250">
        <v>8931</v>
      </c>
      <c r="T6" s="250">
        <v>11695</v>
      </c>
      <c r="U6" s="250">
        <v>6901</v>
      </c>
      <c r="V6" s="250">
        <v>5063</v>
      </c>
      <c r="W6" s="247">
        <v>39080</v>
      </c>
      <c r="X6" s="252">
        <v>39155</v>
      </c>
    </row>
    <row r="7" spans="2:24" ht="21" customHeight="1" x14ac:dyDescent="0.2">
      <c r="B7" s="436" t="s">
        <v>5</v>
      </c>
      <c r="C7" s="257">
        <v>0</v>
      </c>
      <c r="D7" s="257">
        <v>6</v>
      </c>
      <c r="E7" s="254">
        <v>6</v>
      </c>
      <c r="F7" s="256">
        <v>0</v>
      </c>
      <c r="G7" s="257">
        <v>34888</v>
      </c>
      <c r="H7" s="257">
        <v>49148</v>
      </c>
      <c r="I7" s="257">
        <v>29421</v>
      </c>
      <c r="J7" s="257">
        <v>14954</v>
      </c>
      <c r="K7" s="257">
        <v>6488</v>
      </c>
      <c r="L7" s="254">
        <v>134899</v>
      </c>
      <c r="M7" s="259">
        <v>134905</v>
      </c>
      <c r="N7" s="257">
        <v>10</v>
      </c>
      <c r="O7" s="257">
        <v>8</v>
      </c>
      <c r="P7" s="254">
        <v>18</v>
      </c>
      <c r="Q7" s="256">
        <v>0</v>
      </c>
      <c r="R7" s="257">
        <v>3326</v>
      </c>
      <c r="S7" s="257">
        <v>4564</v>
      </c>
      <c r="T7" s="257">
        <v>5871</v>
      </c>
      <c r="U7" s="257">
        <v>4015</v>
      </c>
      <c r="V7" s="257">
        <v>2639</v>
      </c>
      <c r="W7" s="254">
        <v>20415</v>
      </c>
      <c r="X7" s="259">
        <v>20433</v>
      </c>
    </row>
    <row r="8" spans="2:24" ht="21" customHeight="1" x14ac:dyDescent="0.2">
      <c r="B8" s="437" t="s">
        <v>6</v>
      </c>
      <c r="C8" s="257">
        <v>0</v>
      </c>
      <c r="D8" s="257">
        <v>0</v>
      </c>
      <c r="E8" s="254">
        <v>0</v>
      </c>
      <c r="F8" s="256">
        <v>0</v>
      </c>
      <c r="G8" s="257">
        <v>13953</v>
      </c>
      <c r="H8" s="257">
        <v>11077</v>
      </c>
      <c r="I8" s="257">
        <v>7312</v>
      </c>
      <c r="J8" s="257">
        <v>4167</v>
      </c>
      <c r="K8" s="257">
        <v>2082</v>
      </c>
      <c r="L8" s="254">
        <v>38591</v>
      </c>
      <c r="M8" s="259">
        <v>38591</v>
      </c>
      <c r="N8" s="257">
        <v>6</v>
      </c>
      <c r="O8" s="257">
        <v>8</v>
      </c>
      <c r="P8" s="254">
        <v>14</v>
      </c>
      <c r="Q8" s="256">
        <v>0</v>
      </c>
      <c r="R8" s="257">
        <v>1378</v>
      </c>
      <c r="S8" s="257">
        <v>2112</v>
      </c>
      <c r="T8" s="257">
        <v>2568</v>
      </c>
      <c r="U8" s="257">
        <v>1338</v>
      </c>
      <c r="V8" s="257">
        <v>1167</v>
      </c>
      <c r="W8" s="254">
        <v>8563</v>
      </c>
      <c r="X8" s="259">
        <v>8577</v>
      </c>
    </row>
    <row r="9" spans="2:24" ht="21" customHeight="1" x14ac:dyDescent="0.2">
      <c r="B9" s="437" t="s">
        <v>14</v>
      </c>
      <c r="C9" s="257">
        <v>0</v>
      </c>
      <c r="D9" s="257">
        <v>0</v>
      </c>
      <c r="E9" s="254">
        <v>0</v>
      </c>
      <c r="F9" s="256">
        <v>0</v>
      </c>
      <c r="G9" s="257">
        <v>7951</v>
      </c>
      <c r="H9" s="257">
        <v>9048</v>
      </c>
      <c r="I9" s="257">
        <v>5439</v>
      </c>
      <c r="J9" s="257">
        <v>2790</v>
      </c>
      <c r="K9" s="257">
        <v>1374</v>
      </c>
      <c r="L9" s="254">
        <v>26602</v>
      </c>
      <c r="M9" s="259">
        <v>26602</v>
      </c>
      <c r="N9" s="257">
        <v>0</v>
      </c>
      <c r="O9" s="257">
        <v>0</v>
      </c>
      <c r="P9" s="254">
        <v>0</v>
      </c>
      <c r="Q9" s="256">
        <v>0</v>
      </c>
      <c r="R9" s="257">
        <v>133</v>
      </c>
      <c r="S9" s="257">
        <v>200</v>
      </c>
      <c r="T9" s="257">
        <v>476</v>
      </c>
      <c r="U9" s="257">
        <v>202</v>
      </c>
      <c r="V9" s="257">
        <v>230</v>
      </c>
      <c r="W9" s="254">
        <v>1241</v>
      </c>
      <c r="X9" s="259">
        <v>1241</v>
      </c>
    </row>
    <row r="10" spans="2:24" ht="21" customHeight="1" x14ac:dyDescent="0.2">
      <c r="B10" s="437" t="s">
        <v>7</v>
      </c>
      <c r="C10" s="257">
        <v>0</v>
      </c>
      <c r="D10" s="257">
        <v>0</v>
      </c>
      <c r="E10" s="254">
        <v>0</v>
      </c>
      <c r="F10" s="256">
        <v>0</v>
      </c>
      <c r="G10" s="257">
        <v>8039</v>
      </c>
      <c r="H10" s="257">
        <v>5222</v>
      </c>
      <c r="I10" s="257">
        <v>2488</v>
      </c>
      <c r="J10" s="257">
        <v>1065</v>
      </c>
      <c r="K10" s="257">
        <v>470</v>
      </c>
      <c r="L10" s="254">
        <v>17284</v>
      </c>
      <c r="M10" s="259">
        <v>17284</v>
      </c>
      <c r="N10" s="257">
        <v>0</v>
      </c>
      <c r="O10" s="257">
        <v>0</v>
      </c>
      <c r="P10" s="254">
        <v>0</v>
      </c>
      <c r="Q10" s="256">
        <v>0</v>
      </c>
      <c r="R10" s="257">
        <v>709</v>
      </c>
      <c r="S10" s="257">
        <v>827</v>
      </c>
      <c r="T10" s="257">
        <v>990</v>
      </c>
      <c r="U10" s="257">
        <v>471</v>
      </c>
      <c r="V10" s="257">
        <v>208</v>
      </c>
      <c r="W10" s="254">
        <v>3205</v>
      </c>
      <c r="X10" s="259">
        <v>3205</v>
      </c>
    </row>
    <row r="11" spans="2:24" ht="21" customHeight="1" x14ac:dyDescent="0.2">
      <c r="B11" s="437" t="s">
        <v>8</v>
      </c>
      <c r="C11" s="257">
        <v>0</v>
      </c>
      <c r="D11" s="257">
        <v>0</v>
      </c>
      <c r="E11" s="254">
        <v>0</v>
      </c>
      <c r="F11" s="256">
        <v>0</v>
      </c>
      <c r="G11" s="257">
        <v>4590</v>
      </c>
      <c r="H11" s="257">
        <v>4788</v>
      </c>
      <c r="I11" s="257">
        <v>2291</v>
      </c>
      <c r="J11" s="257">
        <v>1150</v>
      </c>
      <c r="K11" s="257">
        <v>557</v>
      </c>
      <c r="L11" s="254">
        <v>13376</v>
      </c>
      <c r="M11" s="259">
        <v>13376</v>
      </c>
      <c r="N11" s="257">
        <v>0</v>
      </c>
      <c r="O11" s="257">
        <v>0</v>
      </c>
      <c r="P11" s="254">
        <v>0</v>
      </c>
      <c r="Q11" s="256">
        <v>0</v>
      </c>
      <c r="R11" s="257">
        <v>58</v>
      </c>
      <c r="S11" s="257">
        <v>94</v>
      </c>
      <c r="T11" s="257">
        <v>67</v>
      </c>
      <c r="U11" s="257">
        <v>150</v>
      </c>
      <c r="V11" s="257">
        <v>88</v>
      </c>
      <c r="W11" s="254">
        <v>457</v>
      </c>
      <c r="X11" s="259">
        <v>457</v>
      </c>
    </row>
    <row r="12" spans="2:24" ht="21" customHeight="1" x14ac:dyDescent="0.2">
      <c r="B12" s="437" t="s">
        <v>9</v>
      </c>
      <c r="C12" s="257">
        <v>0</v>
      </c>
      <c r="D12" s="257">
        <v>0</v>
      </c>
      <c r="E12" s="254">
        <v>0</v>
      </c>
      <c r="F12" s="256">
        <v>0</v>
      </c>
      <c r="G12" s="257">
        <v>3114</v>
      </c>
      <c r="H12" s="257">
        <v>1846</v>
      </c>
      <c r="I12" s="257">
        <v>1740</v>
      </c>
      <c r="J12" s="257">
        <v>895</v>
      </c>
      <c r="K12" s="257">
        <v>318</v>
      </c>
      <c r="L12" s="254">
        <v>7913</v>
      </c>
      <c r="M12" s="259">
        <v>7913</v>
      </c>
      <c r="N12" s="257">
        <v>0</v>
      </c>
      <c r="O12" s="257">
        <v>0</v>
      </c>
      <c r="P12" s="254">
        <v>0</v>
      </c>
      <c r="Q12" s="256">
        <v>0</v>
      </c>
      <c r="R12" s="257">
        <v>15</v>
      </c>
      <c r="S12" s="257">
        <v>53</v>
      </c>
      <c r="T12" s="257">
        <v>63</v>
      </c>
      <c r="U12" s="257">
        <v>0</v>
      </c>
      <c r="V12" s="257">
        <v>63</v>
      </c>
      <c r="W12" s="254">
        <v>194</v>
      </c>
      <c r="X12" s="259">
        <v>194</v>
      </c>
    </row>
    <row r="13" spans="2:24" ht="21" customHeight="1" x14ac:dyDescent="0.2">
      <c r="B13" s="437" t="s">
        <v>10</v>
      </c>
      <c r="C13" s="257">
        <v>0</v>
      </c>
      <c r="D13" s="257">
        <v>0</v>
      </c>
      <c r="E13" s="254">
        <v>0</v>
      </c>
      <c r="F13" s="256">
        <v>0</v>
      </c>
      <c r="G13" s="257">
        <v>4070</v>
      </c>
      <c r="H13" s="257">
        <v>2118</v>
      </c>
      <c r="I13" s="257">
        <v>1288</v>
      </c>
      <c r="J13" s="257">
        <v>570</v>
      </c>
      <c r="K13" s="257">
        <v>224</v>
      </c>
      <c r="L13" s="254">
        <v>8270</v>
      </c>
      <c r="M13" s="259">
        <v>8270</v>
      </c>
      <c r="N13" s="257">
        <v>0</v>
      </c>
      <c r="O13" s="257">
        <v>3</v>
      </c>
      <c r="P13" s="254">
        <v>3</v>
      </c>
      <c r="Q13" s="256">
        <v>0</v>
      </c>
      <c r="R13" s="257">
        <v>29</v>
      </c>
      <c r="S13" s="257">
        <v>95</v>
      </c>
      <c r="T13" s="257">
        <v>272</v>
      </c>
      <c r="U13" s="257">
        <v>114</v>
      </c>
      <c r="V13" s="257">
        <v>113</v>
      </c>
      <c r="W13" s="254">
        <v>623</v>
      </c>
      <c r="X13" s="259">
        <v>626</v>
      </c>
    </row>
    <row r="14" spans="2:24" ht="21" customHeight="1" x14ac:dyDescent="0.2">
      <c r="B14" s="437" t="s">
        <v>11</v>
      </c>
      <c r="C14" s="257">
        <v>0</v>
      </c>
      <c r="D14" s="257">
        <v>0</v>
      </c>
      <c r="E14" s="254">
        <v>0</v>
      </c>
      <c r="F14" s="256">
        <v>0</v>
      </c>
      <c r="G14" s="257">
        <v>4311</v>
      </c>
      <c r="H14" s="257">
        <v>2479</v>
      </c>
      <c r="I14" s="257">
        <v>1767</v>
      </c>
      <c r="J14" s="257">
        <v>941</v>
      </c>
      <c r="K14" s="257">
        <v>497</v>
      </c>
      <c r="L14" s="254">
        <v>9995</v>
      </c>
      <c r="M14" s="259">
        <v>9995</v>
      </c>
      <c r="N14" s="257">
        <v>0</v>
      </c>
      <c r="O14" s="257">
        <v>0</v>
      </c>
      <c r="P14" s="254">
        <v>0</v>
      </c>
      <c r="Q14" s="256">
        <v>0</v>
      </c>
      <c r="R14" s="257">
        <v>163</v>
      </c>
      <c r="S14" s="257">
        <v>144</v>
      </c>
      <c r="T14" s="257">
        <v>164</v>
      </c>
      <c r="U14" s="257">
        <v>14</v>
      </c>
      <c r="V14" s="257">
        <v>9</v>
      </c>
      <c r="W14" s="254">
        <v>494</v>
      </c>
      <c r="X14" s="259">
        <v>494</v>
      </c>
    </row>
    <row r="15" spans="2:24" ht="21" customHeight="1" x14ac:dyDescent="0.2">
      <c r="B15" s="437" t="s">
        <v>12</v>
      </c>
      <c r="C15" s="257">
        <v>0</v>
      </c>
      <c r="D15" s="257">
        <v>0</v>
      </c>
      <c r="E15" s="254">
        <v>0</v>
      </c>
      <c r="F15" s="256">
        <v>0</v>
      </c>
      <c r="G15" s="257">
        <v>2987</v>
      </c>
      <c r="H15" s="257">
        <v>1978</v>
      </c>
      <c r="I15" s="257">
        <v>1313</v>
      </c>
      <c r="J15" s="257">
        <v>619</v>
      </c>
      <c r="K15" s="257">
        <v>196</v>
      </c>
      <c r="L15" s="254">
        <v>7093</v>
      </c>
      <c r="M15" s="259">
        <v>7093</v>
      </c>
      <c r="N15" s="257">
        <v>0</v>
      </c>
      <c r="O15" s="257">
        <v>0</v>
      </c>
      <c r="P15" s="254">
        <v>0</v>
      </c>
      <c r="Q15" s="256">
        <v>0</v>
      </c>
      <c r="R15" s="257">
        <v>63</v>
      </c>
      <c r="S15" s="257">
        <v>8</v>
      </c>
      <c r="T15" s="257">
        <v>3</v>
      </c>
      <c r="U15" s="257">
        <v>8</v>
      </c>
      <c r="V15" s="257">
        <v>17</v>
      </c>
      <c r="W15" s="254">
        <v>99</v>
      </c>
      <c r="X15" s="259">
        <v>99</v>
      </c>
    </row>
    <row r="16" spans="2:24" ht="21" customHeight="1" x14ac:dyDescent="0.2">
      <c r="B16" s="437" t="s">
        <v>13</v>
      </c>
      <c r="C16" s="257">
        <v>0</v>
      </c>
      <c r="D16" s="257">
        <v>0</v>
      </c>
      <c r="E16" s="254">
        <v>0</v>
      </c>
      <c r="F16" s="256">
        <v>0</v>
      </c>
      <c r="G16" s="257">
        <v>1019</v>
      </c>
      <c r="H16" s="257">
        <v>1173</v>
      </c>
      <c r="I16" s="257">
        <v>764</v>
      </c>
      <c r="J16" s="257">
        <v>310</v>
      </c>
      <c r="K16" s="257">
        <v>127</v>
      </c>
      <c r="L16" s="254">
        <v>3393</v>
      </c>
      <c r="M16" s="259">
        <v>3393</v>
      </c>
      <c r="N16" s="257">
        <v>0</v>
      </c>
      <c r="O16" s="257">
        <v>0</v>
      </c>
      <c r="P16" s="254">
        <v>0</v>
      </c>
      <c r="Q16" s="256">
        <v>0</v>
      </c>
      <c r="R16" s="257">
        <v>20</v>
      </c>
      <c r="S16" s="257">
        <v>78</v>
      </c>
      <c r="T16" s="257">
        <v>77</v>
      </c>
      <c r="U16" s="257">
        <v>30</v>
      </c>
      <c r="V16" s="257">
        <v>95</v>
      </c>
      <c r="W16" s="254">
        <v>300</v>
      </c>
      <c r="X16" s="259">
        <v>300</v>
      </c>
    </row>
    <row r="17" spans="2:24" ht="21" customHeight="1" x14ac:dyDescent="0.2">
      <c r="B17" s="437" t="s">
        <v>15</v>
      </c>
      <c r="C17" s="257">
        <v>0</v>
      </c>
      <c r="D17" s="257">
        <v>0</v>
      </c>
      <c r="E17" s="254">
        <v>0</v>
      </c>
      <c r="F17" s="256">
        <v>0</v>
      </c>
      <c r="G17" s="257">
        <v>1241</v>
      </c>
      <c r="H17" s="257">
        <v>1304</v>
      </c>
      <c r="I17" s="257">
        <v>757</v>
      </c>
      <c r="J17" s="257">
        <v>295</v>
      </c>
      <c r="K17" s="257">
        <v>113</v>
      </c>
      <c r="L17" s="254">
        <v>3710</v>
      </c>
      <c r="M17" s="259">
        <v>3710</v>
      </c>
      <c r="N17" s="257">
        <v>0</v>
      </c>
      <c r="O17" s="257">
        <v>0</v>
      </c>
      <c r="P17" s="254">
        <v>0</v>
      </c>
      <c r="Q17" s="256">
        <v>0</v>
      </c>
      <c r="R17" s="257">
        <v>23</v>
      </c>
      <c r="S17" s="257">
        <v>23</v>
      </c>
      <c r="T17" s="257">
        <v>79</v>
      </c>
      <c r="U17" s="257">
        <v>21</v>
      </c>
      <c r="V17" s="257">
        <v>24</v>
      </c>
      <c r="W17" s="254">
        <v>170</v>
      </c>
      <c r="X17" s="259">
        <v>170</v>
      </c>
    </row>
    <row r="18" spans="2:24" ht="21" customHeight="1" x14ac:dyDescent="0.2">
      <c r="B18" s="437" t="s">
        <v>16</v>
      </c>
      <c r="C18" s="257">
        <v>0</v>
      </c>
      <c r="D18" s="257">
        <v>0</v>
      </c>
      <c r="E18" s="254">
        <v>0</v>
      </c>
      <c r="F18" s="256">
        <v>0</v>
      </c>
      <c r="G18" s="257">
        <v>1292</v>
      </c>
      <c r="H18" s="257">
        <v>1571</v>
      </c>
      <c r="I18" s="257">
        <v>966</v>
      </c>
      <c r="J18" s="257">
        <v>532</v>
      </c>
      <c r="K18" s="257">
        <v>171</v>
      </c>
      <c r="L18" s="254">
        <v>4532</v>
      </c>
      <c r="M18" s="259">
        <v>4532</v>
      </c>
      <c r="N18" s="257">
        <v>0</v>
      </c>
      <c r="O18" s="257">
        <v>0</v>
      </c>
      <c r="P18" s="254">
        <v>0</v>
      </c>
      <c r="Q18" s="256">
        <v>0</v>
      </c>
      <c r="R18" s="257">
        <v>49</v>
      </c>
      <c r="S18" s="257">
        <v>119</v>
      </c>
      <c r="T18" s="257">
        <v>69</v>
      </c>
      <c r="U18" s="257">
        <v>36</v>
      </c>
      <c r="V18" s="257">
        <v>49</v>
      </c>
      <c r="W18" s="254">
        <v>322</v>
      </c>
      <c r="X18" s="259">
        <v>322</v>
      </c>
    </row>
    <row r="19" spans="2:24" ht="21" customHeight="1" x14ac:dyDescent="0.2">
      <c r="B19" s="437" t="s">
        <v>17</v>
      </c>
      <c r="C19" s="257">
        <v>0</v>
      </c>
      <c r="D19" s="257">
        <v>0</v>
      </c>
      <c r="E19" s="254">
        <v>0</v>
      </c>
      <c r="F19" s="256">
        <v>0</v>
      </c>
      <c r="G19" s="257">
        <v>2113</v>
      </c>
      <c r="H19" s="257">
        <v>2679</v>
      </c>
      <c r="I19" s="257">
        <v>1561</v>
      </c>
      <c r="J19" s="257">
        <v>1242</v>
      </c>
      <c r="K19" s="257">
        <v>560</v>
      </c>
      <c r="L19" s="254">
        <v>8155</v>
      </c>
      <c r="M19" s="259">
        <v>8155</v>
      </c>
      <c r="N19" s="257">
        <v>9</v>
      </c>
      <c r="O19" s="257">
        <v>31</v>
      </c>
      <c r="P19" s="254">
        <v>40</v>
      </c>
      <c r="Q19" s="256">
        <v>0</v>
      </c>
      <c r="R19" s="257">
        <v>159</v>
      </c>
      <c r="S19" s="257">
        <v>198</v>
      </c>
      <c r="T19" s="257">
        <v>177</v>
      </c>
      <c r="U19" s="257">
        <v>150</v>
      </c>
      <c r="V19" s="257">
        <v>55</v>
      </c>
      <c r="W19" s="254">
        <v>739</v>
      </c>
      <c r="X19" s="259">
        <v>779</v>
      </c>
    </row>
    <row r="20" spans="2:24" ht="21" customHeight="1" x14ac:dyDescent="0.2">
      <c r="B20" s="437" t="s">
        <v>18</v>
      </c>
      <c r="C20" s="257">
        <v>0</v>
      </c>
      <c r="D20" s="257">
        <v>0</v>
      </c>
      <c r="E20" s="254">
        <v>0</v>
      </c>
      <c r="F20" s="256">
        <v>0</v>
      </c>
      <c r="G20" s="257">
        <v>2172</v>
      </c>
      <c r="H20" s="257">
        <v>1507</v>
      </c>
      <c r="I20" s="257">
        <v>878</v>
      </c>
      <c r="J20" s="257">
        <v>363</v>
      </c>
      <c r="K20" s="257">
        <v>213</v>
      </c>
      <c r="L20" s="254">
        <v>5133</v>
      </c>
      <c r="M20" s="259">
        <v>5133</v>
      </c>
      <c r="N20" s="257">
        <v>0</v>
      </c>
      <c r="O20" s="257">
        <v>0</v>
      </c>
      <c r="P20" s="254">
        <v>0</v>
      </c>
      <c r="Q20" s="256">
        <v>0</v>
      </c>
      <c r="R20" s="257">
        <v>94</v>
      </c>
      <c r="S20" s="257">
        <v>67</v>
      </c>
      <c r="T20" s="257">
        <v>291</v>
      </c>
      <c r="U20" s="257">
        <v>146</v>
      </c>
      <c r="V20" s="257">
        <v>71</v>
      </c>
      <c r="W20" s="254">
        <v>669</v>
      </c>
      <c r="X20" s="259">
        <v>669</v>
      </c>
    </row>
    <row r="21" spans="2:24" ht="21" customHeight="1" x14ac:dyDescent="0.2">
      <c r="B21" s="437" t="s">
        <v>19</v>
      </c>
      <c r="C21" s="257">
        <v>0</v>
      </c>
      <c r="D21" s="257">
        <v>0</v>
      </c>
      <c r="E21" s="254">
        <v>0</v>
      </c>
      <c r="F21" s="256">
        <v>0</v>
      </c>
      <c r="G21" s="257">
        <v>921</v>
      </c>
      <c r="H21" s="257">
        <v>908</v>
      </c>
      <c r="I21" s="257">
        <v>467</v>
      </c>
      <c r="J21" s="257">
        <v>252</v>
      </c>
      <c r="K21" s="257">
        <v>113</v>
      </c>
      <c r="L21" s="254">
        <v>2661</v>
      </c>
      <c r="M21" s="259">
        <v>2661</v>
      </c>
      <c r="N21" s="257">
        <v>0</v>
      </c>
      <c r="O21" s="257">
        <v>0</v>
      </c>
      <c r="P21" s="254">
        <v>0</v>
      </c>
      <c r="Q21" s="256">
        <v>0</v>
      </c>
      <c r="R21" s="257">
        <v>73</v>
      </c>
      <c r="S21" s="257">
        <v>170</v>
      </c>
      <c r="T21" s="257">
        <v>269</v>
      </c>
      <c r="U21" s="257">
        <v>27</v>
      </c>
      <c r="V21" s="257">
        <v>57</v>
      </c>
      <c r="W21" s="254">
        <v>596</v>
      </c>
      <c r="X21" s="259">
        <v>596</v>
      </c>
    </row>
    <row r="22" spans="2:24" ht="21" customHeight="1" x14ac:dyDescent="0.2">
      <c r="B22" s="437" t="s">
        <v>20</v>
      </c>
      <c r="C22" s="257">
        <v>0</v>
      </c>
      <c r="D22" s="257">
        <v>0</v>
      </c>
      <c r="E22" s="254">
        <v>0</v>
      </c>
      <c r="F22" s="256">
        <v>0</v>
      </c>
      <c r="G22" s="257">
        <v>1212</v>
      </c>
      <c r="H22" s="257">
        <v>846</v>
      </c>
      <c r="I22" s="257">
        <v>506</v>
      </c>
      <c r="J22" s="257">
        <v>175</v>
      </c>
      <c r="K22" s="257">
        <v>114</v>
      </c>
      <c r="L22" s="254">
        <v>2853</v>
      </c>
      <c r="M22" s="259">
        <v>2853</v>
      </c>
      <c r="N22" s="257">
        <v>0</v>
      </c>
      <c r="O22" s="257">
        <v>0</v>
      </c>
      <c r="P22" s="254">
        <v>0</v>
      </c>
      <c r="Q22" s="256">
        <v>0</v>
      </c>
      <c r="R22" s="257">
        <v>24</v>
      </c>
      <c r="S22" s="257">
        <v>4</v>
      </c>
      <c r="T22" s="257">
        <v>34</v>
      </c>
      <c r="U22" s="257">
        <v>19</v>
      </c>
      <c r="V22" s="257">
        <v>22</v>
      </c>
      <c r="W22" s="254">
        <v>103</v>
      </c>
      <c r="X22" s="259">
        <v>103</v>
      </c>
    </row>
    <row r="23" spans="2:24" ht="21" customHeight="1" x14ac:dyDescent="0.2">
      <c r="B23" s="437" t="s">
        <v>21</v>
      </c>
      <c r="C23" s="257">
        <v>0</v>
      </c>
      <c r="D23" s="257">
        <v>0</v>
      </c>
      <c r="E23" s="254">
        <v>0</v>
      </c>
      <c r="F23" s="256">
        <v>0</v>
      </c>
      <c r="G23" s="257">
        <v>1442</v>
      </c>
      <c r="H23" s="257">
        <v>1312</v>
      </c>
      <c r="I23" s="257">
        <v>742</v>
      </c>
      <c r="J23" s="257">
        <v>340</v>
      </c>
      <c r="K23" s="257">
        <v>93</v>
      </c>
      <c r="L23" s="254">
        <v>3929</v>
      </c>
      <c r="M23" s="259">
        <v>3929</v>
      </c>
      <c r="N23" s="257">
        <v>0</v>
      </c>
      <c r="O23" s="257">
        <v>0</v>
      </c>
      <c r="P23" s="254">
        <v>0</v>
      </c>
      <c r="Q23" s="256">
        <v>0</v>
      </c>
      <c r="R23" s="257">
        <v>0</v>
      </c>
      <c r="S23" s="257">
        <v>0</v>
      </c>
      <c r="T23" s="257">
        <v>0</v>
      </c>
      <c r="U23" s="257">
        <v>0</v>
      </c>
      <c r="V23" s="257">
        <v>0</v>
      </c>
      <c r="W23" s="254">
        <v>0</v>
      </c>
      <c r="X23" s="259">
        <v>0</v>
      </c>
    </row>
    <row r="24" spans="2:24" ht="21" customHeight="1" x14ac:dyDescent="0.2">
      <c r="B24" s="437" t="s">
        <v>22</v>
      </c>
      <c r="C24" s="257">
        <v>0</v>
      </c>
      <c r="D24" s="257">
        <v>0</v>
      </c>
      <c r="E24" s="254">
        <v>0</v>
      </c>
      <c r="F24" s="256">
        <v>0</v>
      </c>
      <c r="G24" s="257">
        <v>1132</v>
      </c>
      <c r="H24" s="257">
        <v>1211</v>
      </c>
      <c r="I24" s="257">
        <v>697</v>
      </c>
      <c r="J24" s="257">
        <v>420</v>
      </c>
      <c r="K24" s="257">
        <v>54</v>
      </c>
      <c r="L24" s="254">
        <v>3514</v>
      </c>
      <c r="M24" s="259">
        <v>3514</v>
      </c>
      <c r="N24" s="257">
        <v>0</v>
      </c>
      <c r="O24" s="257">
        <v>0</v>
      </c>
      <c r="P24" s="254">
        <v>0</v>
      </c>
      <c r="Q24" s="256">
        <v>0</v>
      </c>
      <c r="R24" s="257">
        <v>27</v>
      </c>
      <c r="S24" s="257">
        <v>21</v>
      </c>
      <c r="T24" s="257">
        <v>89</v>
      </c>
      <c r="U24" s="257">
        <v>43</v>
      </c>
      <c r="V24" s="257">
        <v>56</v>
      </c>
      <c r="W24" s="254">
        <v>236</v>
      </c>
      <c r="X24" s="259">
        <v>236</v>
      </c>
    </row>
    <row r="25" spans="2:24" ht="21" customHeight="1" x14ac:dyDescent="0.2">
      <c r="B25" s="437" t="s">
        <v>23</v>
      </c>
      <c r="C25" s="257">
        <v>0</v>
      </c>
      <c r="D25" s="257">
        <v>0</v>
      </c>
      <c r="E25" s="254">
        <v>0</v>
      </c>
      <c r="F25" s="256">
        <v>0</v>
      </c>
      <c r="G25" s="257">
        <v>510</v>
      </c>
      <c r="H25" s="257">
        <v>394</v>
      </c>
      <c r="I25" s="257">
        <v>310</v>
      </c>
      <c r="J25" s="257">
        <v>136</v>
      </c>
      <c r="K25" s="257">
        <v>33</v>
      </c>
      <c r="L25" s="254">
        <v>1383</v>
      </c>
      <c r="M25" s="259">
        <v>1383</v>
      </c>
      <c r="N25" s="257">
        <v>0</v>
      </c>
      <c r="O25" s="257">
        <v>0</v>
      </c>
      <c r="P25" s="254">
        <v>0</v>
      </c>
      <c r="Q25" s="256">
        <v>0</v>
      </c>
      <c r="R25" s="257">
        <v>0</v>
      </c>
      <c r="S25" s="257">
        <v>0</v>
      </c>
      <c r="T25" s="257">
        <v>18</v>
      </c>
      <c r="U25" s="257">
        <v>20</v>
      </c>
      <c r="V25" s="257">
        <v>0</v>
      </c>
      <c r="W25" s="254">
        <v>38</v>
      </c>
      <c r="X25" s="259">
        <v>38</v>
      </c>
    </row>
    <row r="26" spans="2:24" ht="21" customHeight="1" x14ac:dyDescent="0.2">
      <c r="B26" s="437" t="s">
        <v>24</v>
      </c>
      <c r="C26" s="257">
        <v>0</v>
      </c>
      <c r="D26" s="257">
        <v>0</v>
      </c>
      <c r="E26" s="254">
        <v>0</v>
      </c>
      <c r="F26" s="256">
        <v>0</v>
      </c>
      <c r="G26" s="257">
        <v>189</v>
      </c>
      <c r="H26" s="257">
        <v>131</v>
      </c>
      <c r="I26" s="257">
        <v>119</v>
      </c>
      <c r="J26" s="257">
        <v>55</v>
      </c>
      <c r="K26" s="257">
        <v>9</v>
      </c>
      <c r="L26" s="254">
        <v>503</v>
      </c>
      <c r="M26" s="259">
        <v>503</v>
      </c>
      <c r="N26" s="257">
        <v>0</v>
      </c>
      <c r="O26" s="257">
        <v>0</v>
      </c>
      <c r="P26" s="254">
        <v>0</v>
      </c>
      <c r="Q26" s="256">
        <v>0</v>
      </c>
      <c r="R26" s="257">
        <v>39</v>
      </c>
      <c r="S26" s="257">
        <v>57</v>
      </c>
      <c r="T26" s="257">
        <v>31</v>
      </c>
      <c r="U26" s="257">
        <v>18</v>
      </c>
      <c r="V26" s="257">
        <v>6</v>
      </c>
      <c r="W26" s="254">
        <v>151</v>
      </c>
      <c r="X26" s="259">
        <v>151</v>
      </c>
    </row>
    <row r="27" spans="2:24" ht="21" customHeight="1" x14ac:dyDescent="0.2">
      <c r="B27" s="437" t="s">
        <v>25</v>
      </c>
      <c r="C27" s="257">
        <v>0</v>
      </c>
      <c r="D27" s="257">
        <v>0</v>
      </c>
      <c r="E27" s="254">
        <v>0</v>
      </c>
      <c r="F27" s="256">
        <v>0</v>
      </c>
      <c r="G27" s="257">
        <v>696</v>
      </c>
      <c r="H27" s="257">
        <v>275</v>
      </c>
      <c r="I27" s="257">
        <v>137</v>
      </c>
      <c r="J27" s="257">
        <v>34</v>
      </c>
      <c r="K27" s="257">
        <v>0</v>
      </c>
      <c r="L27" s="254">
        <v>1142</v>
      </c>
      <c r="M27" s="259">
        <v>1142</v>
      </c>
      <c r="N27" s="257">
        <v>0</v>
      </c>
      <c r="O27" s="257">
        <v>0</v>
      </c>
      <c r="P27" s="254">
        <v>0</v>
      </c>
      <c r="Q27" s="256">
        <v>0</v>
      </c>
      <c r="R27" s="257">
        <v>0</v>
      </c>
      <c r="S27" s="257">
        <v>0</v>
      </c>
      <c r="T27" s="257">
        <v>0</v>
      </c>
      <c r="U27" s="257">
        <v>0</v>
      </c>
      <c r="V27" s="257">
        <v>0</v>
      </c>
      <c r="W27" s="254">
        <v>0</v>
      </c>
      <c r="X27" s="259">
        <v>0</v>
      </c>
    </row>
    <row r="28" spans="2:24" ht="21" customHeight="1" x14ac:dyDescent="0.2">
      <c r="B28" s="437" t="s">
        <v>26</v>
      </c>
      <c r="C28" s="257">
        <v>0</v>
      </c>
      <c r="D28" s="257">
        <v>0</v>
      </c>
      <c r="E28" s="254">
        <v>0</v>
      </c>
      <c r="F28" s="256">
        <v>0</v>
      </c>
      <c r="G28" s="257">
        <v>329</v>
      </c>
      <c r="H28" s="257">
        <v>286</v>
      </c>
      <c r="I28" s="257">
        <v>292</v>
      </c>
      <c r="J28" s="257">
        <v>101</v>
      </c>
      <c r="K28" s="257">
        <v>64</v>
      </c>
      <c r="L28" s="254">
        <v>1072</v>
      </c>
      <c r="M28" s="259">
        <v>1072</v>
      </c>
      <c r="N28" s="257">
        <v>0</v>
      </c>
      <c r="O28" s="257">
        <v>0</v>
      </c>
      <c r="P28" s="254">
        <v>0</v>
      </c>
      <c r="Q28" s="256">
        <v>0</v>
      </c>
      <c r="R28" s="257">
        <v>0</v>
      </c>
      <c r="S28" s="257">
        <v>28</v>
      </c>
      <c r="T28" s="257">
        <v>30</v>
      </c>
      <c r="U28" s="257">
        <v>11</v>
      </c>
      <c r="V28" s="257">
        <v>26</v>
      </c>
      <c r="W28" s="254">
        <v>95</v>
      </c>
      <c r="X28" s="259">
        <v>95</v>
      </c>
    </row>
    <row r="29" spans="2:24" ht="21" customHeight="1" x14ac:dyDescent="0.2">
      <c r="B29" s="437" t="s">
        <v>27</v>
      </c>
      <c r="C29" s="257">
        <v>0</v>
      </c>
      <c r="D29" s="257">
        <v>0</v>
      </c>
      <c r="E29" s="254">
        <v>0</v>
      </c>
      <c r="F29" s="256">
        <v>0</v>
      </c>
      <c r="G29" s="257">
        <v>259</v>
      </c>
      <c r="H29" s="257">
        <v>126</v>
      </c>
      <c r="I29" s="257">
        <v>61</v>
      </c>
      <c r="J29" s="257">
        <v>12</v>
      </c>
      <c r="K29" s="257">
        <v>0</v>
      </c>
      <c r="L29" s="254">
        <v>458</v>
      </c>
      <c r="M29" s="259">
        <v>458</v>
      </c>
      <c r="N29" s="257">
        <v>0</v>
      </c>
      <c r="O29" s="257">
        <v>0</v>
      </c>
      <c r="P29" s="254">
        <v>0</v>
      </c>
      <c r="Q29" s="256">
        <v>0</v>
      </c>
      <c r="R29" s="257">
        <v>7</v>
      </c>
      <c r="S29" s="257">
        <v>3</v>
      </c>
      <c r="T29" s="257">
        <v>30</v>
      </c>
      <c r="U29" s="257">
        <v>21</v>
      </c>
      <c r="V29" s="257">
        <v>24</v>
      </c>
      <c r="W29" s="254">
        <v>85</v>
      </c>
      <c r="X29" s="259">
        <v>85</v>
      </c>
    </row>
    <row r="30" spans="2:24" ht="21" customHeight="1" x14ac:dyDescent="0.2">
      <c r="B30" s="437" t="s">
        <v>28</v>
      </c>
      <c r="C30" s="257">
        <v>0</v>
      </c>
      <c r="D30" s="257">
        <v>0</v>
      </c>
      <c r="E30" s="254">
        <v>0</v>
      </c>
      <c r="F30" s="256">
        <v>0</v>
      </c>
      <c r="G30" s="257">
        <v>195</v>
      </c>
      <c r="H30" s="257">
        <v>83</v>
      </c>
      <c r="I30" s="257">
        <v>48</v>
      </c>
      <c r="J30" s="257">
        <v>26</v>
      </c>
      <c r="K30" s="257">
        <v>3</v>
      </c>
      <c r="L30" s="254">
        <v>355</v>
      </c>
      <c r="M30" s="259">
        <v>355</v>
      </c>
      <c r="N30" s="257">
        <v>0</v>
      </c>
      <c r="O30" s="257">
        <v>0</v>
      </c>
      <c r="P30" s="254">
        <v>0</v>
      </c>
      <c r="Q30" s="256">
        <v>0</v>
      </c>
      <c r="R30" s="257">
        <v>20</v>
      </c>
      <c r="S30" s="257">
        <v>8</v>
      </c>
      <c r="T30" s="257">
        <v>8</v>
      </c>
      <c r="U30" s="257">
        <v>23</v>
      </c>
      <c r="V30" s="257">
        <v>0</v>
      </c>
      <c r="W30" s="254">
        <v>59</v>
      </c>
      <c r="X30" s="259">
        <v>59</v>
      </c>
    </row>
    <row r="31" spans="2:24" ht="21" customHeight="1" x14ac:dyDescent="0.2">
      <c r="B31" s="437" t="s">
        <v>29</v>
      </c>
      <c r="C31" s="257">
        <v>0</v>
      </c>
      <c r="D31" s="257">
        <v>0</v>
      </c>
      <c r="E31" s="254">
        <v>0</v>
      </c>
      <c r="F31" s="256">
        <v>0</v>
      </c>
      <c r="G31" s="257">
        <v>130</v>
      </c>
      <c r="H31" s="257">
        <v>118</v>
      </c>
      <c r="I31" s="257">
        <v>72</v>
      </c>
      <c r="J31" s="257">
        <v>22</v>
      </c>
      <c r="K31" s="257">
        <v>0</v>
      </c>
      <c r="L31" s="254">
        <v>342</v>
      </c>
      <c r="M31" s="259">
        <v>342</v>
      </c>
      <c r="N31" s="257">
        <v>0</v>
      </c>
      <c r="O31" s="257">
        <v>0</v>
      </c>
      <c r="P31" s="254">
        <v>0</v>
      </c>
      <c r="Q31" s="256">
        <v>0</v>
      </c>
      <c r="R31" s="257">
        <v>10</v>
      </c>
      <c r="S31" s="257">
        <v>0</v>
      </c>
      <c r="T31" s="257">
        <v>0</v>
      </c>
      <c r="U31" s="257">
        <v>0</v>
      </c>
      <c r="V31" s="257">
        <v>0</v>
      </c>
      <c r="W31" s="254">
        <v>10</v>
      </c>
      <c r="X31" s="259">
        <v>10</v>
      </c>
    </row>
    <row r="32" spans="2:24" ht="21" customHeight="1" x14ac:dyDescent="0.2">
      <c r="B32" s="437" t="s">
        <v>30</v>
      </c>
      <c r="C32" s="257">
        <v>0</v>
      </c>
      <c r="D32" s="257">
        <v>0</v>
      </c>
      <c r="E32" s="254">
        <v>0</v>
      </c>
      <c r="F32" s="256">
        <v>0</v>
      </c>
      <c r="G32" s="257">
        <v>231</v>
      </c>
      <c r="H32" s="257">
        <v>63</v>
      </c>
      <c r="I32" s="257">
        <v>97</v>
      </c>
      <c r="J32" s="257">
        <v>49</v>
      </c>
      <c r="K32" s="257">
        <v>0</v>
      </c>
      <c r="L32" s="254">
        <v>440</v>
      </c>
      <c r="M32" s="259">
        <v>440</v>
      </c>
      <c r="N32" s="257">
        <v>0</v>
      </c>
      <c r="O32" s="257">
        <v>0</v>
      </c>
      <c r="P32" s="254">
        <v>0</v>
      </c>
      <c r="Q32" s="256">
        <v>0</v>
      </c>
      <c r="R32" s="257">
        <v>4</v>
      </c>
      <c r="S32" s="257">
        <v>31</v>
      </c>
      <c r="T32" s="257">
        <v>15</v>
      </c>
      <c r="U32" s="257">
        <v>0</v>
      </c>
      <c r="V32" s="257">
        <v>0</v>
      </c>
      <c r="W32" s="254">
        <v>50</v>
      </c>
      <c r="X32" s="259">
        <v>50</v>
      </c>
    </row>
    <row r="33" spans="2:24" ht="21" customHeight="1" x14ac:dyDescent="0.2">
      <c r="B33" s="437" t="s">
        <v>31</v>
      </c>
      <c r="C33" s="257">
        <v>0</v>
      </c>
      <c r="D33" s="257">
        <v>0</v>
      </c>
      <c r="E33" s="254">
        <v>0</v>
      </c>
      <c r="F33" s="256">
        <v>0</v>
      </c>
      <c r="G33" s="257">
        <v>211</v>
      </c>
      <c r="H33" s="257">
        <v>143</v>
      </c>
      <c r="I33" s="257">
        <v>53</v>
      </c>
      <c r="J33" s="257">
        <v>30</v>
      </c>
      <c r="K33" s="257">
        <v>0</v>
      </c>
      <c r="L33" s="254">
        <v>437</v>
      </c>
      <c r="M33" s="259">
        <v>437</v>
      </c>
      <c r="N33" s="257">
        <v>0</v>
      </c>
      <c r="O33" s="257">
        <v>0</v>
      </c>
      <c r="P33" s="254">
        <v>0</v>
      </c>
      <c r="Q33" s="256">
        <v>0</v>
      </c>
      <c r="R33" s="257">
        <v>0</v>
      </c>
      <c r="S33" s="257">
        <v>9</v>
      </c>
      <c r="T33" s="257">
        <v>4</v>
      </c>
      <c r="U33" s="257">
        <v>15</v>
      </c>
      <c r="V33" s="257">
        <v>19</v>
      </c>
      <c r="W33" s="254">
        <v>47</v>
      </c>
      <c r="X33" s="259">
        <v>47</v>
      </c>
    </row>
    <row r="34" spans="2:24" ht="21" customHeight="1" x14ac:dyDescent="0.2">
      <c r="B34" s="437" t="s">
        <v>32</v>
      </c>
      <c r="C34" s="257">
        <v>0</v>
      </c>
      <c r="D34" s="257">
        <v>0</v>
      </c>
      <c r="E34" s="254">
        <v>0</v>
      </c>
      <c r="F34" s="256">
        <v>0</v>
      </c>
      <c r="G34" s="257">
        <v>384</v>
      </c>
      <c r="H34" s="257">
        <v>255</v>
      </c>
      <c r="I34" s="257">
        <v>82</v>
      </c>
      <c r="J34" s="257">
        <v>73</v>
      </c>
      <c r="K34" s="257">
        <v>18</v>
      </c>
      <c r="L34" s="254">
        <v>812</v>
      </c>
      <c r="M34" s="259">
        <v>812</v>
      </c>
      <c r="N34" s="257">
        <v>0</v>
      </c>
      <c r="O34" s="257">
        <v>0</v>
      </c>
      <c r="P34" s="254">
        <v>0</v>
      </c>
      <c r="Q34" s="256">
        <v>0</v>
      </c>
      <c r="R34" s="257">
        <v>59</v>
      </c>
      <c r="S34" s="257">
        <v>18</v>
      </c>
      <c r="T34" s="257">
        <v>0</v>
      </c>
      <c r="U34" s="257">
        <v>0</v>
      </c>
      <c r="V34" s="257">
        <v>12</v>
      </c>
      <c r="W34" s="254">
        <v>89</v>
      </c>
      <c r="X34" s="259">
        <v>89</v>
      </c>
    </row>
    <row r="35" spans="2:24" ht="21" customHeight="1" x14ac:dyDescent="0.2">
      <c r="B35" s="437" t="s">
        <v>33</v>
      </c>
      <c r="C35" s="257">
        <v>0</v>
      </c>
      <c r="D35" s="257">
        <v>0</v>
      </c>
      <c r="E35" s="254">
        <v>0</v>
      </c>
      <c r="F35" s="256">
        <v>0</v>
      </c>
      <c r="G35" s="257">
        <v>123</v>
      </c>
      <c r="H35" s="257">
        <v>85</v>
      </c>
      <c r="I35" s="257">
        <v>54</v>
      </c>
      <c r="J35" s="257">
        <v>9</v>
      </c>
      <c r="K35" s="257">
        <v>8</v>
      </c>
      <c r="L35" s="254">
        <v>279</v>
      </c>
      <c r="M35" s="259">
        <v>279</v>
      </c>
      <c r="N35" s="257">
        <v>0</v>
      </c>
      <c r="O35" s="257">
        <v>0</v>
      </c>
      <c r="P35" s="254">
        <v>0</v>
      </c>
      <c r="Q35" s="256">
        <v>0</v>
      </c>
      <c r="R35" s="257">
        <v>0</v>
      </c>
      <c r="S35" s="257">
        <v>0</v>
      </c>
      <c r="T35" s="257">
        <v>0</v>
      </c>
      <c r="U35" s="257">
        <v>0</v>
      </c>
      <c r="V35" s="257">
        <v>0</v>
      </c>
      <c r="W35" s="254">
        <v>0</v>
      </c>
      <c r="X35" s="259">
        <v>0</v>
      </c>
    </row>
    <row r="36" spans="2:24" ht="21" customHeight="1" x14ac:dyDescent="0.2">
      <c r="B36" s="437" t="s">
        <v>34</v>
      </c>
      <c r="C36" s="257">
        <v>0</v>
      </c>
      <c r="D36" s="257">
        <v>0</v>
      </c>
      <c r="E36" s="254">
        <v>0</v>
      </c>
      <c r="F36" s="256">
        <v>0</v>
      </c>
      <c r="G36" s="257">
        <v>84</v>
      </c>
      <c r="H36" s="257">
        <v>34</v>
      </c>
      <c r="I36" s="257">
        <v>6</v>
      </c>
      <c r="J36" s="257">
        <v>4</v>
      </c>
      <c r="K36" s="257">
        <v>4</v>
      </c>
      <c r="L36" s="254">
        <v>132</v>
      </c>
      <c r="M36" s="259">
        <v>132</v>
      </c>
      <c r="N36" s="257">
        <v>0</v>
      </c>
      <c r="O36" s="257">
        <v>0</v>
      </c>
      <c r="P36" s="254">
        <v>0</v>
      </c>
      <c r="Q36" s="256">
        <v>0</v>
      </c>
      <c r="R36" s="257">
        <v>0</v>
      </c>
      <c r="S36" s="257">
        <v>0</v>
      </c>
      <c r="T36" s="257">
        <v>0</v>
      </c>
      <c r="U36" s="257">
        <v>0</v>
      </c>
      <c r="V36" s="257">
        <v>6</v>
      </c>
      <c r="W36" s="254">
        <v>6</v>
      </c>
      <c r="X36" s="259">
        <v>6</v>
      </c>
    </row>
    <row r="37" spans="2:24" ht="21" customHeight="1" x14ac:dyDescent="0.2">
      <c r="B37" s="437" t="s">
        <v>35</v>
      </c>
      <c r="C37" s="257">
        <v>0</v>
      </c>
      <c r="D37" s="257">
        <v>0</v>
      </c>
      <c r="E37" s="254">
        <v>0</v>
      </c>
      <c r="F37" s="256">
        <v>0</v>
      </c>
      <c r="G37" s="257">
        <v>126</v>
      </c>
      <c r="H37" s="257">
        <v>195</v>
      </c>
      <c r="I37" s="257">
        <v>155</v>
      </c>
      <c r="J37" s="257">
        <v>110</v>
      </c>
      <c r="K37" s="257">
        <v>43</v>
      </c>
      <c r="L37" s="254">
        <v>629</v>
      </c>
      <c r="M37" s="259">
        <v>629</v>
      </c>
      <c r="N37" s="257">
        <v>0</v>
      </c>
      <c r="O37" s="257">
        <v>0</v>
      </c>
      <c r="P37" s="254">
        <v>0</v>
      </c>
      <c r="Q37" s="256">
        <v>0</v>
      </c>
      <c r="R37" s="257">
        <v>0</v>
      </c>
      <c r="S37" s="257">
        <v>0</v>
      </c>
      <c r="T37" s="257">
        <v>0</v>
      </c>
      <c r="U37" s="257">
        <v>0</v>
      </c>
      <c r="V37" s="257">
        <v>0</v>
      </c>
      <c r="W37" s="254">
        <v>0</v>
      </c>
      <c r="X37" s="259">
        <v>0</v>
      </c>
    </row>
    <row r="38" spans="2:24" ht="21" customHeight="1" x14ac:dyDescent="0.2">
      <c r="B38" s="437" t="s">
        <v>36</v>
      </c>
      <c r="C38" s="257">
        <v>0</v>
      </c>
      <c r="D38" s="257">
        <v>0</v>
      </c>
      <c r="E38" s="254">
        <v>0</v>
      </c>
      <c r="F38" s="256">
        <v>0</v>
      </c>
      <c r="G38" s="257">
        <v>494</v>
      </c>
      <c r="H38" s="257">
        <v>346</v>
      </c>
      <c r="I38" s="257">
        <v>465</v>
      </c>
      <c r="J38" s="257">
        <v>178</v>
      </c>
      <c r="K38" s="257">
        <v>239</v>
      </c>
      <c r="L38" s="254">
        <v>1722</v>
      </c>
      <c r="M38" s="259">
        <v>1722</v>
      </c>
      <c r="N38" s="257">
        <v>0</v>
      </c>
      <c r="O38" s="257">
        <v>0</v>
      </c>
      <c r="P38" s="254">
        <v>0</v>
      </c>
      <c r="Q38" s="256">
        <v>0</v>
      </c>
      <c r="R38" s="257">
        <v>0</v>
      </c>
      <c r="S38" s="257">
        <v>0</v>
      </c>
      <c r="T38" s="257">
        <v>0</v>
      </c>
      <c r="U38" s="257">
        <v>0</v>
      </c>
      <c r="V38" s="257">
        <v>0</v>
      </c>
      <c r="W38" s="254">
        <v>0</v>
      </c>
      <c r="X38" s="259">
        <v>0</v>
      </c>
    </row>
    <row r="39" spans="2:24" ht="21" customHeight="1" thickBot="1" x14ac:dyDescent="0.25">
      <c r="B39" s="438" t="s">
        <v>37</v>
      </c>
      <c r="C39" s="264">
        <v>0</v>
      </c>
      <c r="D39" s="264">
        <v>0</v>
      </c>
      <c r="E39" s="261">
        <v>0</v>
      </c>
      <c r="F39" s="263">
        <v>0</v>
      </c>
      <c r="G39" s="264">
        <v>122</v>
      </c>
      <c r="H39" s="264">
        <v>50</v>
      </c>
      <c r="I39" s="264">
        <v>58</v>
      </c>
      <c r="J39" s="264">
        <v>0</v>
      </c>
      <c r="K39" s="264">
        <v>25</v>
      </c>
      <c r="L39" s="261">
        <v>255</v>
      </c>
      <c r="M39" s="266">
        <v>255</v>
      </c>
      <c r="N39" s="264">
        <v>0</v>
      </c>
      <c r="O39" s="264">
        <v>0</v>
      </c>
      <c r="P39" s="261">
        <v>0</v>
      </c>
      <c r="Q39" s="263">
        <v>0</v>
      </c>
      <c r="R39" s="264">
        <v>8</v>
      </c>
      <c r="S39" s="264">
        <v>0</v>
      </c>
      <c r="T39" s="264">
        <v>0</v>
      </c>
      <c r="U39" s="264">
        <v>9</v>
      </c>
      <c r="V39" s="264">
        <v>7</v>
      </c>
      <c r="W39" s="261">
        <v>24</v>
      </c>
      <c r="X39" s="266">
        <v>24</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 style="238" customWidth="1"/>
    <col min="6" max="6" width="7.77734375" style="238" customWidth="1"/>
    <col min="7" max="7" width="10.77734375" style="238" customWidth="1"/>
    <col min="8" max="16" width="9" style="238"/>
    <col min="17" max="17" width="7.6640625" style="238" customWidth="1"/>
    <col min="18" max="16384" width="9" style="238"/>
  </cols>
  <sheetData>
    <row r="1" spans="2:24" ht="24" customHeight="1" x14ac:dyDescent="0.2">
      <c r="B1" s="267" t="s">
        <v>124</v>
      </c>
      <c r="H1" s="495">
        <f>第１表!F2</f>
        <v>6</v>
      </c>
      <c r="I1" s="495"/>
      <c r="J1" s="231">
        <f>第１表!G2</f>
        <v>2</v>
      </c>
      <c r="K1" s="499">
        <f>IF(J1&lt;3,J1+12-2,J1-2)</f>
        <v>12</v>
      </c>
      <c r="L1" s="499"/>
    </row>
    <row r="2" spans="2:24" ht="24" customHeight="1" thickBot="1" x14ac:dyDescent="0.25">
      <c r="B2" s="267" t="s">
        <v>133</v>
      </c>
    </row>
    <row r="3" spans="2:24" ht="21" customHeight="1" x14ac:dyDescent="0.2">
      <c r="B3" s="511"/>
      <c r="C3" s="507" t="s">
        <v>141</v>
      </c>
      <c r="D3" s="507"/>
      <c r="E3" s="507"/>
      <c r="F3" s="507"/>
      <c r="G3" s="507"/>
      <c r="H3" s="507"/>
      <c r="I3" s="507"/>
      <c r="J3" s="507"/>
      <c r="K3" s="507"/>
      <c r="L3" s="507"/>
      <c r="M3" s="537"/>
      <c r="N3" s="507" t="s">
        <v>113</v>
      </c>
      <c r="O3" s="507"/>
      <c r="P3" s="507"/>
      <c r="Q3" s="507"/>
      <c r="R3" s="507"/>
      <c r="S3" s="507"/>
      <c r="T3" s="507"/>
      <c r="U3" s="507"/>
      <c r="V3" s="507"/>
      <c r="W3" s="507"/>
      <c r="X3" s="537"/>
    </row>
    <row r="4" spans="2:24" ht="21" customHeight="1" x14ac:dyDescent="0.2">
      <c r="B4" s="535"/>
      <c r="C4" s="538" t="s">
        <v>61</v>
      </c>
      <c r="D4" s="538"/>
      <c r="E4" s="539"/>
      <c r="F4" s="540" t="s">
        <v>62</v>
      </c>
      <c r="G4" s="538"/>
      <c r="H4" s="538"/>
      <c r="I4" s="538"/>
      <c r="J4" s="538"/>
      <c r="K4" s="538"/>
      <c r="L4" s="541"/>
      <c r="M4" s="542" t="s">
        <v>52</v>
      </c>
      <c r="N4" s="538" t="s">
        <v>61</v>
      </c>
      <c r="O4" s="538"/>
      <c r="P4" s="539"/>
      <c r="Q4" s="540" t="s">
        <v>62</v>
      </c>
      <c r="R4" s="538"/>
      <c r="S4" s="538"/>
      <c r="T4" s="538"/>
      <c r="U4" s="538"/>
      <c r="V4" s="538"/>
      <c r="W4" s="541"/>
      <c r="X4" s="542" t="s">
        <v>52</v>
      </c>
    </row>
    <row r="5" spans="2:24" ht="30" customHeight="1" thickBot="1" x14ac:dyDescent="0.25">
      <c r="B5" s="536"/>
      <c r="C5" s="239" t="s">
        <v>43</v>
      </c>
      <c r="D5" s="239" t="s">
        <v>44</v>
      </c>
      <c r="E5" s="242" t="s">
        <v>45</v>
      </c>
      <c r="F5" s="244" t="s">
        <v>83</v>
      </c>
      <c r="G5" s="239" t="s">
        <v>47</v>
      </c>
      <c r="H5" s="239" t="s">
        <v>48</v>
      </c>
      <c r="I5" s="239" t="s">
        <v>49</v>
      </c>
      <c r="J5" s="239" t="s">
        <v>50</v>
      </c>
      <c r="K5" s="239" t="s">
        <v>51</v>
      </c>
      <c r="L5" s="242" t="s">
        <v>45</v>
      </c>
      <c r="M5" s="510"/>
      <c r="N5" s="239" t="s">
        <v>43</v>
      </c>
      <c r="O5" s="239" t="s">
        <v>44</v>
      </c>
      <c r="P5" s="242" t="s">
        <v>45</v>
      </c>
      <c r="Q5" s="244" t="s">
        <v>83</v>
      </c>
      <c r="R5" s="239" t="s">
        <v>47</v>
      </c>
      <c r="S5" s="239" t="s">
        <v>48</v>
      </c>
      <c r="T5" s="239" t="s">
        <v>49</v>
      </c>
      <c r="U5" s="239" t="s">
        <v>50</v>
      </c>
      <c r="V5" s="239" t="s">
        <v>51</v>
      </c>
      <c r="W5" s="242" t="s">
        <v>45</v>
      </c>
      <c r="X5" s="510"/>
    </row>
    <row r="6" spans="2:24" ht="21" customHeight="1" x14ac:dyDescent="0.2">
      <c r="B6" s="435" t="s">
        <v>4</v>
      </c>
      <c r="C6" s="250">
        <v>0</v>
      </c>
      <c r="D6" s="250">
        <v>0</v>
      </c>
      <c r="E6" s="247">
        <v>0</v>
      </c>
      <c r="F6" s="249">
        <v>0</v>
      </c>
      <c r="G6" s="250">
        <v>6462</v>
      </c>
      <c r="H6" s="250">
        <v>6080</v>
      </c>
      <c r="I6" s="250">
        <v>3292</v>
      </c>
      <c r="J6" s="250">
        <v>1546</v>
      </c>
      <c r="K6" s="250">
        <v>576</v>
      </c>
      <c r="L6" s="247">
        <v>17956</v>
      </c>
      <c r="M6" s="252">
        <v>17956</v>
      </c>
      <c r="N6" s="250">
        <v>0</v>
      </c>
      <c r="O6" s="250">
        <v>0</v>
      </c>
      <c r="P6" s="247">
        <v>0</v>
      </c>
      <c r="Q6" s="249">
        <v>0</v>
      </c>
      <c r="R6" s="250">
        <v>581</v>
      </c>
      <c r="S6" s="250">
        <v>632</v>
      </c>
      <c r="T6" s="250">
        <v>810</v>
      </c>
      <c r="U6" s="250">
        <v>482</v>
      </c>
      <c r="V6" s="250">
        <v>202</v>
      </c>
      <c r="W6" s="247">
        <v>2707</v>
      </c>
      <c r="X6" s="252">
        <v>2707</v>
      </c>
    </row>
    <row r="7" spans="2:24" ht="21" customHeight="1" x14ac:dyDescent="0.2">
      <c r="B7" s="436" t="s">
        <v>5</v>
      </c>
      <c r="C7" s="257">
        <v>0</v>
      </c>
      <c r="D7" s="257">
        <v>0</v>
      </c>
      <c r="E7" s="254">
        <v>0</v>
      </c>
      <c r="F7" s="256">
        <v>0</v>
      </c>
      <c r="G7" s="257">
        <v>2584</v>
      </c>
      <c r="H7" s="257">
        <v>2992</v>
      </c>
      <c r="I7" s="257">
        <v>1610</v>
      </c>
      <c r="J7" s="257">
        <v>716</v>
      </c>
      <c r="K7" s="257">
        <v>253</v>
      </c>
      <c r="L7" s="254">
        <v>8155</v>
      </c>
      <c r="M7" s="259">
        <v>8155</v>
      </c>
      <c r="N7" s="257">
        <v>0</v>
      </c>
      <c r="O7" s="257">
        <v>0</v>
      </c>
      <c r="P7" s="254">
        <v>0</v>
      </c>
      <c r="Q7" s="256">
        <v>0</v>
      </c>
      <c r="R7" s="257">
        <v>315</v>
      </c>
      <c r="S7" s="257">
        <v>329</v>
      </c>
      <c r="T7" s="257">
        <v>387</v>
      </c>
      <c r="U7" s="257">
        <v>204</v>
      </c>
      <c r="V7" s="257">
        <v>102</v>
      </c>
      <c r="W7" s="254">
        <v>1337</v>
      </c>
      <c r="X7" s="259">
        <v>1337</v>
      </c>
    </row>
    <row r="8" spans="2:24" ht="21" customHeight="1" x14ac:dyDescent="0.2">
      <c r="B8" s="437" t="s">
        <v>6</v>
      </c>
      <c r="C8" s="257">
        <v>0</v>
      </c>
      <c r="D8" s="257">
        <v>0</v>
      </c>
      <c r="E8" s="254">
        <v>0</v>
      </c>
      <c r="F8" s="256">
        <v>0</v>
      </c>
      <c r="G8" s="257">
        <v>758</v>
      </c>
      <c r="H8" s="257">
        <v>566</v>
      </c>
      <c r="I8" s="257">
        <v>248</v>
      </c>
      <c r="J8" s="257">
        <v>228</v>
      </c>
      <c r="K8" s="257">
        <v>65</v>
      </c>
      <c r="L8" s="254">
        <v>1865</v>
      </c>
      <c r="M8" s="259">
        <v>1865</v>
      </c>
      <c r="N8" s="257">
        <v>0</v>
      </c>
      <c r="O8" s="257">
        <v>0</v>
      </c>
      <c r="P8" s="254">
        <v>0</v>
      </c>
      <c r="Q8" s="256">
        <v>0</v>
      </c>
      <c r="R8" s="257">
        <v>121</v>
      </c>
      <c r="S8" s="257">
        <v>112</v>
      </c>
      <c r="T8" s="257">
        <v>161</v>
      </c>
      <c r="U8" s="257">
        <v>91</v>
      </c>
      <c r="V8" s="257">
        <v>64</v>
      </c>
      <c r="W8" s="254">
        <v>549</v>
      </c>
      <c r="X8" s="259">
        <v>549</v>
      </c>
    </row>
    <row r="9" spans="2:24" ht="21" customHeight="1" x14ac:dyDescent="0.2">
      <c r="B9" s="437" t="s">
        <v>14</v>
      </c>
      <c r="C9" s="257">
        <v>0</v>
      </c>
      <c r="D9" s="257">
        <v>0</v>
      </c>
      <c r="E9" s="254">
        <v>0</v>
      </c>
      <c r="F9" s="256">
        <v>0</v>
      </c>
      <c r="G9" s="257">
        <v>546</v>
      </c>
      <c r="H9" s="257">
        <v>574</v>
      </c>
      <c r="I9" s="257">
        <v>384</v>
      </c>
      <c r="J9" s="257">
        <v>140</v>
      </c>
      <c r="K9" s="257">
        <v>50</v>
      </c>
      <c r="L9" s="254">
        <v>1694</v>
      </c>
      <c r="M9" s="259">
        <v>1694</v>
      </c>
      <c r="N9" s="257">
        <v>0</v>
      </c>
      <c r="O9" s="257">
        <v>0</v>
      </c>
      <c r="P9" s="254">
        <v>0</v>
      </c>
      <c r="Q9" s="256">
        <v>0</v>
      </c>
      <c r="R9" s="257">
        <v>4</v>
      </c>
      <c r="S9" s="257">
        <v>17</v>
      </c>
      <c r="T9" s="257">
        <v>13</v>
      </c>
      <c r="U9" s="257">
        <v>0</v>
      </c>
      <c r="V9" s="257">
        <v>0</v>
      </c>
      <c r="W9" s="254">
        <v>34</v>
      </c>
      <c r="X9" s="259">
        <v>34</v>
      </c>
    </row>
    <row r="10" spans="2:24" ht="21" customHeight="1" x14ac:dyDescent="0.2">
      <c r="B10" s="437" t="s">
        <v>7</v>
      </c>
      <c r="C10" s="257">
        <v>0</v>
      </c>
      <c r="D10" s="257">
        <v>0</v>
      </c>
      <c r="E10" s="254">
        <v>0</v>
      </c>
      <c r="F10" s="256">
        <v>0</v>
      </c>
      <c r="G10" s="257">
        <v>498</v>
      </c>
      <c r="H10" s="257">
        <v>375</v>
      </c>
      <c r="I10" s="257">
        <v>142</v>
      </c>
      <c r="J10" s="257">
        <v>142</v>
      </c>
      <c r="K10" s="257">
        <v>14</v>
      </c>
      <c r="L10" s="254">
        <v>1171</v>
      </c>
      <c r="M10" s="259">
        <v>1171</v>
      </c>
      <c r="N10" s="257">
        <v>0</v>
      </c>
      <c r="O10" s="257">
        <v>0</v>
      </c>
      <c r="P10" s="254">
        <v>0</v>
      </c>
      <c r="Q10" s="256">
        <v>0</v>
      </c>
      <c r="R10" s="257">
        <v>50</v>
      </c>
      <c r="S10" s="257">
        <v>68</v>
      </c>
      <c r="T10" s="257">
        <v>46</v>
      </c>
      <c r="U10" s="257">
        <v>103</v>
      </c>
      <c r="V10" s="257">
        <v>17</v>
      </c>
      <c r="W10" s="254">
        <v>284</v>
      </c>
      <c r="X10" s="259">
        <v>284</v>
      </c>
    </row>
    <row r="11" spans="2:24" ht="21" customHeight="1" x14ac:dyDescent="0.2">
      <c r="B11" s="437" t="s">
        <v>8</v>
      </c>
      <c r="C11" s="257">
        <v>0</v>
      </c>
      <c r="D11" s="257">
        <v>0</v>
      </c>
      <c r="E11" s="254">
        <v>0</v>
      </c>
      <c r="F11" s="256">
        <v>0</v>
      </c>
      <c r="G11" s="257">
        <v>207</v>
      </c>
      <c r="H11" s="257">
        <v>246</v>
      </c>
      <c r="I11" s="257">
        <v>85</v>
      </c>
      <c r="J11" s="257">
        <v>66</v>
      </c>
      <c r="K11" s="257">
        <v>26</v>
      </c>
      <c r="L11" s="254">
        <v>630</v>
      </c>
      <c r="M11" s="259">
        <v>630</v>
      </c>
      <c r="N11" s="257">
        <v>0</v>
      </c>
      <c r="O11" s="257">
        <v>0</v>
      </c>
      <c r="P11" s="254">
        <v>0</v>
      </c>
      <c r="Q11" s="256">
        <v>0</v>
      </c>
      <c r="R11" s="257">
        <v>7</v>
      </c>
      <c r="S11" s="257">
        <v>0</v>
      </c>
      <c r="T11" s="257">
        <v>0</v>
      </c>
      <c r="U11" s="257">
        <v>10</v>
      </c>
      <c r="V11" s="257">
        <v>0</v>
      </c>
      <c r="W11" s="254">
        <v>17</v>
      </c>
      <c r="X11" s="259">
        <v>17</v>
      </c>
    </row>
    <row r="12" spans="2:24" ht="21" customHeight="1" x14ac:dyDescent="0.2">
      <c r="B12" s="437" t="s">
        <v>9</v>
      </c>
      <c r="C12" s="257">
        <v>0</v>
      </c>
      <c r="D12" s="257">
        <v>0</v>
      </c>
      <c r="E12" s="254">
        <v>0</v>
      </c>
      <c r="F12" s="256">
        <v>0</v>
      </c>
      <c r="G12" s="257">
        <v>268</v>
      </c>
      <c r="H12" s="257">
        <v>172</v>
      </c>
      <c r="I12" s="257">
        <v>130</v>
      </c>
      <c r="J12" s="257">
        <v>42</v>
      </c>
      <c r="K12" s="257">
        <v>44</v>
      </c>
      <c r="L12" s="254">
        <v>656</v>
      </c>
      <c r="M12" s="259">
        <v>656</v>
      </c>
      <c r="N12" s="257">
        <v>0</v>
      </c>
      <c r="O12" s="257">
        <v>0</v>
      </c>
      <c r="P12" s="254">
        <v>0</v>
      </c>
      <c r="Q12" s="256">
        <v>0</v>
      </c>
      <c r="R12" s="257">
        <v>0</v>
      </c>
      <c r="S12" s="257">
        <v>0</v>
      </c>
      <c r="T12" s="257">
        <v>1</v>
      </c>
      <c r="U12" s="257">
        <v>0</v>
      </c>
      <c r="V12" s="257">
        <v>12</v>
      </c>
      <c r="W12" s="254">
        <v>13</v>
      </c>
      <c r="X12" s="259">
        <v>13</v>
      </c>
    </row>
    <row r="13" spans="2:24" ht="21" customHeight="1" x14ac:dyDescent="0.2">
      <c r="B13" s="437" t="s">
        <v>10</v>
      </c>
      <c r="C13" s="257">
        <v>0</v>
      </c>
      <c r="D13" s="257">
        <v>0</v>
      </c>
      <c r="E13" s="254">
        <v>0</v>
      </c>
      <c r="F13" s="256">
        <v>0</v>
      </c>
      <c r="G13" s="257">
        <v>276</v>
      </c>
      <c r="H13" s="257">
        <v>152</v>
      </c>
      <c r="I13" s="257">
        <v>62</v>
      </c>
      <c r="J13" s="257">
        <v>30</v>
      </c>
      <c r="K13" s="257">
        <v>38</v>
      </c>
      <c r="L13" s="254">
        <v>558</v>
      </c>
      <c r="M13" s="259">
        <v>558</v>
      </c>
      <c r="N13" s="257">
        <v>0</v>
      </c>
      <c r="O13" s="257">
        <v>0</v>
      </c>
      <c r="P13" s="254">
        <v>0</v>
      </c>
      <c r="Q13" s="256">
        <v>0</v>
      </c>
      <c r="R13" s="257">
        <v>3</v>
      </c>
      <c r="S13" s="257">
        <v>0</v>
      </c>
      <c r="T13" s="257">
        <v>25</v>
      </c>
      <c r="U13" s="257">
        <v>0</v>
      </c>
      <c r="V13" s="257">
        <v>4</v>
      </c>
      <c r="W13" s="254">
        <v>32</v>
      </c>
      <c r="X13" s="259">
        <v>32</v>
      </c>
    </row>
    <row r="14" spans="2:24" ht="21" customHeight="1" x14ac:dyDescent="0.2">
      <c r="B14" s="437" t="s">
        <v>11</v>
      </c>
      <c r="C14" s="257">
        <v>0</v>
      </c>
      <c r="D14" s="257">
        <v>0</v>
      </c>
      <c r="E14" s="254">
        <v>0</v>
      </c>
      <c r="F14" s="256">
        <v>0</v>
      </c>
      <c r="G14" s="257">
        <v>99</v>
      </c>
      <c r="H14" s="257">
        <v>60</v>
      </c>
      <c r="I14" s="257">
        <v>58</v>
      </c>
      <c r="J14" s="257">
        <v>25</v>
      </c>
      <c r="K14" s="257">
        <v>30</v>
      </c>
      <c r="L14" s="254">
        <v>272</v>
      </c>
      <c r="M14" s="259">
        <v>272</v>
      </c>
      <c r="N14" s="257">
        <v>0</v>
      </c>
      <c r="O14" s="257">
        <v>0</v>
      </c>
      <c r="P14" s="254">
        <v>0</v>
      </c>
      <c r="Q14" s="256">
        <v>0</v>
      </c>
      <c r="R14" s="257">
        <v>27</v>
      </c>
      <c r="S14" s="257">
        <v>26</v>
      </c>
      <c r="T14" s="257">
        <v>24</v>
      </c>
      <c r="U14" s="257">
        <v>0</v>
      </c>
      <c r="V14" s="257">
        <v>0</v>
      </c>
      <c r="W14" s="254">
        <v>77</v>
      </c>
      <c r="X14" s="259">
        <v>77</v>
      </c>
    </row>
    <row r="15" spans="2:24" ht="21" customHeight="1" x14ac:dyDescent="0.2">
      <c r="B15" s="437" t="s">
        <v>12</v>
      </c>
      <c r="C15" s="257">
        <v>0</v>
      </c>
      <c r="D15" s="257">
        <v>0</v>
      </c>
      <c r="E15" s="254">
        <v>0</v>
      </c>
      <c r="F15" s="256">
        <v>0</v>
      </c>
      <c r="G15" s="257">
        <v>181</v>
      </c>
      <c r="H15" s="257">
        <v>148</v>
      </c>
      <c r="I15" s="257">
        <v>98</v>
      </c>
      <c r="J15" s="257">
        <v>26</v>
      </c>
      <c r="K15" s="257">
        <v>8</v>
      </c>
      <c r="L15" s="254">
        <v>461</v>
      </c>
      <c r="M15" s="259">
        <v>461</v>
      </c>
      <c r="N15" s="257">
        <v>0</v>
      </c>
      <c r="O15" s="257">
        <v>0</v>
      </c>
      <c r="P15" s="254">
        <v>0</v>
      </c>
      <c r="Q15" s="256">
        <v>0</v>
      </c>
      <c r="R15" s="257">
        <v>0</v>
      </c>
      <c r="S15" s="257">
        <v>0</v>
      </c>
      <c r="T15" s="257">
        <v>0</v>
      </c>
      <c r="U15" s="257">
        <v>0</v>
      </c>
      <c r="V15" s="257">
        <v>0</v>
      </c>
      <c r="W15" s="254">
        <v>0</v>
      </c>
      <c r="X15" s="259">
        <v>0</v>
      </c>
    </row>
    <row r="16" spans="2:24" ht="21" customHeight="1" x14ac:dyDescent="0.2">
      <c r="B16" s="437" t="s">
        <v>13</v>
      </c>
      <c r="C16" s="257">
        <v>0</v>
      </c>
      <c r="D16" s="257">
        <v>0</v>
      </c>
      <c r="E16" s="254">
        <v>0</v>
      </c>
      <c r="F16" s="256">
        <v>0</v>
      </c>
      <c r="G16" s="257">
        <v>112</v>
      </c>
      <c r="H16" s="257">
        <v>79</v>
      </c>
      <c r="I16" s="257">
        <v>49</v>
      </c>
      <c r="J16" s="257">
        <v>36</v>
      </c>
      <c r="K16" s="257">
        <v>0</v>
      </c>
      <c r="L16" s="254">
        <v>276</v>
      </c>
      <c r="M16" s="259">
        <v>276</v>
      </c>
      <c r="N16" s="257">
        <v>0</v>
      </c>
      <c r="O16" s="257">
        <v>0</v>
      </c>
      <c r="P16" s="254">
        <v>0</v>
      </c>
      <c r="Q16" s="256">
        <v>0</v>
      </c>
      <c r="R16" s="257">
        <v>0</v>
      </c>
      <c r="S16" s="257">
        <v>26</v>
      </c>
      <c r="T16" s="257">
        <v>17</v>
      </c>
      <c r="U16" s="257">
        <v>8</v>
      </c>
      <c r="V16" s="257">
        <v>3</v>
      </c>
      <c r="W16" s="254">
        <v>54</v>
      </c>
      <c r="X16" s="259">
        <v>54</v>
      </c>
    </row>
    <row r="17" spans="2:24" ht="21" customHeight="1" x14ac:dyDescent="0.2">
      <c r="B17" s="437" t="s">
        <v>15</v>
      </c>
      <c r="C17" s="257">
        <v>0</v>
      </c>
      <c r="D17" s="257">
        <v>0</v>
      </c>
      <c r="E17" s="254">
        <v>0</v>
      </c>
      <c r="F17" s="256">
        <v>0</v>
      </c>
      <c r="G17" s="257">
        <v>65</v>
      </c>
      <c r="H17" s="257">
        <v>52</v>
      </c>
      <c r="I17" s="257">
        <v>44</v>
      </c>
      <c r="J17" s="257">
        <v>12</v>
      </c>
      <c r="K17" s="257">
        <v>0</v>
      </c>
      <c r="L17" s="254">
        <v>173</v>
      </c>
      <c r="M17" s="259">
        <v>173</v>
      </c>
      <c r="N17" s="257">
        <v>0</v>
      </c>
      <c r="O17" s="257">
        <v>0</v>
      </c>
      <c r="P17" s="254">
        <v>0</v>
      </c>
      <c r="Q17" s="256">
        <v>0</v>
      </c>
      <c r="R17" s="257">
        <v>10</v>
      </c>
      <c r="S17" s="257">
        <v>0</v>
      </c>
      <c r="T17" s="257">
        <v>0</v>
      </c>
      <c r="U17" s="257">
        <v>9</v>
      </c>
      <c r="V17" s="257">
        <v>0</v>
      </c>
      <c r="W17" s="254">
        <v>19</v>
      </c>
      <c r="X17" s="259">
        <v>19</v>
      </c>
    </row>
    <row r="18" spans="2:24" ht="21" customHeight="1" x14ac:dyDescent="0.2">
      <c r="B18" s="437" t="s">
        <v>16</v>
      </c>
      <c r="C18" s="257">
        <v>0</v>
      </c>
      <c r="D18" s="257">
        <v>0</v>
      </c>
      <c r="E18" s="254">
        <v>0</v>
      </c>
      <c r="F18" s="256">
        <v>0</v>
      </c>
      <c r="G18" s="257">
        <v>52</v>
      </c>
      <c r="H18" s="257">
        <v>59</v>
      </c>
      <c r="I18" s="257">
        <v>61</v>
      </c>
      <c r="J18" s="257">
        <v>11</v>
      </c>
      <c r="K18" s="257">
        <v>25</v>
      </c>
      <c r="L18" s="254">
        <v>208</v>
      </c>
      <c r="M18" s="259">
        <v>208</v>
      </c>
      <c r="N18" s="257">
        <v>0</v>
      </c>
      <c r="O18" s="257">
        <v>0</v>
      </c>
      <c r="P18" s="254">
        <v>0</v>
      </c>
      <c r="Q18" s="256">
        <v>0</v>
      </c>
      <c r="R18" s="257">
        <v>12</v>
      </c>
      <c r="S18" s="257">
        <v>12</v>
      </c>
      <c r="T18" s="257">
        <v>4</v>
      </c>
      <c r="U18" s="257">
        <v>0</v>
      </c>
      <c r="V18" s="257">
        <v>0</v>
      </c>
      <c r="W18" s="254">
        <v>28</v>
      </c>
      <c r="X18" s="259">
        <v>28</v>
      </c>
    </row>
    <row r="19" spans="2:24" ht="21" customHeight="1" x14ac:dyDescent="0.2">
      <c r="B19" s="437" t="s">
        <v>17</v>
      </c>
      <c r="C19" s="257">
        <v>0</v>
      </c>
      <c r="D19" s="257">
        <v>0</v>
      </c>
      <c r="E19" s="254">
        <v>0</v>
      </c>
      <c r="F19" s="256">
        <v>0</v>
      </c>
      <c r="G19" s="257">
        <v>184</v>
      </c>
      <c r="H19" s="257">
        <v>147</v>
      </c>
      <c r="I19" s="257">
        <v>81</v>
      </c>
      <c r="J19" s="257">
        <v>10</v>
      </c>
      <c r="K19" s="257">
        <v>0</v>
      </c>
      <c r="L19" s="254">
        <v>422</v>
      </c>
      <c r="M19" s="259">
        <v>422</v>
      </c>
      <c r="N19" s="257">
        <v>0</v>
      </c>
      <c r="O19" s="257">
        <v>0</v>
      </c>
      <c r="P19" s="254">
        <v>0</v>
      </c>
      <c r="Q19" s="256">
        <v>0</v>
      </c>
      <c r="R19" s="257">
        <v>21</v>
      </c>
      <c r="S19" s="257">
        <v>10</v>
      </c>
      <c r="T19" s="257">
        <v>0</v>
      </c>
      <c r="U19" s="257">
        <v>0</v>
      </c>
      <c r="V19" s="257">
        <v>0</v>
      </c>
      <c r="W19" s="254">
        <v>31</v>
      </c>
      <c r="X19" s="259">
        <v>31</v>
      </c>
    </row>
    <row r="20" spans="2:24" ht="21" customHeight="1" x14ac:dyDescent="0.2">
      <c r="B20" s="437" t="s">
        <v>18</v>
      </c>
      <c r="C20" s="257">
        <v>0</v>
      </c>
      <c r="D20" s="257">
        <v>0</v>
      </c>
      <c r="E20" s="254">
        <v>0</v>
      </c>
      <c r="F20" s="256">
        <v>0</v>
      </c>
      <c r="G20" s="257">
        <v>149</v>
      </c>
      <c r="H20" s="257">
        <v>122</v>
      </c>
      <c r="I20" s="257">
        <v>52</v>
      </c>
      <c r="J20" s="257">
        <v>0</v>
      </c>
      <c r="K20" s="257">
        <v>0</v>
      </c>
      <c r="L20" s="254">
        <v>323</v>
      </c>
      <c r="M20" s="259">
        <v>323</v>
      </c>
      <c r="N20" s="257">
        <v>0</v>
      </c>
      <c r="O20" s="257">
        <v>0</v>
      </c>
      <c r="P20" s="254">
        <v>0</v>
      </c>
      <c r="Q20" s="256">
        <v>0</v>
      </c>
      <c r="R20" s="257">
        <v>0</v>
      </c>
      <c r="S20" s="257">
        <v>20</v>
      </c>
      <c r="T20" s="257">
        <v>48</v>
      </c>
      <c r="U20" s="257">
        <v>21</v>
      </c>
      <c r="V20" s="257">
        <v>0</v>
      </c>
      <c r="W20" s="254">
        <v>89</v>
      </c>
      <c r="X20" s="259">
        <v>89</v>
      </c>
    </row>
    <row r="21" spans="2:24" ht="21" customHeight="1" x14ac:dyDescent="0.2">
      <c r="B21" s="437" t="s">
        <v>19</v>
      </c>
      <c r="C21" s="257">
        <v>0</v>
      </c>
      <c r="D21" s="257">
        <v>0</v>
      </c>
      <c r="E21" s="254">
        <v>0</v>
      </c>
      <c r="F21" s="256">
        <v>0</v>
      </c>
      <c r="G21" s="257">
        <v>55</v>
      </c>
      <c r="H21" s="257">
        <v>46</v>
      </c>
      <c r="I21" s="257">
        <v>20</v>
      </c>
      <c r="J21" s="257">
        <v>0</v>
      </c>
      <c r="K21" s="257">
        <v>0</v>
      </c>
      <c r="L21" s="254">
        <v>121</v>
      </c>
      <c r="M21" s="259">
        <v>121</v>
      </c>
      <c r="N21" s="257">
        <v>0</v>
      </c>
      <c r="O21" s="257">
        <v>0</v>
      </c>
      <c r="P21" s="254">
        <v>0</v>
      </c>
      <c r="Q21" s="256">
        <v>0</v>
      </c>
      <c r="R21" s="257">
        <v>11</v>
      </c>
      <c r="S21" s="257">
        <v>12</v>
      </c>
      <c r="T21" s="257">
        <v>32</v>
      </c>
      <c r="U21" s="257">
        <v>0</v>
      </c>
      <c r="V21" s="257">
        <v>0</v>
      </c>
      <c r="W21" s="254">
        <v>55</v>
      </c>
      <c r="X21" s="259">
        <v>55</v>
      </c>
    </row>
    <row r="22" spans="2:24" ht="21" customHeight="1" x14ac:dyDescent="0.2">
      <c r="B22" s="437" t="s">
        <v>20</v>
      </c>
      <c r="C22" s="257">
        <v>0</v>
      </c>
      <c r="D22" s="257">
        <v>0</v>
      </c>
      <c r="E22" s="254">
        <v>0</v>
      </c>
      <c r="F22" s="256">
        <v>0</v>
      </c>
      <c r="G22" s="257">
        <v>66</v>
      </c>
      <c r="H22" s="257">
        <v>81</v>
      </c>
      <c r="I22" s="257">
        <v>57</v>
      </c>
      <c r="J22" s="257">
        <v>10</v>
      </c>
      <c r="K22" s="257">
        <v>13</v>
      </c>
      <c r="L22" s="254">
        <v>227</v>
      </c>
      <c r="M22" s="259">
        <v>227</v>
      </c>
      <c r="N22" s="257">
        <v>0</v>
      </c>
      <c r="O22" s="257">
        <v>0</v>
      </c>
      <c r="P22" s="254">
        <v>0</v>
      </c>
      <c r="Q22" s="256">
        <v>0</v>
      </c>
      <c r="R22" s="257">
        <v>0</v>
      </c>
      <c r="S22" s="257">
        <v>0</v>
      </c>
      <c r="T22" s="257">
        <v>0</v>
      </c>
      <c r="U22" s="257">
        <v>0</v>
      </c>
      <c r="V22" s="257">
        <v>0</v>
      </c>
      <c r="W22" s="254">
        <v>0</v>
      </c>
      <c r="X22" s="259">
        <v>0</v>
      </c>
    </row>
    <row r="23" spans="2:24" ht="21" customHeight="1" x14ac:dyDescent="0.2">
      <c r="B23" s="437" t="s">
        <v>21</v>
      </c>
      <c r="C23" s="257">
        <v>0</v>
      </c>
      <c r="D23" s="257">
        <v>0</v>
      </c>
      <c r="E23" s="254">
        <v>0</v>
      </c>
      <c r="F23" s="256">
        <v>0</v>
      </c>
      <c r="G23" s="257">
        <v>113</v>
      </c>
      <c r="H23" s="257">
        <v>44</v>
      </c>
      <c r="I23" s="257">
        <v>27</v>
      </c>
      <c r="J23" s="257">
        <v>17</v>
      </c>
      <c r="K23" s="257">
        <v>0</v>
      </c>
      <c r="L23" s="254">
        <v>201</v>
      </c>
      <c r="M23" s="259">
        <v>201</v>
      </c>
      <c r="N23" s="257">
        <v>0</v>
      </c>
      <c r="O23" s="257">
        <v>0</v>
      </c>
      <c r="P23" s="254">
        <v>0</v>
      </c>
      <c r="Q23" s="256">
        <v>0</v>
      </c>
      <c r="R23" s="257">
        <v>0</v>
      </c>
      <c r="S23" s="257">
        <v>0</v>
      </c>
      <c r="T23" s="257">
        <v>0</v>
      </c>
      <c r="U23" s="257">
        <v>0</v>
      </c>
      <c r="V23" s="257">
        <v>0</v>
      </c>
      <c r="W23" s="254">
        <v>0</v>
      </c>
      <c r="X23" s="259">
        <v>0</v>
      </c>
    </row>
    <row r="24" spans="2:24" ht="21" customHeight="1" x14ac:dyDescent="0.2">
      <c r="B24" s="437" t="s">
        <v>22</v>
      </c>
      <c r="C24" s="257">
        <v>0</v>
      </c>
      <c r="D24" s="257">
        <v>0</v>
      </c>
      <c r="E24" s="254">
        <v>0</v>
      </c>
      <c r="F24" s="256">
        <v>0</v>
      </c>
      <c r="G24" s="257">
        <v>31</v>
      </c>
      <c r="H24" s="257">
        <v>28</v>
      </c>
      <c r="I24" s="257">
        <v>7</v>
      </c>
      <c r="J24" s="257">
        <v>18</v>
      </c>
      <c r="K24" s="257">
        <v>0</v>
      </c>
      <c r="L24" s="254">
        <v>84</v>
      </c>
      <c r="M24" s="259">
        <v>84</v>
      </c>
      <c r="N24" s="257">
        <v>0</v>
      </c>
      <c r="O24" s="257">
        <v>0</v>
      </c>
      <c r="P24" s="254">
        <v>0</v>
      </c>
      <c r="Q24" s="256">
        <v>0</v>
      </c>
      <c r="R24" s="257">
        <v>0</v>
      </c>
      <c r="S24" s="257">
        <v>0</v>
      </c>
      <c r="T24" s="257">
        <v>27</v>
      </c>
      <c r="U24" s="257">
        <v>0</v>
      </c>
      <c r="V24" s="257">
        <v>0</v>
      </c>
      <c r="W24" s="254">
        <v>27</v>
      </c>
      <c r="X24" s="259">
        <v>27</v>
      </c>
    </row>
    <row r="25" spans="2:24" ht="21" customHeight="1" x14ac:dyDescent="0.2">
      <c r="B25" s="437" t="s">
        <v>23</v>
      </c>
      <c r="C25" s="257">
        <v>0</v>
      </c>
      <c r="D25" s="257">
        <v>0</v>
      </c>
      <c r="E25" s="254">
        <v>0</v>
      </c>
      <c r="F25" s="256">
        <v>0</v>
      </c>
      <c r="G25" s="257">
        <v>27</v>
      </c>
      <c r="H25" s="257">
        <v>20</v>
      </c>
      <c r="I25" s="257">
        <v>37</v>
      </c>
      <c r="J25" s="257">
        <v>0</v>
      </c>
      <c r="K25" s="257">
        <v>0</v>
      </c>
      <c r="L25" s="254">
        <v>84</v>
      </c>
      <c r="M25" s="259">
        <v>84</v>
      </c>
      <c r="N25" s="257">
        <v>0</v>
      </c>
      <c r="O25" s="257">
        <v>0</v>
      </c>
      <c r="P25" s="254">
        <v>0</v>
      </c>
      <c r="Q25" s="256">
        <v>0</v>
      </c>
      <c r="R25" s="257">
        <v>0</v>
      </c>
      <c r="S25" s="257">
        <v>0</v>
      </c>
      <c r="T25" s="257">
        <v>0</v>
      </c>
      <c r="U25" s="257">
        <v>0</v>
      </c>
      <c r="V25" s="257">
        <v>0</v>
      </c>
      <c r="W25" s="254">
        <v>0</v>
      </c>
      <c r="X25" s="259">
        <v>0</v>
      </c>
    </row>
    <row r="26" spans="2:24" ht="21" customHeight="1" x14ac:dyDescent="0.2">
      <c r="B26" s="437" t="s">
        <v>24</v>
      </c>
      <c r="C26" s="257">
        <v>0</v>
      </c>
      <c r="D26" s="257">
        <v>0</v>
      </c>
      <c r="E26" s="254">
        <v>0</v>
      </c>
      <c r="F26" s="256">
        <v>0</v>
      </c>
      <c r="G26" s="257">
        <v>4</v>
      </c>
      <c r="H26" s="257">
        <v>7</v>
      </c>
      <c r="I26" s="257">
        <v>4</v>
      </c>
      <c r="J26" s="257">
        <v>0</v>
      </c>
      <c r="K26" s="257">
        <v>0</v>
      </c>
      <c r="L26" s="254">
        <v>15</v>
      </c>
      <c r="M26" s="259">
        <v>15</v>
      </c>
      <c r="N26" s="257">
        <v>0</v>
      </c>
      <c r="O26" s="257">
        <v>0</v>
      </c>
      <c r="P26" s="254">
        <v>0</v>
      </c>
      <c r="Q26" s="256">
        <v>0</v>
      </c>
      <c r="R26" s="257">
        <v>0</v>
      </c>
      <c r="S26" s="257">
        <v>0</v>
      </c>
      <c r="T26" s="257">
        <v>12</v>
      </c>
      <c r="U26" s="257">
        <v>0</v>
      </c>
      <c r="V26" s="257">
        <v>0</v>
      </c>
      <c r="W26" s="254">
        <v>12</v>
      </c>
      <c r="X26" s="259">
        <v>12</v>
      </c>
    </row>
    <row r="27" spans="2:24" ht="21" customHeight="1" x14ac:dyDescent="0.2">
      <c r="B27" s="437" t="s">
        <v>25</v>
      </c>
      <c r="C27" s="257">
        <v>0</v>
      </c>
      <c r="D27" s="257">
        <v>0</v>
      </c>
      <c r="E27" s="254">
        <v>0</v>
      </c>
      <c r="F27" s="256">
        <v>0</v>
      </c>
      <c r="G27" s="257">
        <v>53</v>
      </c>
      <c r="H27" s="257">
        <v>6</v>
      </c>
      <c r="I27" s="257">
        <v>0</v>
      </c>
      <c r="J27" s="257">
        <v>0</v>
      </c>
      <c r="K27" s="257">
        <v>0</v>
      </c>
      <c r="L27" s="254">
        <v>59</v>
      </c>
      <c r="M27" s="259">
        <v>59</v>
      </c>
      <c r="N27" s="257">
        <v>0</v>
      </c>
      <c r="O27" s="257">
        <v>0</v>
      </c>
      <c r="P27" s="254">
        <v>0</v>
      </c>
      <c r="Q27" s="256">
        <v>0</v>
      </c>
      <c r="R27" s="257">
        <v>0</v>
      </c>
      <c r="S27" s="257">
        <v>0</v>
      </c>
      <c r="T27" s="257">
        <v>0</v>
      </c>
      <c r="U27" s="257">
        <v>0</v>
      </c>
      <c r="V27" s="257">
        <v>0</v>
      </c>
      <c r="W27" s="254">
        <v>0</v>
      </c>
      <c r="X27" s="259">
        <v>0</v>
      </c>
    </row>
    <row r="28" spans="2:24" ht="21" customHeight="1" x14ac:dyDescent="0.2">
      <c r="B28" s="437" t="s">
        <v>26</v>
      </c>
      <c r="C28" s="257">
        <v>0</v>
      </c>
      <c r="D28" s="257">
        <v>0</v>
      </c>
      <c r="E28" s="254">
        <v>0</v>
      </c>
      <c r="F28" s="256">
        <v>0</v>
      </c>
      <c r="G28" s="257">
        <v>44</v>
      </c>
      <c r="H28" s="257">
        <v>19</v>
      </c>
      <c r="I28" s="257">
        <v>9</v>
      </c>
      <c r="J28" s="257">
        <v>9</v>
      </c>
      <c r="K28" s="257">
        <v>5</v>
      </c>
      <c r="L28" s="254">
        <v>86</v>
      </c>
      <c r="M28" s="259">
        <v>86</v>
      </c>
      <c r="N28" s="257">
        <v>0</v>
      </c>
      <c r="O28" s="257">
        <v>0</v>
      </c>
      <c r="P28" s="254">
        <v>0</v>
      </c>
      <c r="Q28" s="256">
        <v>0</v>
      </c>
      <c r="R28" s="257">
        <v>0</v>
      </c>
      <c r="S28" s="257">
        <v>0</v>
      </c>
      <c r="T28" s="257">
        <v>13</v>
      </c>
      <c r="U28" s="257">
        <v>0</v>
      </c>
      <c r="V28" s="257">
        <v>0</v>
      </c>
      <c r="W28" s="254">
        <v>13</v>
      </c>
      <c r="X28" s="259">
        <v>13</v>
      </c>
    </row>
    <row r="29" spans="2:24" ht="21" customHeight="1" x14ac:dyDescent="0.2">
      <c r="B29" s="437" t="s">
        <v>27</v>
      </c>
      <c r="C29" s="257">
        <v>0</v>
      </c>
      <c r="D29" s="257">
        <v>0</v>
      </c>
      <c r="E29" s="254">
        <v>0</v>
      </c>
      <c r="F29" s="256">
        <v>0</v>
      </c>
      <c r="G29" s="257">
        <v>0</v>
      </c>
      <c r="H29" s="257">
        <v>4</v>
      </c>
      <c r="I29" s="257">
        <v>0</v>
      </c>
      <c r="J29" s="257">
        <v>0</v>
      </c>
      <c r="K29" s="257">
        <v>0</v>
      </c>
      <c r="L29" s="254">
        <v>4</v>
      </c>
      <c r="M29" s="259">
        <v>4</v>
      </c>
      <c r="N29" s="257">
        <v>0</v>
      </c>
      <c r="O29" s="257">
        <v>0</v>
      </c>
      <c r="P29" s="254">
        <v>0</v>
      </c>
      <c r="Q29" s="256">
        <v>0</v>
      </c>
      <c r="R29" s="257">
        <v>0</v>
      </c>
      <c r="S29" s="257">
        <v>0</v>
      </c>
      <c r="T29" s="257">
        <v>0</v>
      </c>
      <c r="U29" s="257">
        <v>21</v>
      </c>
      <c r="V29" s="257">
        <v>0</v>
      </c>
      <c r="W29" s="254">
        <v>21</v>
      </c>
      <c r="X29" s="259">
        <v>21</v>
      </c>
    </row>
    <row r="30" spans="2:24" ht="21" customHeight="1" x14ac:dyDescent="0.2">
      <c r="B30" s="437" t="s">
        <v>28</v>
      </c>
      <c r="C30" s="257">
        <v>0</v>
      </c>
      <c r="D30" s="257">
        <v>0</v>
      </c>
      <c r="E30" s="254">
        <v>0</v>
      </c>
      <c r="F30" s="256">
        <v>0</v>
      </c>
      <c r="G30" s="257">
        <v>27</v>
      </c>
      <c r="H30" s="257">
        <v>0</v>
      </c>
      <c r="I30" s="257">
        <v>0</v>
      </c>
      <c r="J30" s="257">
        <v>0</v>
      </c>
      <c r="K30" s="257">
        <v>0</v>
      </c>
      <c r="L30" s="254">
        <v>27</v>
      </c>
      <c r="M30" s="259">
        <v>27</v>
      </c>
      <c r="N30" s="257">
        <v>0</v>
      </c>
      <c r="O30" s="257">
        <v>0</v>
      </c>
      <c r="P30" s="254">
        <v>0</v>
      </c>
      <c r="Q30" s="256">
        <v>0</v>
      </c>
      <c r="R30" s="257">
        <v>0</v>
      </c>
      <c r="S30" s="257">
        <v>0</v>
      </c>
      <c r="T30" s="257">
        <v>0</v>
      </c>
      <c r="U30" s="257">
        <v>0</v>
      </c>
      <c r="V30" s="257">
        <v>0</v>
      </c>
      <c r="W30" s="254">
        <v>0</v>
      </c>
      <c r="X30" s="259">
        <v>0</v>
      </c>
    </row>
    <row r="31" spans="2:24" ht="21" customHeight="1" x14ac:dyDescent="0.2">
      <c r="B31" s="437" t="s">
        <v>29</v>
      </c>
      <c r="C31" s="257">
        <v>0</v>
      </c>
      <c r="D31" s="257">
        <v>0</v>
      </c>
      <c r="E31" s="254">
        <v>0</v>
      </c>
      <c r="F31" s="256">
        <v>0</v>
      </c>
      <c r="G31" s="257">
        <v>0</v>
      </c>
      <c r="H31" s="257">
        <v>11</v>
      </c>
      <c r="I31" s="257">
        <v>8</v>
      </c>
      <c r="J31" s="257">
        <v>0</v>
      </c>
      <c r="K31" s="257">
        <v>0</v>
      </c>
      <c r="L31" s="254">
        <v>19</v>
      </c>
      <c r="M31" s="259">
        <v>19</v>
      </c>
      <c r="N31" s="257">
        <v>0</v>
      </c>
      <c r="O31" s="257">
        <v>0</v>
      </c>
      <c r="P31" s="254">
        <v>0</v>
      </c>
      <c r="Q31" s="256">
        <v>0</v>
      </c>
      <c r="R31" s="257">
        <v>0</v>
      </c>
      <c r="S31" s="257">
        <v>0</v>
      </c>
      <c r="T31" s="257">
        <v>0</v>
      </c>
      <c r="U31" s="257">
        <v>0</v>
      </c>
      <c r="V31" s="257">
        <v>0</v>
      </c>
      <c r="W31" s="254">
        <v>0</v>
      </c>
      <c r="X31" s="259">
        <v>0</v>
      </c>
    </row>
    <row r="32" spans="2:24" ht="21" customHeight="1" x14ac:dyDescent="0.2">
      <c r="B32" s="437" t="s">
        <v>30</v>
      </c>
      <c r="C32" s="257">
        <v>0</v>
      </c>
      <c r="D32" s="257">
        <v>0</v>
      </c>
      <c r="E32" s="254">
        <v>0</v>
      </c>
      <c r="F32" s="256">
        <v>0</v>
      </c>
      <c r="G32" s="257">
        <v>8</v>
      </c>
      <c r="H32" s="257">
        <v>0</v>
      </c>
      <c r="I32" s="257">
        <v>17</v>
      </c>
      <c r="J32" s="257">
        <v>0</v>
      </c>
      <c r="K32" s="257">
        <v>0</v>
      </c>
      <c r="L32" s="254">
        <v>25</v>
      </c>
      <c r="M32" s="259">
        <v>25</v>
      </c>
      <c r="N32" s="257">
        <v>0</v>
      </c>
      <c r="O32" s="257">
        <v>0</v>
      </c>
      <c r="P32" s="254">
        <v>0</v>
      </c>
      <c r="Q32" s="256">
        <v>0</v>
      </c>
      <c r="R32" s="257">
        <v>0</v>
      </c>
      <c r="S32" s="257">
        <v>0</v>
      </c>
      <c r="T32" s="257">
        <v>0</v>
      </c>
      <c r="U32" s="257">
        <v>0</v>
      </c>
      <c r="V32" s="257">
        <v>0</v>
      </c>
      <c r="W32" s="254">
        <v>0</v>
      </c>
      <c r="X32" s="259">
        <v>0</v>
      </c>
    </row>
    <row r="33" spans="2:24" ht="21" customHeight="1" x14ac:dyDescent="0.2">
      <c r="B33" s="437" t="s">
        <v>31</v>
      </c>
      <c r="C33" s="257">
        <v>0</v>
      </c>
      <c r="D33" s="257">
        <v>0</v>
      </c>
      <c r="E33" s="254">
        <v>0</v>
      </c>
      <c r="F33" s="256">
        <v>0</v>
      </c>
      <c r="G33" s="257">
        <v>0</v>
      </c>
      <c r="H33" s="257">
        <v>7</v>
      </c>
      <c r="I33" s="257">
        <v>2</v>
      </c>
      <c r="J33" s="257">
        <v>0</v>
      </c>
      <c r="K33" s="257">
        <v>0</v>
      </c>
      <c r="L33" s="254">
        <v>9</v>
      </c>
      <c r="M33" s="259">
        <v>9</v>
      </c>
      <c r="N33" s="257">
        <v>0</v>
      </c>
      <c r="O33" s="257">
        <v>0</v>
      </c>
      <c r="P33" s="254">
        <v>0</v>
      </c>
      <c r="Q33" s="256">
        <v>0</v>
      </c>
      <c r="R33" s="257">
        <v>0</v>
      </c>
      <c r="S33" s="257">
        <v>0</v>
      </c>
      <c r="T33" s="257">
        <v>0</v>
      </c>
      <c r="U33" s="257">
        <v>15</v>
      </c>
      <c r="V33" s="257">
        <v>0</v>
      </c>
      <c r="W33" s="254">
        <v>15</v>
      </c>
      <c r="X33" s="259">
        <v>15</v>
      </c>
    </row>
    <row r="34" spans="2:24" ht="21" customHeight="1" x14ac:dyDescent="0.2">
      <c r="B34" s="437" t="s">
        <v>32</v>
      </c>
      <c r="C34" s="257">
        <v>0</v>
      </c>
      <c r="D34" s="257">
        <v>0</v>
      </c>
      <c r="E34" s="254">
        <v>0</v>
      </c>
      <c r="F34" s="256">
        <v>0</v>
      </c>
      <c r="G34" s="257">
        <v>17</v>
      </c>
      <c r="H34" s="257">
        <v>24</v>
      </c>
      <c r="I34" s="257">
        <v>0</v>
      </c>
      <c r="J34" s="257">
        <v>0</v>
      </c>
      <c r="K34" s="257">
        <v>5</v>
      </c>
      <c r="L34" s="254">
        <v>46</v>
      </c>
      <c r="M34" s="259">
        <v>46</v>
      </c>
      <c r="N34" s="257">
        <v>0</v>
      </c>
      <c r="O34" s="257">
        <v>0</v>
      </c>
      <c r="P34" s="254">
        <v>0</v>
      </c>
      <c r="Q34" s="256">
        <v>0</v>
      </c>
      <c r="R34" s="257">
        <v>0</v>
      </c>
      <c r="S34" s="257">
        <v>0</v>
      </c>
      <c r="T34" s="257">
        <v>0</v>
      </c>
      <c r="U34" s="257">
        <v>0</v>
      </c>
      <c r="V34" s="257">
        <v>0</v>
      </c>
      <c r="W34" s="254">
        <v>0</v>
      </c>
      <c r="X34" s="259">
        <v>0</v>
      </c>
    </row>
    <row r="35" spans="2:24" ht="21" customHeight="1" x14ac:dyDescent="0.2">
      <c r="B35" s="437" t="s">
        <v>33</v>
      </c>
      <c r="C35" s="257">
        <v>0</v>
      </c>
      <c r="D35" s="257">
        <v>0</v>
      </c>
      <c r="E35" s="254">
        <v>0</v>
      </c>
      <c r="F35" s="256">
        <v>0</v>
      </c>
      <c r="G35" s="257">
        <v>8</v>
      </c>
      <c r="H35" s="257">
        <v>0</v>
      </c>
      <c r="I35" s="257">
        <v>0</v>
      </c>
      <c r="J35" s="257">
        <v>0</v>
      </c>
      <c r="K35" s="257">
        <v>0</v>
      </c>
      <c r="L35" s="254">
        <v>8</v>
      </c>
      <c r="M35" s="259">
        <v>8</v>
      </c>
      <c r="N35" s="257">
        <v>0</v>
      </c>
      <c r="O35" s="257">
        <v>0</v>
      </c>
      <c r="P35" s="254">
        <v>0</v>
      </c>
      <c r="Q35" s="256">
        <v>0</v>
      </c>
      <c r="R35" s="257">
        <v>0</v>
      </c>
      <c r="S35" s="257">
        <v>0</v>
      </c>
      <c r="T35" s="257">
        <v>0</v>
      </c>
      <c r="U35" s="257">
        <v>0</v>
      </c>
      <c r="V35" s="257">
        <v>0</v>
      </c>
      <c r="W35" s="254">
        <v>0</v>
      </c>
      <c r="X35" s="259">
        <v>0</v>
      </c>
    </row>
    <row r="36" spans="2:24" ht="21" customHeight="1" x14ac:dyDescent="0.2">
      <c r="B36" s="437" t="s">
        <v>34</v>
      </c>
      <c r="C36" s="257">
        <v>0</v>
      </c>
      <c r="D36" s="257">
        <v>0</v>
      </c>
      <c r="E36" s="254">
        <v>0</v>
      </c>
      <c r="F36" s="256">
        <v>0</v>
      </c>
      <c r="G36" s="257">
        <v>13</v>
      </c>
      <c r="H36" s="257">
        <v>12</v>
      </c>
      <c r="I36" s="257">
        <v>0</v>
      </c>
      <c r="J36" s="257">
        <v>0</v>
      </c>
      <c r="K36" s="257">
        <v>0</v>
      </c>
      <c r="L36" s="254">
        <v>25</v>
      </c>
      <c r="M36" s="259">
        <v>25</v>
      </c>
      <c r="N36" s="257">
        <v>0</v>
      </c>
      <c r="O36" s="257">
        <v>0</v>
      </c>
      <c r="P36" s="254">
        <v>0</v>
      </c>
      <c r="Q36" s="256">
        <v>0</v>
      </c>
      <c r="R36" s="257">
        <v>0</v>
      </c>
      <c r="S36" s="257">
        <v>0</v>
      </c>
      <c r="T36" s="257">
        <v>0</v>
      </c>
      <c r="U36" s="257">
        <v>0</v>
      </c>
      <c r="V36" s="257">
        <v>0</v>
      </c>
      <c r="W36" s="254">
        <v>0</v>
      </c>
      <c r="X36" s="259">
        <v>0</v>
      </c>
    </row>
    <row r="37" spans="2:24" ht="21" customHeight="1" x14ac:dyDescent="0.2">
      <c r="B37" s="437" t="s">
        <v>35</v>
      </c>
      <c r="C37" s="257">
        <v>0</v>
      </c>
      <c r="D37" s="257">
        <v>0</v>
      </c>
      <c r="E37" s="254">
        <v>0</v>
      </c>
      <c r="F37" s="256">
        <v>0</v>
      </c>
      <c r="G37" s="257">
        <v>0</v>
      </c>
      <c r="H37" s="257">
        <v>23</v>
      </c>
      <c r="I37" s="257">
        <v>0</v>
      </c>
      <c r="J37" s="257">
        <v>0</v>
      </c>
      <c r="K37" s="257">
        <v>0</v>
      </c>
      <c r="L37" s="254">
        <v>23</v>
      </c>
      <c r="M37" s="259">
        <v>23</v>
      </c>
      <c r="N37" s="257">
        <v>0</v>
      </c>
      <c r="O37" s="257">
        <v>0</v>
      </c>
      <c r="P37" s="254">
        <v>0</v>
      </c>
      <c r="Q37" s="256">
        <v>0</v>
      </c>
      <c r="R37" s="257">
        <v>0</v>
      </c>
      <c r="S37" s="257">
        <v>0</v>
      </c>
      <c r="T37" s="257">
        <v>0</v>
      </c>
      <c r="U37" s="257">
        <v>0</v>
      </c>
      <c r="V37" s="257">
        <v>0</v>
      </c>
      <c r="W37" s="254">
        <v>0</v>
      </c>
      <c r="X37" s="259">
        <v>0</v>
      </c>
    </row>
    <row r="38" spans="2:24" ht="21" customHeight="1" x14ac:dyDescent="0.2">
      <c r="B38" s="437" t="s">
        <v>36</v>
      </c>
      <c r="C38" s="257">
        <v>0</v>
      </c>
      <c r="D38" s="257">
        <v>0</v>
      </c>
      <c r="E38" s="254">
        <v>0</v>
      </c>
      <c r="F38" s="256">
        <v>0</v>
      </c>
      <c r="G38" s="257">
        <v>17</v>
      </c>
      <c r="H38" s="257">
        <v>4</v>
      </c>
      <c r="I38" s="257">
        <v>0</v>
      </c>
      <c r="J38" s="257">
        <v>8</v>
      </c>
      <c r="K38" s="257">
        <v>0</v>
      </c>
      <c r="L38" s="254">
        <v>29</v>
      </c>
      <c r="M38" s="259">
        <v>29</v>
      </c>
      <c r="N38" s="257">
        <v>0</v>
      </c>
      <c r="O38" s="257">
        <v>0</v>
      </c>
      <c r="P38" s="254">
        <v>0</v>
      </c>
      <c r="Q38" s="256">
        <v>0</v>
      </c>
      <c r="R38" s="257">
        <v>0</v>
      </c>
      <c r="S38" s="257">
        <v>0</v>
      </c>
      <c r="T38" s="257">
        <v>0</v>
      </c>
      <c r="U38" s="257">
        <v>0</v>
      </c>
      <c r="V38" s="257">
        <v>0</v>
      </c>
      <c r="W38" s="254">
        <v>0</v>
      </c>
      <c r="X38" s="259">
        <v>0</v>
      </c>
    </row>
    <row r="39" spans="2:24" ht="21" customHeight="1" thickBot="1" x14ac:dyDescent="0.25">
      <c r="B39" s="438" t="s">
        <v>37</v>
      </c>
      <c r="C39" s="264">
        <v>0</v>
      </c>
      <c r="D39" s="264">
        <v>0</v>
      </c>
      <c r="E39" s="261">
        <v>0</v>
      </c>
      <c r="F39" s="263">
        <v>0</v>
      </c>
      <c r="G39" s="264">
        <v>0</v>
      </c>
      <c r="H39" s="264">
        <v>0</v>
      </c>
      <c r="I39" s="264">
        <v>0</v>
      </c>
      <c r="J39" s="264">
        <v>0</v>
      </c>
      <c r="K39" s="264">
        <v>0</v>
      </c>
      <c r="L39" s="261">
        <v>0</v>
      </c>
      <c r="M39" s="266">
        <v>0</v>
      </c>
      <c r="N39" s="264">
        <v>0</v>
      </c>
      <c r="O39" s="264">
        <v>0</v>
      </c>
      <c r="P39" s="261">
        <v>0</v>
      </c>
      <c r="Q39" s="263">
        <v>0</v>
      </c>
      <c r="R39" s="264">
        <v>0</v>
      </c>
      <c r="S39" s="264">
        <v>0</v>
      </c>
      <c r="T39" s="264">
        <v>0</v>
      </c>
      <c r="U39" s="264">
        <v>0</v>
      </c>
      <c r="V39" s="264">
        <v>0</v>
      </c>
      <c r="W39" s="261">
        <v>0</v>
      </c>
      <c r="X39" s="266">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 style="238" customWidth="1"/>
    <col min="6" max="6" width="7.77734375" style="238" customWidth="1"/>
    <col min="7" max="7" width="10.77734375" style="238" customWidth="1"/>
    <col min="8" max="16" width="9" style="238"/>
    <col min="17" max="17" width="7.6640625" style="238" customWidth="1"/>
    <col min="18" max="16384" width="9" style="238"/>
  </cols>
  <sheetData>
    <row r="1" spans="2:24" ht="24" customHeight="1" x14ac:dyDescent="0.2">
      <c r="B1" s="267" t="s">
        <v>124</v>
      </c>
      <c r="H1" s="495">
        <f>第１表!F2</f>
        <v>6</v>
      </c>
      <c r="I1" s="495"/>
      <c r="J1" s="231">
        <f>第１表!G2</f>
        <v>2</v>
      </c>
      <c r="K1" s="499">
        <f>IF(J1&lt;3,J1+12-2,J1-2)</f>
        <v>12</v>
      </c>
      <c r="L1" s="499"/>
    </row>
    <row r="2" spans="2:24" ht="24" customHeight="1" thickBot="1" x14ac:dyDescent="0.25">
      <c r="B2" s="267" t="s">
        <v>153</v>
      </c>
    </row>
    <row r="3" spans="2:24" ht="21" customHeight="1" x14ac:dyDescent="0.2">
      <c r="B3" s="511"/>
      <c r="C3" s="507" t="s">
        <v>140</v>
      </c>
      <c r="D3" s="507"/>
      <c r="E3" s="507"/>
      <c r="F3" s="507"/>
      <c r="G3" s="507"/>
      <c r="H3" s="507"/>
      <c r="I3" s="507"/>
      <c r="J3" s="507"/>
      <c r="K3" s="507"/>
      <c r="L3" s="507"/>
      <c r="M3" s="537"/>
      <c r="N3" s="507" t="s">
        <v>113</v>
      </c>
      <c r="O3" s="507"/>
      <c r="P3" s="507"/>
      <c r="Q3" s="507"/>
      <c r="R3" s="507"/>
      <c r="S3" s="507"/>
      <c r="T3" s="507"/>
      <c r="U3" s="507"/>
      <c r="V3" s="507"/>
      <c r="W3" s="507"/>
      <c r="X3" s="537"/>
    </row>
    <row r="4" spans="2:24" ht="21" customHeight="1" x14ac:dyDescent="0.2">
      <c r="B4" s="535"/>
      <c r="C4" s="538" t="s">
        <v>61</v>
      </c>
      <c r="D4" s="538"/>
      <c r="E4" s="539"/>
      <c r="F4" s="540" t="s">
        <v>62</v>
      </c>
      <c r="G4" s="538"/>
      <c r="H4" s="538"/>
      <c r="I4" s="538"/>
      <c r="J4" s="538"/>
      <c r="K4" s="538"/>
      <c r="L4" s="541"/>
      <c r="M4" s="542" t="s">
        <v>52</v>
      </c>
      <c r="N4" s="538" t="s">
        <v>61</v>
      </c>
      <c r="O4" s="538"/>
      <c r="P4" s="539"/>
      <c r="Q4" s="540" t="s">
        <v>62</v>
      </c>
      <c r="R4" s="538"/>
      <c r="S4" s="538"/>
      <c r="T4" s="538"/>
      <c r="U4" s="538"/>
      <c r="V4" s="538"/>
      <c r="W4" s="541"/>
      <c r="X4" s="542" t="s">
        <v>52</v>
      </c>
    </row>
    <row r="5" spans="2:24" ht="30" customHeight="1" thickBot="1" x14ac:dyDescent="0.25">
      <c r="B5" s="536"/>
      <c r="C5" s="239" t="s">
        <v>43</v>
      </c>
      <c r="D5" s="239" t="s">
        <v>44</v>
      </c>
      <c r="E5" s="242" t="s">
        <v>45</v>
      </c>
      <c r="F5" s="244" t="s">
        <v>83</v>
      </c>
      <c r="G5" s="239" t="s">
        <v>47</v>
      </c>
      <c r="H5" s="239" t="s">
        <v>48</v>
      </c>
      <c r="I5" s="239" t="s">
        <v>49</v>
      </c>
      <c r="J5" s="239" t="s">
        <v>50</v>
      </c>
      <c r="K5" s="239" t="s">
        <v>51</v>
      </c>
      <c r="L5" s="242" t="s">
        <v>45</v>
      </c>
      <c r="M5" s="510"/>
      <c r="N5" s="239" t="s">
        <v>43</v>
      </c>
      <c r="O5" s="239" t="s">
        <v>44</v>
      </c>
      <c r="P5" s="242" t="s">
        <v>45</v>
      </c>
      <c r="Q5" s="244" t="s">
        <v>83</v>
      </c>
      <c r="R5" s="239" t="s">
        <v>47</v>
      </c>
      <c r="S5" s="239" t="s">
        <v>48</v>
      </c>
      <c r="T5" s="239" t="s">
        <v>49</v>
      </c>
      <c r="U5" s="239" t="s">
        <v>50</v>
      </c>
      <c r="V5" s="239" t="s">
        <v>51</v>
      </c>
      <c r="W5" s="242" t="s">
        <v>45</v>
      </c>
      <c r="X5" s="510"/>
    </row>
    <row r="6" spans="2:24" ht="21" customHeight="1" x14ac:dyDescent="0.2">
      <c r="B6" s="435" t="s">
        <v>4</v>
      </c>
      <c r="C6" s="250">
        <v>0</v>
      </c>
      <c r="D6" s="250">
        <v>0</v>
      </c>
      <c r="E6" s="247">
        <v>0</v>
      </c>
      <c r="F6" s="249">
        <v>0</v>
      </c>
      <c r="G6" s="250">
        <v>5558</v>
      </c>
      <c r="H6" s="250">
        <v>5245</v>
      </c>
      <c r="I6" s="250">
        <v>2587</v>
      </c>
      <c r="J6" s="250">
        <v>1391</v>
      </c>
      <c r="K6" s="250">
        <v>494</v>
      </c>
      <c r="L6" s="247">
        <v>15275</v>
      </c>
      <c r="M6" s="252">
        <v>15275</v>
      </c>
      <c r="N6" s="250">
        <v>4</v>
      </c>
      <c r="O6" s="250">
        <v>0</v>
      </c>
      <c r="P6" s="247">
        <v>4</v>
      </c>
      <c r="Q6" s="249">
        <v>0</v>
      </c>
      <c r="R6" s="250">
        <v>413</v>
      </c>
      <c r="S6" s="250">
        <v>565</v>
      </c>
      <c r="T6" s="250">
        <v>693</v>
      </c>
      <c r="U6" s="250">
        <v>224</v>
      </c>
      <c r="V6" s="250">
        <v>225</v>
      </c>
      <c r="W6" s="247">
        <v>2120</v>
      </c>
      <c r="X6" s="252">
        <v>2124</v>
      </c>
    </row>
    <row r="7" spans="2:24" ht="21" customHeight="1" x14ac:dyDescent="0.2">
      <c r="B7" s="436" t="s">
        <v>5</v>
      </c>
      <c r="C7" s="257">
        <v>0</v>
      </c>
      <c r="D7" s="257">
        <v>0</v>
      </c>
      <c r="E7" s="254">
        <v>0</v>
      </c>
      <c r="F7" s="256">
        <v>0</v>
      </c>
      <c r="G7" s="257">
        <v>2115</v>
      </c>
      <c r="H7" s="257">
        <v>2783</v>
      </c>
      <c r="I7" s="257">
        <v>1292</v>
      </c>
      <c r="J7" s="257">
        <v>769</v>
      </c>
      <c r="K7" s="257">
        <v>242</v>
      </c>
      <c r="L7" s="254">
        <v>7201</v>
      </c>
      <c r="M7" s="259">
        <v>7201</v>
      </c>
      <c r="N7" s="257">
        <v>4</v>
      </c>
      <c r="O7" s="257">
        <v>0</v>
      </c>
      <c r="P7" s="254">
        <v>4</v>
      </c>
      <c r="Q7" s="256">
        <v>0</v>
      </c>
      <c r="R7" s="257">
        <v>174</v>
      </c>
      <c r="S7" s="257">
        <v>262</v>
      </c>
      <c r="T7" s="257">
        <v>358</v>
      </c>
      <c r="U7" s="257">
        <v>131</v>
      </c>
      <c r="V7" s="257">
        <v>154</v>
      </c>
      <c r="W7" s="254">
        <v>1079</v>
      </c>
      <c r="X7" s="259">
        <v>1083</v>
      </c>
    </row>
    <row r="8" spans="2:24" ht="21" customHeight="1" x14ac:dyDescent="0.2">
      <c r="B8" s="437" t="s">
        <v>6</v>
      </c>
      <c r="C8" s="257">
        <v>0</v>
      </c>
      <c r="D8" s="257">
        <v>0</v>
      </c>
      <c r="E8" s="254">
        <v>0</v>
      </c>
      <c r="F8" s="256">
        <v>0</v>
      </c>
      <c r="G8" s="257">
        <v>971</v>
      </c>
      <c r="H8" s="257">
        <v>696</v>
      </c>
      <c r="I8" s="257">
        <v>320</v>
      </c>
      <c r="J8" s="257">
        <v>144</v>
      </c>
      <c r="K8" s="257">
        <v>68</v>
      </c>
      <c r="L8" s="254">
        <v>2199</v>
      </c>
      <c r="M8" s="259">
        <v>2199</v>
      </c>
      <c r="N8" s="257">
        <v>0</v>
      </c>
      <c r="O8" s="257">
        <v>0</v>
      </c>
      <c r="P8" s="254">
        <v>0</v>
      </c>
      <c r="Q8" s="256">
        <v>0</v>
      </c>
      <c r="R8" s="257">
        <v>145</v>
      </c>
      <c r="S8" s="257">
        <v>218</v>
      </c>
      <c r="T8" s="257">
        <v>202</v>
      </c>
      <c r="U8" s="257">
        <v>31</v>
      </c>
      <c r="V8" s="257">
        <v>59</v>
      </c>
      <c r="W8" s="254">
        <v>655</v>
      </c>
      <c r="X8" s="259">
        <v>655</v>
      </c>
    </row>
    <row r="9" spans="2:24" ht="21" customHeight="1" x14ac:dyDescent="0.2">
      <c r="B9" s="437" t="s">
        <v>14</v>
      </c>
      <c r="C9" s="257">
        <v>0</v>
      </c>
      <c r="D9" s="257">
        <v>0</v>
      </c>
      <c r="E9" s="254">
        <v>0</v>
      </c>
      <c r="F9" s="256">
        <v>0</v>
      </c>
      <c r="G9" s="257">
        <v>231</v>
      </c>
      <c r="H9" s="257">
        <v>399</v>
      </c>
      <c r="I9" s="257">
        <v>167</v>
      </c>
      <c r="J9" s="257">
        <v>93</v>
      </c>
      <c r="K9" s="257">
        <v>28</v>
      </c>
      <c r="L9" s="254">
        <v>918</v>
      </c>
      <c r="M9" s="259">
        <v>918</v>
      </c>
      <c r="N9" s="257">
        <v>0</v>
      </c>
      <c r="O9" s="257">
        <v>0</v>
      </c>
      <c r="P9" s="254">
        <v>0</v>
      </c>
      <c r="Q9" s="256">
        <v>0</v>
      </c>
      <c r="R9" s="257">
        <v>16</v>
      </c>
      <c r="S9" s="257">
        <v>11</v>
      </c>
      <c r="T9" s="257">
        <v>13</v>
      </c>
      <c r="U9" s="257">
        <v>3</v>
      </c>
      <c r="V9" s="257">
        <v>0</v>
      </c>
      <c r="W9" s="254">
        <v>43</v>
      </c>
      <c r="X9" s="259">
        <v>43</v>
      </c>
    </row>
    <row r="10" spans="2:24" ht="21" customHeight="1" x14ac:dyDescent="0.2">
      <c r="B10" s="437" t="s">
        <v>7</v>
      </c>
      <c r="C10" s="257">
        <v>0</v>
      </c>
      <c r="D10" s="257">
        <v>0</v>
      </c>
      <c r="E10" s="254">
        <v>0</v>
      </c>
      <c r="F10" s="256">
        <v>0</v>
      </c>
      <c r="G10" s="257">
        <v>255</v>
      </c>
      <c r="H10" s="257">
        <v>149</v>
      </c>
      <c r="I10" s="257">
        <v>66</v>
      </c>
      <c r="J10" s="257">
        <v>27</v>
      </c>
      <c r="K10" s="257">
        <v>22</v>
      </c>
      <c r="L10" s="254">
        <v>519</v>
      </c>
      <c r="M10" s="259">
        <v>519</v>
      </c>
      <c r="N10" s="257">
        <v>0</v>
      </c>
      <c r="O10" s="257">
        <v>0</v>
      </c>
      <c r="P10" s="254">
        <v>0</v>
      </c>
      <c r="Q10" s="256">
        <v>0</v>
      </c>
      <c r="R10" s="257">
        <v>27</v>
      </c>
      <c r="S10" s="257">
        <v>36</v>
      </c>
      <c r="T10" s="257">
        <v>45</v>
      </c>
      <c r="U10" s="257">
        <v>16</v>
      </c>
      <c r="V10" s="257">
        <v>0</v>
      </c>
      <c r="W10" s="254">
        <v>124</v>
      </c>
      <c r="X10" s="259">
        <v>124</v>
      </c>
    </row>
    <row r="11" spans="2:24" ht="21" customHeight="1" x14ac:dyDescent="0.2">
      <c r="B11" s="437" t="s">
        <v>8</v>
      </c>
      <c r="C11" s="257">
        <v>0</v>
      </c>
      <c r="D11" s="257">
        <v>0</v>
      </c>
      <c r="E11" s="254">
        <v>0</v>
      </c>
      <c r="F11" s="256">
        <v>0</v>
      </c>
      <c r="G11" s="257">
        <v>230</v>
      </c>
      <c r="H11" s="257">
        <v>132</v>
      </c>
      <c r="I11" s="257">
        <v>42</v>
      </c>
      <c r="J11" s="257">
        <v>83</v>
      </c>
      <c r="K11" s="257">
        <v>37</v>
      </c>
      <c r="L11" s="254">
        <v>524</v>
      </c>
      <c r="M11" s="259">
        <v>524</v>
      </c>
      <c r="N11" s="257">
        <v>0</v>
      </c>
      <c r="O11" s="257">
        <v>0</v>
      </c>
      <c r="P11" s="254">
        <v>0</v>
      </c>
      <c r="Q11" s="256">
        <v>0</v>
      </c>
      <c r="R11" s="257">
        <v>0</v>
      </c>
      <c r="S11" s="257">
        <v>0</v>
      </c>
      <c r="T11" s="257">
        <v>0</v>
      </c>
      <c r="U11" s="257">
        <v>0</v>
      </c>
      <c r="V11" s="257">
        <v>0</v>
      </c>
      <c r="W11" s="254">
        <v>0</v>
      </c>
      <c r="X11" s="259">
        <v>0</v>
      </c>
    </row>
    <row r="12" spans="2:24" ht="21" customHeight="1" x14ac:dyDescent="0.2">
      <c r="B12" s="437" t="s">
        <v>9</v>
      </c>
      <c r="C12" s="257">
        <v>0</v>
      </c>
      <c r="D12" s="257">
        <v>0</v>
      </c>
      <c r="E12" s="254">
        <v>0</v>
      </c>
      <c r="F12" s="256">
        <v>0</v>
      </c>
      <c r="G12" s="257">
        <v>277</v>
      </c>
      <c r="H12" s="257">
        <v>168</v>
      </c>
      <c r="I12" s="257">
        <v>205</v>
      </c>
      <c r="J12" s="257">
        <v>38</v>
      </c>
      <c r="K12" s="257">
        <v>10</v>
      </c>
      <c r="L12" s="254">
        <v>698</v>
      </c>
      <c r="M12" s="259">
        <v>698</v>
      </c>
      <c r="N12" s="257">
        <v>0</v>
      </c>
      <c r="O12" s="257">
        <v>0</v>
      </c>
      <c r="P12" s="254">
        <v>0</v>
      </c>
      <c r="Q12" s="256">
        <v>0</v>
      </c>
      <c r="R12" s="257">
        <v>0</v>
      </c>
      <c r="S12" s="257">
        <v>3</v>
      </c>
      <c r="T12" s="257">
        <v>0</v>
      </c>
      <c r="U12" s="257">
        <v>0</v>
      </c>
      <c r="V12" s="257">
        <v>0</v>
      </c>
      <c r="W12" s="254">
        <v>3</v>
      </c>
      <c r="X12" s="259">
        <v>3</v>
      </c>
    </row>
    <row r="13" spans="2:24" ht="21" customHeight="1" x14ac:dyDescent="0.2">
      <c r="B13" s="437" t="s">
        <v>10</v>
      </c>
      <c r="C13" s="257">
        <v>0</v>
      </c>
      <c r="D13" s="257">
        <v>0</v>
      </c>
      <c r="E13" s="254">
        <v>0</v>
      </c>
      <c r="F13" s="256">
        <v>0</v>
      </c>
      <c r="G13" s="257">
        <v>258</v>
      </c>
      <c r="H13" s="257">
        <v>162</v>
      </c>
      <c r="I13" s="257">
        <v>24</v>
      </c>
      <c r="J13" s="257">
        <v>50</v>
      </c>
      <c r="K13" s="257">
        <v>4</v>
      </c>
      <c r="L13" s="254">
        <v>498</v>
      </c>
      <c r="M13" s="259">
        <v>498</v>
      </c>
      <c r="N13" s="257">
        <v>0</v>
      </c>
      <c r="O13" s="257">
        <v>0</v>
      </c>
      <c r="P13" s="254">
        <v>0</v>
      </c>
      <c r="Q13" s="256">
        <v>0</v>
      </c>
      <c r="R13" s="257">
        <v>0</v>
      </c>
      <c r="S13" s="257">
        <v>0</v>
      </c>
      <c r="T13" s="257">
        <v>18</v>
      </c>
      <c r="U13" s="257">
        <v>27</v>
      </c>
      <c r="V13" s="257">
        <v>0</v>
      </c>
      <c r="W13" s="254">
        <v>45</v>
      </c>
      <c r="X13" s="259">
        <v>45</v>
      </c>
    </row>
    <row r="14" spans="2:24" ht="21" customHeight="1" x14ac:dyDescent="0.2">
      <c r="B14" s="437" t="s">
        <v>11</v>
      </c>
      <c r="C14" s="257">
        <v>0</v>
      </c>
      <c r="D14" s="257">
        <v>0</v>
      </c>
      <c r="E14" s="254">
        <v>0</v>
      </c>
      <c r="F14" s="256">
        <v>0</v>
      </c>
      <c r="G14" s="257">
        <v>248</v>
      </c>
      <c r="H14" s="257">
        <v>26</v>
      </c>
      <c r="I14" s="257">
        <v>40</v>
      </c>
      <c r="J14" s="257">
        <v>44</v>
      </c>
      <c r="K14" s="257">
        <v>13</v>
      </c>
      <c r="L14" s="254">
        <v>371</v>
      </c>
      <c r="M14" s="259">
        <v>371</v>
      </c>
      <c r="N14" s="257">
        <v>0</v>
      </c>
      <c r="O14" s="257">
        <v>0</v>
      </c>
      <c r="P14" s="254">
        <v>0</v>
      </c>
      <c r="Q14" s="256">
        <v>0</v>
      </c>
      <c r="R14" s="257">
        <v>10</v>
      </c>
      <c r="S14" s="257">
        <v>0</v>
      </c>
      <c r="T14" s="257">
        <v>0</v>
      </c>
      <c r="U14" s="257">
        <v>0</v>
      </c>
      <c r="V14" s="257">
        <v>0</v>
      </c>
      <c r="W14" s="254">
        <v>10</v>
      </c>
      <c r="X14" s="259">
        <v>10</v>
      </c>
    </row>
    <row r="15" spans="2:24" ht="21" customHeight="1" x14ac:dyDescent="0.2">
      <c r="B15" s="437" t="s">
        <v>12</v>
      </c>
      <c r="C15" s="257">
        <v>0</v>
      </c>
      <c r="D15" s="257">
        <v>0</v>
      </c>
      <c r="E15" s="254">
        <v>0</v>
      </c>
      <c r="F15" s="256">
        <v>0</v>
      </c>
      <c r="G15" s="257">
        <v>126</v>
      </c>
      <c r="H15" s="257">
        <v>101</v>
      </c>
      <c r="I15" s="257">
        <v>58</v>
      </c>
      <c r="J15" s="257">
        <v>17</v>
      </c>
      <c r="K15" s="257">
        <v>14</v>
      </c>
      <c r="L15" s="254">
        <v>316</v>
      </c>
      <c r="M15" s="259">
        <v>316</v>
      </c>
      <c r="N15" s="257">
        <v>0</v>
      </c>
      <c r="O15" s="257">
        <v>0</v>
      </c>
      <c r="P15" s="254">
        <v>0</v>
      </c>
      <c r="Q15" s="256">
        <v>0</v>
      </c>
      <c r="R15" s="257">
        <v>0</v>
      </c>
      <c r="S15" s="257">
        <v>0</v>
      </c>
      <c r="T15" s="257">
        <v>0</v>
      </c>
      <c r="U15" s="257">
        <v>0</v>
      </c>
      <c r="V15" s="257">
        <v>0</v>
      </c>
      <c r="W15" s="254">
        <v>0</v>
      </c>
      <c r="X15" s="259">
        <v>0</v>
      </c>
    </row>
    <row r="16" spans="2:24" ht="21" customHeight="1" x14ac:dyDescent="0.2">
      <c r="B16" s="437" t="s">
        <v>13</v>
      </c>
      <c r="C16" s="257">
        <v>0</v>
      </c>
      <c r="D16" s="257">
        <v>0</v>
      </c>
      <c r="E16" s="254">
        <v>0</v>
      </c>
      <c r="F16" s="256">
        <v>0</v>
      </c>
      <c r="G16" s="257">
        <v>51</v>
      </c>
      <c r="H16" s="257">
        <v>100</v>
      </c>
      <c r="I16" s="257">
        <v>48</v>
      </c>
      <c r="J16" s="257">
        <v>28</v>
      </c>
      <c r="K16" s="257">
        <v>20</v>
      </c>
      <c r="L16" s="254">
        <v>247</v>
      </c>
      <c r="M16" s="259">
        <v>247</v>
      </c>
      <c r="N16" s="257">
        <v>0</v>
      </c>
      <c r="O16" s="257">
        <v>0</v>
      </c>
      <c r="P16" s="254">
        <v>0</v>
      </c>
      <c r="Q16" s="256">
        <v>0</v>
      </c>
      <c r="R16" s="257">
        <v>4</v>
      </c>
      <c r="S16" s="257">
        <v>0</v>
      </c>
      <c r="T16" s="257">
        <v>0</v>
      </c>
      <c r="U16" s="257">
        <v>0</v>
      </c>
      <c r="V16" s="257">
        <v>0</v>
      </c>
      <c r="W16" s="254">
        <v>4</v>
      </c>
      <c r="X16" s="259">
        <v>4</v>
      </c>
    </row>
    <row r="17" spans="2:24" ht="21" customHeight="1" x14ac:dyDescent="0.2">
      <c r="B17" s="437" t="s">
        <v>15</v>
      </c>
      <c r="C17" s="257">
        <v>0</v>
      </c>
      <c r="D17" s="257">
        <v>0</v>
      </c>
      <c r="E17" s="254">
        <v>0</v>
      </c>
      <c r="F17" s="256">
        <v>0</v>
      </c>
      <c r="G17" s="257">
        <v>40</v>
      </c>
      <c r="H17" s="257">
        <v>48</v>
      </c>
      <c r="I17" s="257">
        <v>3</v>
      </c>
      <c r="J17" s="257">
        <v>8</v>
      </c>
      <c r="K17" s="257">
        <v>12</v>
      </c>
      <c r="L17" s="254">
        <v>111</v>
      </c>
      <c r="M17" s="259">
        <v>111</v>
      </c>
      <c r="N17" s="257">
        <v>0</v>
      </c>
      <c r="O17" s="257">
        <v>0</v>
      </c>
      <c r="P17" s="254">
        <v>0</v>
      </c>
      <c r="Q17" s="256">
        <v>0</v>
      </c>
      <c r="R17" s="257">
        <v>0</v>
      </c>
      <c r="S17" s="257">
        <v>0</v>
      </c>
      <c r="T17" s="257">
        <v>0</v>
      </c>
      <c r="U17" s="257">
        <v>0</v>
      </c>
      <c r="V17" s="257">
        <v>0</v>
      </c>
      <c r="W17" s="254">
        <v>0</v>
      </c>
      <c r="X17" s="259">
        <v>0</v>
      </c>
    </row>
    <row r="18" spans="2:24" ht="21" customHeight="1" x14ac:dyDescent="0.2">
      <c r="B18" s="437" t="s">
        <v>16</v>
      </c>
      <c r="C18" s="257">
        <v>0</v>
      </c>
      <c r="D18" s="257">
        <v>0</v>
      </c>
      <c r="E18" s="254">
        <v>0</v>
      </c>
      <c r="F18" s="256">
        <v>0</v>
      </c>
      <c r="G18" s="257">
        <v>34</v>
      </c>
      <c r="H18" s="257">
        <v>65</v>
      </c>
      <c r="I18" s="257">
        <v>90</v>
      </c>
      <c r="J18" s="257">
        <v>4</v>
      </c>
      <c r="K18" s="257">
        <v>0</v>
      </c>
      <c r="L18" s="254">
        <v>193</v>
      </c>
      <c r="M18" s="259">
        <v>193</v>
      </c>
      <c r="N18" s="257">
        <v>0</v>
      </c>
      <c r="O18" s="257">
        <v>0</v>
      </c>
      <c r="P18" s="254">
        <v>0</v>
      </c>
      <c r="Q18" s="256">
        <v>0</v>
      </c>
      <c r="R18" s="257">
        <v>0</v>
      </c>
      <c r="S18" s="257">
        <v>9</v>
      </c>
      <c r="T18" s="257">
        <v>9</v>
      </c>
      <c r="U18" s="257">
        <v>0</v>
      </c>
      <c r="V18" s="257">
        <v>0</v>
      </c>
      <c r="W18" s="254">
        <v>18</v>
      </c>
      <c r="X18" s="259">
        <v>18</v>
      </c>
    </row>
    <row r="19" spans="2:24" ht="21" customHeight="1" x14ac:dyDescent="0.2">
      <c r="B19" s="437" t="s">
        <v>17</v>
      </c>
      <c r="C19" s="257">
        <v>0</v>
      </c>
      <c r="D19" s="257">
        <v>0</v>
      </c>
      <c r="E19" s="254">
        <v>0</v>
      </c>
      <c r="F19" s="256">
        <v>0</v>
      </c>
      <c r="G19" s="257">
        <v>139</v>
      </c>
      <c r="H19" s="257">
        <v>129</v>
      </c>
      <c r="I19" s="257">
        <v>61</v>
      </c>
      <c r="J19" s="257">
        <v>7</v>
      </c>
      <c r="K19" s="257">
        <v>7</v>
      </c>
      <c r="L19" s="254">
        <v>343</v>
      </c>
      <c r="M19" s="259">
        <v>343</v>
      </c>
      <c r="N19" s="257">
        <v>0</v>
      </c>
      <c r="O19" s="257">
        <v>0</v>
      </c>
      <c r="P19" s="254">
        <v>0</v>
      </c>
      <c r="Q19" s="256">
        <v>0</v>
      </c>
      <c r="R19" s="257">
        <v>0</v>
      </c>
      <c r="S19" s="257">
        <v>0</v>
      </c>
      <c r="T19" s="257">
        <v>0</v>
      </c>
      <c r="U19" s="257">
        <v>0</v>
      </c>
      <c r="V19" s="257">
        <v>6</v>
      </c>
      <c r="W19" s="254">
        <v>6</v>
      </c>
      <c r="X19" s="259">
        <v>6</v>
      </c>
    </row>
    <row r="20" spans="2:24" ht="21" customHeight="1" x14ac:dyDescent="0.2">
      <c r="B20" s="437" t="s">
        <v>18</v>
      </c>
      <c r="C20" s="257">
        <v>0</v>
      </c>
      <c r="D20" s="257">
        <v>0</v>
      </c>
      <c r="E20" s="254">
        <v>0</v>
      </c>
      <c r="F20" s="256">
        <v>0</v>
      </c>
      <c r="G20" s="257">
        <v>138</v>
      </c>
      <c r="H20" s="257">
        <v>71</v>
      </c>
      <c r="I20" s="257">
        <v>64</v>
      </c>
      <c r="J20" s="257">
        <v>24</v>
      </c>
      <c r="K20" s="257">
        <v>0</v>
      </c>
      <c r="L20" s="254">
        <v>297</v>
      </c>
      <c r="M20" s="259">
        <v>297</v>
      </c>
      <c r="N20" s="257">
        <v>0</v>
      </c>
      <c r="O20" s="257">
        <v>0</v>
      </c>
      <c r="P20" s="254">
        <v>0</v>
      </c>
      <c r="Q20" s="256">
        <v>0</v>
      </c>
      <c r="R20" s="257">
        <v>11</v>
      </c>
      <c r="S20" s="257">
        <v>0</v>
      </c>
      <c r="T20" s="257">
        <v>24</v>
      </c>
      <c r="U20" s="257">
        <v>16</v>
      </c>
      <c r="V20" s="257">
        <v>0</v>
      </c>
      <c r="W20" s="254">
        <v>51</v>
      </c>
      <c r="X20" s="259">
        <v>51</v>
      </c>
    </row>
    <row r="21" spans="2:24" ht="21" customHeight="1" x14ac:dyDescent="0.2">
      <c r="B21" s="437" t="s">
        <v>19</v>
      </c>
      <c r="C21" s="257">
        <v>0</v>
      </c>
      <c r="D21" s="257">
        <v>0</v>
      </c>
      <c r="E21" s="254">
        <v>0</v>
      </c>
      <c r="F21" s="256">
        <v>0</v>
      </c>
      <c r="G21" s="257">
        <v>55</v>
      </c>
      <c r="H21" s="257">
        <v>51</v>
      </c>
      <c r="I21" s="257">
        <v>9</v>
      </c>
      <c r="J21" s="257">
        <v>17</v>
      </c>
      <c r="K21" s="257">
        <v>0</v>
      </c>
      <c r="L21" s="254">
        <v>132</v>
      </c>
      <c r="M21" s="259">
        <v>132</v>
      </c>
      <c r="N21" s="257">
        <v>0</v>
      </c>
      <c r="O21" s="257">
        <v>0</v>
      </c>
      <c r="P21" s="254">
        <v>0</v>
      </c>
      <c r="Q21" s="256">
        <v>0</v>
      </c>
      <c r="R21" s="257">
        <v>9</v>
      </c>
      <c r="S21" s="257">
        <v>12</v>
      </c>
      <c r="T21" s="257">
        <v>0</v>
      </c>
      <c r="U21" s="257">
        <v>0</v>
      </c>
      <c r="V21" s="257">
        <v>0</v>
      </c>
      <c r="W21" s="254">
        <v>21</v>
      </c>
      <c r="X21" s="259">
        <v>21</v>
      </c>
    </row>
    <row r="22" spans="2:24" ht="21" customHeight="1" x14ac:dyDescent="0.2">
      <c r="B22" s="437" t="s">
        <v>20</v>
      </c>
      <c r="C22" s="257">
        <v>0</v>
      </c>
      <c r="D22" s="257">
        <v>0</v>
      </c>
      <c r="E22" s="254">
        <v>0</v>
      </c>
      <c r="F22" s="256">
        <v>0</v>
      </c>
      <c r="G22" s="257">
        <v>46</v>
      </c>
      <c r="H22" s="257">
        <v>38</v>
      </c>
      <c r="I22" s="257">
        <v>14</v>
      </c>
      <c r="J22" s="257">
        <v>0</v>
      </c>
      <c r="K22" s="257">
        <v>0</v>
      </c>
      <c r="L22" s="254">
        <v>98</v>
      </c>
      <c r="M22" s="259">
        <v>98</v>
      </c>
      <c r="N22" s="257">
        <v>0</v>
      </c>
      <c r="O22" s="257">
        <v>0</v>
      </c>
      <c r="P22" s="254">
        <v>0</v>
      </c>
      <c r="Q22" s="256">
        <v>0</v>
      </c>
      <c r="R22" s="257">
        <v>0</v>
      </c>
      <c r="S22" s="257">
        <v>0</v>
      </c>
      <c r="T22" s="257">
        <v>0</v>
      </c>
      <c r="U22" s="257">
        <v>0</v>
      </c>
      <c r="V22" s="257">
        <v>0</v>
      </c>
      <c r="W22" s="254">
        <v>0</v>
      </c>
      <c r="X22" s="259">
        <v>0</v>
      </c>
    </row>
    <row r="23" spans="2:24" ht="21" customHeight="1" x14ac:dyDescent="0.2">
      <c r="B23" s="437" t="s">
        <v>21</v>
      </c>
      <c r="C23" s="257">
        <v>0</v>
      </c>
      <c r="D23" s="257">
        <v>0</v>
      </c>
      <c r="E23" s="254">
        <v>0</v>
      </c>
      <c r="F23" s="256">
        <v>0</v>
      </c>
      <c r="G23" s="257">
        <v>79</v>
      </c>
      <c r="H23" s="257">
        <v>15</v>
      </c>
      <c r="I23" s="257">
        <v>16</v>
      </c>
      <c r="J23" s="257">
        <v>4</v>
      </c>
      <c r="K23" s="257">
        <v>0</v>
      </c>
      <c r="L23" s="254">
        <v>114</v>
      </c>
      <c r="M23" s="259">
        <v>114</v>
      </c>
      <c r="N23" s="257">
        <v>0</v>
      </c>
      <c r="O23" s="257">
        <v>0</v>
      </c>
      <c r="P23" s="254">
        <v>0</v>
      </c>
      <c r="Q23" s="256">
        <v>0</v>
      </c>
      <c r="R23" s="257">
        <v>0</v>
      </c>
      <c r="S23" s="257">
        <v>0</v>
      </c>
      <c r="T23" s="257">
        <v>0</v>
      </c>
      <c r="U23" s="257">
        <v>0</v>
      </c>
      <c r="V23" s="257">
        <v>0</v>
      </c>
      <c r="W23" s="254">
        <v>0</v>
      </c>
      <c r="X23" s="259">
        <v>0</v>
      </c>
    </row>
    <row r="24" spans="2:24" ht="21" customHeight="1" x14ac:dyDescent="0.2">
      <c r="B24" s="437" t="s">
        <v>22</v>
      </c>
      <c r="C24" s="257">
        <v>0</v>
      </c>
      <c r="D24" s="257">
        <v>0</v>
      </c>
      <c r="E24" s="254">
        <v>0</v>
      </c>
      <c r="F24" s="256">
        <v>0</v>
      </c>
      <c r="G24" s="257">
        <v>73</v>
      </c>
      <c r="H24" s="257">
        <v>47</v>
      </c>
      <c r="I24" s="257">
        <v>8</v>
      </c>
      <c r="J24" s="257">
        <v>11</v>
      </c>
      <c r="K24" s="257">
        <v>0</v>
      </c>
      <c r="L24" s="254">
        <v>139</v>
      </c>
      <c r="M24" s="259">
        <v>139</v>
      </c>
      <c r="N24" s="257">
        <v>0</v>
      </c>
      <c r="O24" s="257">
        <v>0</v>
      </c>
      <c r="P24" s="254">
        <v>0</v>
      </c>
      <c r="Q24" s="256">
        <v>0</v>
      </c>
      <c r="R24" s="257">
        <v>0</v>
      </c>
      <c r="S24" s="257">
        <v>0</v>
      </c>
      <c r="T24" s="257">
        <v>8</v>
      </c>
      <c r="U24" s="257">
        <v>0</v>
      </c>
      <c r="V24" s="257">
        <v>0</v>
      </c>
      <c r="W24" s="254">
        <v>8</v>
      </c>
      <c r="X24" s="259">
        <v>8</v>
      </c>
    </row>
    <row r="25" spans="2:24" ht="21" customHeight="1" x14ac:dyDescent="0.2">
      <c r="B25" s="437" t="s">
        <v>23</v>
      </c>
      <c r="C25" s="257">
        <v>0</v>
      </c>
      <c r="D25" s="257">
        <v>0</v>
      </c>
      <c r="E25" s="254">
        <v>0</v>
      </c>
      <c r="F25" s="256">
        <v>0</v>
      </c>
      <c r="G25" s="257">
        <v>8</v>
      </c>
      <c r="H25" s="257">
        <v>10</v>
      </c>
      <c r="I25" s="257">
        <v>22</v>
      </c>
      <c r="J25" s="257">
        <v>0</v>
      </c>
      <c r="K25" s="257">
        <v>0</v>
      </c>
      <c r="L25" s="254">
        <v>40</v>
      </c>
      <c r="M25" s="259">
        <v>40</v>
      </c>
      <c r="N25" s="257">
        <v>0</v>
      </c>
      <c r="O25" s="257">
        <v>0</v>
      </c>
      <c r="P25" s="254">
        <v>0</v>
      </c>
      <c r="Q25" s="256">
        <v>0</v>
      </c>
      <c r="R25" s="257">
        <v>0</v>
      </c>
      <c r="S25" s="257">
        <v>0</v>
      </c>
      <c r="T25" s="257">
        <v>0</v>
      </c>
      <c r="U25" s="257">
        <v>0</v>
      </c>
      <c r="V25" s="257">
        <v>0</v>
      </c>
      <c r="W25" s="254">
        <v>0</v>
      </c>
      <c r="X25" s="259">
        <v>0</v>
      </c>
    </row>
    <row r="26" spans="2:24" ht="21" customHeight="1" x14ac:dyDescent="0.2">
      <c r="B26" s="437" t="s">
        <v>24</v>
      </c>
      <c r="C26" s="257">
        <v>0</v>
      </c>
      <c r="D26" s="257">
        <v>0</v>
      </c>
      <c r="E26" s="254">
        <v>0</v>
      </c>
      <c r="F26" s="256">
        <v>0</v>
      </c>
      <c r="G26" s="257">
        <v>0</v>
      </c>
      <c r="H26" s="257">
        <v>4</v>
      </c>
      <c r="I26" s="257">
        <v>0</v>
      </c>
      <c r="J26" s="257">
        <v>13</v>
      </c>
      <c r="K26" s="257">
        <v>0</v>
      </c>
      <c r="L26" s="254">
        <v>17</v>
      </c>
      <c r="M26" s="259">
        <v>17</v>
      </c>
      <c r="N26" s="257">
        <v>0</v>
      </c>
      <c r="O26" s="257">
        <v>0</v>
      </c>
      <c r="P26" s="254">
        <v>0</v>
      </c>
      <c r="Q26" s="256">
        <v>0</v>
      </c>
      <c r="R26" s="257">
        <v>0</v>
      </c>
      <c r="S26" s="257">
        <v>6</v>
      </c>
      <c r="T26" s="257">
        <v>7</v>
      </c>
      <c r="U26" s="257">
        <v>0</v>
      </c>
      <c r="V26" s="257">
        <v>6</v>
      </c>
      <c r="W26" s="254">
        <v>19</v>
      </c>
      <c r="X26" s="259">
        <v>19</v>
      </c>
    </row>
    <row r="27" spans="2:24" ht="21" customHeight="1" x14ac:dyDescent="0.2">
      <c r="B27" s="437" t="s">
        <v>25</v>
      </c>
      <c r="C27" s="257">
        <v>0</v>
      </c>
      <c r="D27" s="257">
        <v>0</v>
      </c>
      <c r="E27" s="254">
        <v>0</v>
      </c>
      <c r="F27" s="256">
        <v>0</v>
      </c>
      <c r="G27" s="257">
        <v>30</v>
      </c>
      <c r="H27" s="257">
        <v>10</v>
      </c>
      <c r="I27" s="257">
        <v>0</v>
      </c>
      <c r="J27" s="257">
        <v>0</v>
      </c>
      <c r="K27" s="257">
        <v>0</v>
      </c>
      <c r="L27" s="254">
        <v>40</v>
      </c>
      <c r="M27" s="259">
        <v>40</v>
      </c>
      <c r="N27" s="257">
        <v>0</v>
      </c>
      <c r="O27" s="257">
        <v>0</v>
      </c>
      <c r="P27" s="254">
        <v>0</v>
      </c>
      <c r="Q27" s="256">
        <v>0</v>
      </c>
      <c r="R27" s="257">
        <v>0</v>
      </c>
      <c r="S27" s="257">
        <v>0</v>
      </c>
      <c r="T27" s="257">
        <v>0</v>
      </c>
      <c r="U27" s="257">
        <v>0</v>
      </c>
      <c r="V27" s="257">
        <v>0</v>
      </c>
      <c r="W27" s="254">
        <v>0</v>
      </c>
      <c r="X27" s="259">
        <v>0</v>
      </c>
    </row>
    <row r="28" spans="2:24" ht="21" customHeight="1" x14ac:dyDescent="0.2">
      <c r="B28" s="437" t="s">
        <v>26</v>
      </c>
      <c r="C28" s="257">
        <v>0</v>
      </c>
      <c r="D28" s="257">
        <v>0</v>
      </c>
      <c r="E28" s="254">
        <v>0</v>
      </c>
      <c r="F28" s="256">
        <v>0</v>
      </c>
      <c r="G28" s="257">
        <v>5</v>
      </c>
      <c r="H28" s="257">
        <v>17</v>
      </c>
      <c r="I28" s="257">
        <v>22</v>
      </c>
      <c r="J28" s="257">
        <v>0</v>
      </c>
      <c r="K28" s="257">
        <v>4</v>
      </c>
      <c r="L28" s="254">
        <v>48</v>
      </c>
      <c r="M28" s="259">
        <v>48</v>
      </c>
      <c r="N28" s="257">
        <v>0</v>
      </c>
      <c r="O28" s="257">
        <v>0</v>
      </c>
      <c r="P28" s="254">
        <v>0</v>
      </c>
      <c r="Q28" s="256">
        <v>0</v>
      </c>
      <c r="R28" s="257">
        <v>0</v>
      </c>
      <c r="S28" s="257">
        <v>0</v>
      </c>
      <c r="T28" s="257">
        <v>0</v>
      </c>
      <c r="U28" s="257">
        <v>0</v>
      </c>
      <c r="V28" s="257">
        <v>0</v>
      </c>
      <c r="W28" s="254">
        <v>0</v>
      </c>
      <c r="X28" s="259">
        <v>0</v>
      </c>
    </row>
    <row r="29" spans="2:24" ht="21" customHeight="1" x14ac:dyDescent="0.2">
      <c r="B29" s="437" t="s">
        <v>27</v>
      </c>
      <c r="C29" s="257">
        <v>0</v>
      </c>
      <c r="D29" s="257">
        <v>0</v>
      </c>
      <c r="E29" s="254">
        <v>0</v>
      </c>
      <c r="F29" s="256">
        <v>0</v>
      </c>
      <c r="G29" s="257">
        <v>29</v>
      </c>
      <c r="H29" s="257">
        <v>14</v>
      </c>
      <c r="I29" s="257">
        <v>0</v>
      </c>
      <c r="J29" s="257">
        <v>0</v>
      </c>
      <c r="K29" s="257">
        <v>0</v>
      </c>
      <c r="L29" s="254">
        <v>43</v>
      </c>
      <c r="M29" s="259">
        <v>43</v>
      </c>
      <c r="N29" s="257">
        <v>0</v>
      </c>
      <c r="O29" s="257">
        <v>0</v>
      </c>
      <c r="P29" s="254">
        <v>0</v>
      </c>
      <c r="Q29" s="256">
        <v>0</v>
      </c>
      <c r="R29" s="257">
        <v>0</v>
      </c>
      <c r="S29" s="257">
        <v>3</v>
      </c>
      <c r="T29" s="257">
        <v>9</v>
      </c>
      <c r="U29" s="257">
        <v>0</v>
      </c>
      <c r="V29" s="257">
        <v>0</v>
      </c>
      <c r="W29" s="254">
        <v>12</v>
      </c>
      <c r="X29" s="259">
        <v>12</v>
      </c>
    </row>
    <row r="30" spans="2:24" ht="21" customHeight="1" x14ac:dyDescent="0.2">
      <c r="B30" s="437" t="s">
        <v>28</v>
      </c>
      <c r="C30" s="257">
        <v>0</v>
      </c>
      <c r="D30" s="257">
        <v>0</v>
      </c>
      <c r="E30" s="254">
        <v>0</v>
      </c>
      <c r="F30" s="256">
        <v>0</v>
      </c>
      <c r="G30" s="257">
        <v>44</v>
      </c>
      <c r="H30" s="257">
        <v>0</v>
      </c>
      <c r="I30" s="257">
        <v>0</v>
      </c>
      <c r="J30" s="257">
        <v>0</v>
      </c>
      <c r="K30" s="257">
        <v>0</v>
      </c>
      <c r="L30" s="254">
        <v>44</v>
      </c>
      <c r="M30" s="259">
        <v>44</v>
      </c>
      <c r="N30" s="257">
        <v>0</v>
      </c>
      <c r="O30" s="257">
        <v>0</v>
      </c>
      <c r="P30" s="254">
        <v>0</v>
      </c>
      <c r="Q30" s="256">
        <v>0</v>
      </c>
      <c r="R30" s="257">
        <v>0</v>
      </c>
      <c r="S30" s="257">
        <v>0</v>
      </c>
      <c r="T30" s="257">
        <v>0</v>
      </c>
      <c r="U30" s="257">
        <v>0</v>
      </c>
      <c r="V30" s="257">
        <v>0</v>
      </c>
      <c r="W30" s="254">
        <v>0</v>
      </c>
      <c r="X30" s="259">
        <v>0</v>
      </c>
    </row>
    <row r="31" spans="2:24" ht="21" customHeight="1" x14ac:dyDescent="0.2">
      <c r="B31" s="437" t="s">
        <v>29</v>
      </c>
      <c r="C31" s="257">
        <v>0</v>
      </c>
      <c r="D31" s="257">
        <v>0</v>
      </c>
      <c r="E31" s="254">
        <v>0</v>
      </c>
      <c r="F31" s="256">
        <v>0</v>
      </c>
      <c r="G31" s="257">
        <v>11</v>
      </c>
      <c r="H31" s="257">
        <v>0</v>
      </c>
      <c r="I31" s="257">
        <v>0</v>
      </c>
      <c r="J31" s="257">
        <v>2</v>
      </c>
      <c r="K31" s="257">
        <v>0</v>
      </c>
      <c r="L31" s="254">
        <v>13</v>
      </c>
      <c r="M31" s="259">
        <v>13</v>
      </c>
      <c r="N31" s="257">
        <v>0</v>
      </c>
      <c r="O31" s="257">
        <v>0</v>
      </c>
      <c r="P31" s="254">
        <v>0</v>
      </c>
      <c r="Q31" s="256">
        <v>0</v>
      </c>
      <c r="R31" s="257">
        <v>0</v>
      </c>
      <c r="S31" s="257">
        <v>0</v>
      </c>
      <c r="T31" s="257">
        <v>0</v>
      </c>
      <c r="U31" s="257">
        <v>0</v>
      </c>
      <c r="V31" s="257">
        <v>0</v>
      </c>
      <c r="W31" s="254">
        <v>0</v>
      </c>
      <c r="X31" s="259">
        <v>0</v>
      </c>
    </row>
    <row r="32" spans="2:24" ht="21" customHeight="1" x14ac:dyDescent="0.2">
      <c r="B32" s="437" t="s">
        <v>30</v>
      </c>
      <c r="C32" s="257">
        <v>0</v>
      </c>
      <c r="D32" s="257">
        <v>0</v>
      </c>
      <c r="E32" s="254">
        <v>0</v>
      </c>
      <c r="F32" s="256">
        <v>0</v>
      </c>
      <c r="G32" s="257">
        <v>12</v>
      </c>
      <c r="H32" s="257">
        <v>0</v>
      </c>
      <c r="I32" s="257">
        <v>0</v>
      </c>
      <c r="J32" s="257">
        <v>0</v>
      </c>
      <c r="K32" s="257">
        <v>0</v>
      </c>
      <c r="L32" s="254">
        <v>12</v>
      </c>
      <c r="M32" s="259">
        <v>12</v>
      </c>
      <c r="N32" s="257">
        <v>0</v>
      </c>
      <c r="O32" s="257">
        <v>0</v>
      </c>
      <c r="P32" s="254">
        <v>0</v>
      </c>
      <c r="Q32" s="256">
        <v>0</v>
      </c>
      <c r="R32" s="257">
        <v>0</v>
      </c>
      <c r="S32" s="257">
        <v>5</v>
      </c>
      <c r="T32" s="257">
        <v>0</v>
      </c>
      <c r="U32" s="257">
        <v>0</v>
      </c>
      <c r="V32" s="257">
        <v>0</v>
      </c>
      <c r="W32" s="254">
        <v>5</v>
      </c>
      <c r="X32" s="259">
        <v>5</v>
      </c>
    </row>
    <row r="33" spans="2:24" ht="21" customHeight="1" x14ac:dyDescent="0.2">
      <c r="B33" s="437" t="s">
        <v>31</v>
      </c>
      <c r="C33" s="257">
        <v>0</v>
      </c>
      <c r="D33" s="257">
        <v>0</v>
      </c>
      <c r="E33" s="254">
        <v>0</v>
      </c>
      <c r="F33" s="256">
        <v>0</v>
      </c>
      <c r="G33" s="257">
        <v>14</v>
      </c>
      <c r="H33" s="257">
        <v>10</v>
      </c>
      <c r="I33" s="257">
        <v>9</v>
      </c>
      <c r="J33" s="257">
        <v>0</v>
      </c>
      <c r="K33" s="257">
        <v>0</v>
      </c>
      <c r="L33" s="254">
        <v>33</v>
      </c>
      <c r="M33" s="259">
        <v>33</v>
      </c>
      <c r="N33" s="257">
        <v>0</v>
      </c>
      <c r="O33" s="257">
        <v>0</v>
      </c>
      <c r="P33" s="254">
        <v>0</v>
      </c>
      <c r="Q33" s="256">
        <v>0</v>
      </c>
      <c r="R33" s="257">
        <v>0</v>
      </c>
      <c r="S33" s="257">
        <v>0</v>
      </c>
      <c r="T33" s="257">
        <v>0</v>
      </c>
      <c r="U33" s="257">
        <v>0</v>
      </c>
      <c r="V33" s="257">
        <v>0</v>
      </c>
      <c r="W33" s="254">
        <v>0</v>
      </c>
      <c r="X33" s="259">
        <v>0</v>
      </c>
    </row>
    <row r="34" spans="2:24" ht="21" customHeight="1" x14ac:dyDescent="0.2">
      <c r="B34" s="437" t="s">
        <v>32</v>
      </c>
      <c r="C34" s="257">
        <v>0</v>
      </c>
      <c r="D34" s="257">
        <v>0</v>
      </c>
      <c r="E34" s="254">
        <v>0</v>
      </c>
      <c r="F34" s="256">
        <v>0</v>
      </c>
      <c r="G34" s="257">
        <v>21</v>
      </c>
      <c r="H34" s="257">
        <v>0</v>
      </c>
      <c r="I34" s="257">
        <v>0</v>
      </c>
      <c r="J34" s="257">
        <v>0</v>
      </c>
      <c r="K34" s="257">
        <v>0</v>
      </c>
      <c r="L34" s="254">
        <v>21</v>
      </c>
      <c r="M34" s="259">
        <v>21</v>
      </c>
      <c r="N34" s="257">
        <v>0</v>
      </c>
      <c r="O34" s="257">
        <v>0</v>
      </c>
      <c r="P34" s="254">
        <v>0</v>
      </c>
      <c r="Q34" s="256">
        <v>0</v>
      </c>
      <c r="R34" s="257">
        <v>17</v>
      </c>
      <c r="S34" s="257">
        <v>0</v>
      </c>
      <c r="T34" s="257">
        <v>0</v>
      </c>
      <c r="U34" s="257">
        <v>0</v>
      </c>
      <c r="V34" s="257">
        <v>0</v>
      </c>
      <c r="W34" s="254">
        <v>17</v>
      </c>
      <c r="X34" s="259">
        <v>17</v>
      </c>
    </row>
    <row r="35" spans="2:24" ht="21" customHeight="1" x14ac:dyDescent="0.2">
      <c r="B35" s="437" t="s">
        <v>33</v>
      </c>
      <c r="C35" s="257">
        <v>0</v>
      </c>
      <c r="D35" s="257">
        <v>0</v>
      </c>
      <c r="E35" s="254">
        <v>0</v>
      </c>
      <c r="F35" s="256">
        <v>0</v>
      </c>
      <c r="G35" s="257">
        <v>10</v>
      </c>
      <c r="H35" s="257">
        <v>0</v>
      </c>
      <c r="I35" s="257">
        <v>7</v>
      </c>
      <c r="J35" s="257">
        <v>8</v>
      </c>
      <c r="K35" s="257">
        <v>0</v>
      </c>
      <c r="L35" s="254">
        <v>25</v>
      </c>
      <c r="M35" s="259">
        <v>25</v>
      </c>
      <c r="N35" s="257">
        <v>0</v>
      </c>
      <c r="O35" s="257">
        <v>0</v>
      </c>
      <c r="P35" s="254">
        <v>0</v>
      </c>
      <c r="Q35" s="256">
        <v>0</v>
      </c>
      <c r="R35" s="257">
        <v>0</v>
      </c>
      <c r="S35" s="257">
        <v>0</v>
      </c>
      <c r="T35" s="257">
        <v>0</v>
      </c>
      <c r="U35" s="257">
        <v>0</v>
      </c>
      <c r="V35" s="257">
        <v>0</v>
      </c>
      <c r="W35" s="254">
        <v>0</v>
      </c>
      <c r="X35" s="259">
        <v>0</v>
      </c>
    </row>
    <row r="36" spans="2:24" ht="21" customHeight="1" x14ac:dyDescent="0.2">
      <c r="B36" s="437" t="s">
        <v>34</v>
      </c>
      <c r="C36" s="257">
        <v>0</v>
      </c>
      <c r="D36" s="257">
        <v>0</v>
      </c>
      <c r="E36" s="254">
        <v>0</v>
      </c>
      <c r="F36" s="256">
        <v>0</v>
      </c>
      <c r="G36" s="257">
        <v>0</v>
      </c>
      <c r="H36" s="257">
        <v>0</v>
      </c>
      <c r="I36" s="257">
        <v>0</v>
      </c>
      <c r="J36" s="257">
        <v>0</v>
      </c>
      <c r="K36" s="257">
        <v>0</v>
      </c>
      <c r="L36" s="254">
        <v>0</v>
      </c>
      <c r="M36" s="259">
        <v>0</v>
      </c>
      <c r="N36" s="257">
        <v>0</v>
      </c>
      <c r="O36" s="257">
        <v>0</v>
      </c>
      <c r="P36" s="254">
        <v>0</v>
      </c>
      <c r="Q36" s="256">
        <v>0</v>
      </c>
      <c r="R36" s="257">
        <v>0</v>
      </c>
      <c r="S36" s="257">
        <v>0</v>
      </c>
      <c r="T36" s="257">
        <v>0</v>
      </c>
      <c r="U36" s="257">
        <v>0</v>
      </c>
      <c r="V36" s="257">
        <v>0</v>
      </c>
      <c r="W36" s="254">
        <v>0</v>
      </c>
      <c r="X36" s="259">
        <v>0</v>
      </c>
    </row>
    <row r="37" spans="2:24" ht="21" customHeight="1" x14ac:dyDescent="0.2">
      <c r="B37" s="437" t="s">
        <v>35</v>
      </c>
      <c r="C37" s="257">
        <v>0</v>
      </c>
      <c r="D37" s="257">
        <v>0</v>
      </c>
      <c r="E37" s="254">
        <v>0</v>
      </c>
      <c r="F37" s="256">
        <v>0</v>
      </c>
      <c r="G37" s="257">
        <v>0</v>
      </c>
      <c r="H37" s="257">
        <v>0</v>
      </c>
      <c r="I37" s="257">
        <v>0</v>
      </c>
      <c r="J37" s="257">
        <v>0</v>
      </c>
      <c r="K37" s="257">
        <v>0</v>
      </c>
      <c r="L37" s="254">
        <v>0</v>
      </c>
      <c r="M37" s="259">
        <v>0</v>
      </c>
      <c r="N37" s="257">
        <v>0</v>
      </c>
      <c r="O37" s="257">
        <v>0</v>
      </c>
      <c r="P37" s="254">
        <v>0</v>
      </c>
      <c r="Q37" s="256">
        <v>0</v>
      </c>
      <c r="R37" s="257">
        <v>0</v>
      </c>
      <c r="S37" s="257">
        <v>0</v>
      </c>
      <c r="T37" s="257">
        <v>0</v>
      </c>
      <c r="U37" s="257">
        <v>0</v>
      </c>
      <c r="V37" s="257">
        <v>0</v>
      </c>
      <c r="W37" s="254">
        <v>0</v>
      </c>
      <c r="X37" s="259">
        <v>0</v>
      </c>
    </row>
    <row r="38" spans="2:24" ht="21" customHeight="1" x14ac:dyDescent="0.2">
      <c r="B38" s="437" t="s">
        <v>36</v>
      </c>
      <c r="C38" s="257">
        <v>0</v>
      </c>
      <c r="D38" s="257">
        <v>0</v>
      </c>
      <c r="E38" s="254">
        <v>0</v>
      </c>
      <c r="F38" s="256">
        <v>0</v>
      </c>
      <c r="G38" s="257">
        <v>8</v>
      </c>
      <c r="H38" s="257">
        <v>0</v>
      </c>
      <c r="I38" s="257">
        <v>0</v>
      </c>
      <c r="J38" s="257">
        <v>0</v>
      </c>
      <c r="K38" s="257">
        <v>0</v>
      </c>
      <c r="L38" s="254">
        <v>8</v>
      </c>
      <c r="M38" s="259">
        <v>8</v>
      </c>
      <c r="N38" s="257">
        <v>0</v>
      </c>
      <c r="O38" s="257">
        <v>0</v>
      </c>
      <c r="P38" s="254">
        <v>0</v>
      </c>
      <c r="Q38" s="256">
        <v>0</v>
      </c>
      <c r="R38" s="257">
        <v>0</v>
      </c>
      <c r="S38" s="257">
        <v>0</v>
      </c>
      <c r="T38" s="257">
        <v>0</v>
      </c>
      <c r="U38" s="257">
        <v>0</v>
      </c>
      <c r="V38" s="257">
        <v>0</v>
      </c>
      <c r="W38" s="254">
        <v>0</v>
      </c>
      <c r="X38" s="259">
        <v>0</v>
      </c>
    </row>
    <row r="39" spans="2:24" ht="21" customHeight="1" thickBot="1" x14ac:dyDescent="0.25">
      <c r="B39" s="438" t="s">
        <v>37</v>
      </c>
      <c r="C39" s="264">
        <v>0</v>
      </c>
      <c r="D39" s="264">
        <v>0</v>
      </c>
      <c r="E39" s="261">
        <v>0</v>
      </c>
      <c r="F39" s="263">
        <v>0</v>
      </c>
      <c r="G39" s="264">
        <v>0</v>
      </c>
      <c r="H39" s="264">
        <v>0</v>
      </c>
      <c r="I39" s="264">
        <v>0</v>
      </c>
      <c r="J39" s="264">
        <v>0</v>
      </c>
      <c r="K39" s="264">
        <v>13</v>
      </c>
      <c r="L39" s="261">
        <v>13</v>
      </c>
      <c r="M39" s="266">
        <v>13</v>
      </c>
      <c r="N39" s="264">
        <v>0</v>
      </c>
      <c r="O39" s="264">
        <v>0</v>
      </c>
      <c r="P39" s="261">
        <v>0</v>
      </c>
      <c r="Q39" s="263">
        <v>0</v>
      </c>
      <c r="R39" s="264">
        <v>0</v>
      </c>
      <c r="S39" s="264">
        <v>0</v>
      </c>
      <c r="T39" s="264">
        <v>0</v>
      </c>
      <c r="U39" s="264">
        <v>0</v>
      </c>
      <c r="V39" s="264">
        <v>0</v>
      </c>
      <c r="W39" s="261">
        <v>0</v>
      </c>
      <c r="X39" s="266">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9" style="1" customWidth="1"/>
    <col min="4" max="4" width="8.109375" style="1" customWidth="1"/>
    <col min="5" max="5" width="10.109375" style="1" bestFit="1" customWidth="1"/>
    <col min="6" max="6" width="9" style="1"/>
    <col min="7" max="8" width="9" style="1" customWidth="1"/>
    <col min="9"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15" t="s">
        <v>56</v>
      </c>
      <c r="F1" s="495">
        <f>第１表!F2</f>
        <v>6</v>
      </c>
      <c r="G1" s="495"/>
      <c r="H1" s="231">
        <f>第１表!G2</f>
        <v>2</v>
      </c>
      <c r="I1" s="525">
        <f>IF(H1&lt;3,H1-2+12,H1-2)</f>
        <v>12</v>
      </c>
      <c r="J1" s="525"/>
    </row>
    <row r="2" spans="2:133" ht="24" customHeight="1" thickBot="1" x14ac:dyDescent="0.25"/>
    <row r="3" spans="2:133" ht="21" customHeight="1" thickBot="1" x14ac:dyDescent="0.25">
      <c r="B3" s="571"/>
      <c r="C3" s="561" t="s">
        <v>57</v>
      </c>
      <c r="D3" s="562"/>
      <c r="E3" s="562"/>
      <c r="F3" s="562"/>
      <c r="G3" s="562"/>
      <c r="H3" s="562"/>
      <c r="I3" s="562"/>
      <c r="J3" s="562"/>
      <c r="K3" s="562"/>
      <c r="L3" s="562"/>
      <c r="M3" s="562"/>
      <c r="N3" s="562"/>
      <c r="O3" s="562"/>
      <c r="P3" s="562"/>
      <c r="Q3" s="562"/>
      <c r="R3" s="562"/>
      <c r="S3" s="562"/>
      <c r="T3" s="562"/>
      <c r="U3" s="562"/>
      <c r="V3" s="562"/>
      <c r="W3" s="562"/>
      <c r="X3" s="562"/>
      <c r="Y3" s="562"/>
      <c r="Z3" s="562"/>
      <c r="AA3" s="562"/>
      <c r="AB3" s="562"/>
      <c r="AC3" s="562"/>
      <c r="AD3" s="562"/>
      <c r="AE3" s="562"/>
      <c r="AF3" s="563"/>
      <c r="AG3" s="561" t="s">
        <v>58</v>
      </c>
      <c r="AH3" s="574"/>
      <c r="AI3" s="574"/>
      <c r="AJ3" s="574"/>
      <c r="AK3" s="574"/>
      <c r="AL3" s="574"/>
      <c r="AM3" s="574"/>
      <c r="AN3" s="574"/>
      <c r="AO3" s="574"/>
      <c r="AP3" s="574"/>
      <c r="AQ3" s="574"/>
      <c r="AR3" s="574"/>
      <c r="AS3" s="574"/>
      <c r="AT3" s="574"/>
      <c r="AU3" s="574"/>
      <c r="AV3" s="574"/>
      <c r="AW3" s="574"/>
      <c r="AX3" s="574"/>
      <c r="AY3" s="574"/>
      <c r="AZ3" s="574"/>
      <c r="BA3" s="574"/>
      <c r="BB3" s="574"/>
      <c r="BC3" s="574"/>
      <c r="BD3" s="574"/>
      <c r="BE3" s="574"/>
      <c r="BF3" s="574"/>
      <c r="BG3" s="574"/>
      <c r="BH3" s="574"/>
      <c r="BI3" s="574"/>
      <c r="BJ3" s="575"/>
      <c r="BK3" s="561" t="s">
        <v>59</v>
      </c>
      <c r="BL3" s="562"/>
      <c r="BM3" s="562"/>
      <c r="BN3" s="562"/>
      <c r="BO3" s="562"/>
      <c r="BP3" s="562"/>
      <c r="BQ3" s="562"/>
      <c r="BR3" s="562"/>
      <c r="BS3" s="562"/>
      <c r="BT3" s="562"/>
      <c r="BU3" s="562"/>
      <c r="BV3" s="562"/>
      <c r="BW3" s="562"/>
      <c r="BX3" s="562"/>
      <c r="BY3" s="562"/>
      <c r="BZ3" s="562"/>
      <c r="CA3" s="562"/>
      <c r="CB3" s="562"/>
      <c r="CC3" s="562"/>
      <c r="CD3" s="562"/>
      <c r="CE3" s="562"/>
      <c r="CF3" s="562"/>
      <c r="CG3" s="562"/>
      <c r="CH3" s="562"/>
      <c r="CI3" s="562"/>
      <c r="CJ3" s="562"/>
      <c r="CK3" s="562"/>
      <c r="CL3" s="562"/>
      <c r="CM3" s="562"/>
      <c r="CN3" s="563"/>
      <c r="CO3" s="570" t="s">
        <v>149</v>
      </c>
      <c r="CP3" s="562"/>
      <c r="CQ3" s="562"/>
      <c r="CR3" s="562"/>
      <c r="CS3" s="562"/>
      <c r="CT3" s="562"/>
      <c r="CU3" s="562"/>
      <c r="CV3" s="562"/>
      <c r="CW3" s="562"/>
      <c r="CX3" s="562"/>
      <c r="CY3" s="562"/>
      <c r="CZ3" s="562"/>
      <c r="DA3" s="562"/>
      <c r="DB3" s="562"/>
      <c r="DC3" s="562"/>
      <c r="DD3" s="562"/>
      <c r="DE3" s="562"/>
      <c r="DF3" s="562"/>
      <c r="DG3" s="562"/>
      <c r="DH3" s="562"/>
      <c r="DI3" s="562"/>
      <c r="DJ3" s="562"/>
      <c r="DK3" s="562"/>
      <c r="DL3" s="562"/>
      <c r="DM3" s="562"/>
      <c r="DN3" s="562"/>
      <c r="DO3" s="562"/>
      <c r="DP3" s="562"/>
      <c r="DQ3" s="562"/>
      <c r="DR3" s="563"/>
      <c r="DS3" s="564" t="s">
        <v>60</v>
      </c>
      <c r="DT3" s="474"/>
      <c r="DU3" s="474"/>
      <c r="DV3" s="474"/>
      <c r="DW3" s="474"/>
      <c r="DX3" s="474"/>
      <c r="DY3" s="474"/>
      <c r="DZ3" s="474"/>
      <c r="EA3" s="474"/>
      <c r="EB3" s="475"/>
    </row>
    <row r="4" spans="2:133" ht="21" customHeight="1" thickBot="1" x14ac:dyDescent="0.25">
      <c r="B4" s="572"/>
      <c r="C4" s="565"/>
      <c r="D4" s="556"/>
      <c r="E4" s="556"/>
      <c r="F4" s="556"/>
      <c r="G4" s="556"/>
      <c r="H4" s="556"/>
      <c r="I4" s="556"/>
      <c r="J4" s="556"/>
      <c r="K4" s="556"/>
      <c r="L4" s="556"/>
      <c r="M4" s="567" t="s">
        <v>39</v>
      </c>
      <c r="N4" s="568"/>
      <c r="O4" s="568"/>
      <c r="P4" s="568"/>
      <c r="Q4" s="568"/>
      <c r="R4" s="568"/>
      <c r="S4" s="568"/>
      <c r="T4" s="568"/>
      <c r="U4" s="568"/>
      <c r="V4" s="569"/>
      <c r="W4" s="567" t="s">
        <v>40</v>
      </c>
      <c r="X4" s="568"/>
      <c r="Y4" s="568"/>
      <c r="Z4" s="568"/>
      <c r="AA4" s="568"/>
      <c r="AB4" s="568"/>
      <c r="AC4" s="568"/>
      <c r="AD4" s="568"/>
      <c r="AE4" s="568"/>
      <c r="AF4" s="569"/>
      <c r="AG4" s="565"/>
      <c r="AH4" s="556"/>
      <c r="AI4" s="556"/>
      <c r="AJ4" s="556"/>
      <c r="AK4" s="556"/>
      <c r="AL4" s="556"/>
      <c r="AM4" s="556"/>
      <c r="AN4" s="556"/>
      <c r="AO4" s="556"/>
      <c r="AP4" s="556"/>
      <c r="AQ4" s="567" t="s">
        <v>39</v>
      </c>
      <c r="AR4" s="568"/>
      <c r="AS4" s="568"/>
      <c r="AT4" s="568"/>
      <c r="AU4" s="568"/>
      <c r="AV4" s="568"/>
      <c r="AW4" s="568"/>
      <c r="AX4" s="568"/>
      <c r="AY4" s="568"/>
      <c r="AZ4" s="569"/>
      <c r="BA4" s="567" t="s">
        <v>40</v>
      </c>
      <c r="BB4" s="568"/>
      <c r="BC4" s="568"/>
      <c r="BD4" s="568"/>
      <c r="BE4" s="568"/>
      <c r="BF4" s="568"/>
      <c r="BG4" s="568"/>
      <c r="BH4" s="568"/>
      <c r="BI4" s="568"/>
      <c r="BJ4" s="569"/>
      <c r="BK4" s="565"/>
      <c r="BL4" s="556"/>
      <c r="BM4" s="556"/>
      <c r="BN4" s="556"/>
      <c r="BO4" s="556"/>
      <c r="BP4" s="556"/>
      <c r="BQ4" s="556"/>
      <c r="BR4" s="556"/>
      <c r="BS4" s="556"/>
      <c r="BT4" s="556"/>
      <c r="BU4" s="567" t="s">
        <v>39</v>
      </c>
      <c r="BV4" s="568"/>
      <c r="BW4" s="568"/>
      <c r="BX4" s="568"/>
      <c r="BY4" s="568"/>
      <c r="BZ4" s="568"/>
      <c r="CA4" s="568"/>
      <c r="CB4" s="568"/>
      <c r="CC4" s="568"/>
      <c r="CD4" s="569"/>
      <c r="CE4" s="567" t="s">
        <v>40</v>
      </c>
      <c r="CF4" s="568"/>
      <c r="CG4" s="568"/>
      <c r="CH4" s="568"/>
      <c r="CI4" s="568"/>
      <c r="CJ4" s="568"/>
      <c r="CK4" s="568"/>
      <c r="CL4" s="568"/>
      <c r="CM4" s="568"/>
      <c r="CN4" s="569"/>
      <c r="CO4" s="565"/>
      <c r="CP4" s="556"/>
      <c r="CQ4" s="556"/>
      <c r="CR4" s="556"/>
      <c r="CS4" s="556"/>
      <c r="CT4" s="556"/>
      <c r="CU4" s="556"/>
      <c r="CV4" s="556"/>
      <c r="CW4" s="556"/>
      <c r="CX4" s="556"/>
      <c r="CY4" s="567" t="s">
        <v>39</v>
      </c>
      <c r="CZ4" s="568"/>
      <c r="DA4" s="568"/>
      <c r="DB4" s="568"/>
      <c r="DC4" s="568"/>
      <c r="DD4" s="568"/>
      <c r="DE4" s="568"/>
      <c r="DF4" s="568"/>
      <c r="DG4" s="568"/>
      <c r="DH4" s="569"/>
      <c r="DI4" s="567" t="s">
        <v>40</v>
      </c>
      <c r="DJ4" s="568"/>
      <c r="DK4" s="568"/>
      <c r="DL4" s="568"/>
      <c r="DM4" s="568"/>
      <c r="DN4" s="568"/>
      <c r="DO4" s="568"/>
      <c r="DP4" s="568"/>
      <c r="DQ4" s="568"/>
      <c r="DR4" s="569"/>
      <c r="DS4" s="565"/>
      <c r="DT4" s="556"/>
      <c r="DU4" s="556"/>
      <c r="DV4" s="556"/>
      <c r="DW4" s="556"/>
      <c r="DX4" s="556"/>
      <c r="DY4" s="556"/>
      <c r="DZ4" s="556"/>
      <c r="EA4" s="556"/>
      <c r="EB4" s="566"/>
    </row>
    <row r="5" spans="2:133" ht="21" customHeight="1" x14ac:dyDescent="0.2">
      <c r="B5" s="573"/>
      <c r="C5" s="543" t="s">
        <v>61</v>
      </c>
      <c r="D5" s="544"/>
      <c r="E5" s="545"/>
      <c r="F5" s="546" t="s">
        <v>62</v>
      </c>
      <c r="G5" s="547"/>
      <c r="H5" s="547"/>
      <c r="I5" s="547"/>
      <c r="J5" s="547"/>
      <c r="K5" s="548"/>
      <c r="L5" s="558" t="s">
        <v>52</v>
      </c>
      <c r="M5" s="560" t="s">
        <v>61</v>
      </c>
      <c r="N5" s="553"/>
      <c r="O5" s="554"/>
      <c r="P5" s="555" t="s">
        <v>62</v>
      </c>
      <c r="Q5" s="556"/>
      <c r="R5" s="556"/>
      <c r="S5" s="556"/>
      <c r="T5" s="556"/>
      <c r="U5" s="557"/>
      <c r="V5" s="551" t="s">
        <v>52</v>
      </c>
      <c r="W5" s="552" t="s">
        <v>61</v>
      </c>
      <c r="X5" s="553"/>
      <c r="Y5" s="554"/>
      <c r="Z5" s="555" t="s">
        <v>62</v>
      </c>
      <c r="AA5" s="556"/>
      <c r="AB5" s="556"/>
      <c r="AC5" s="556"/>
      <c r="AD5" s="556"/>
      <c r="AE5" s="557"/>
      <c r="AF5" s="551" t="s">
        <v>52</v>
      </c>
      <c r="AG5" s="543" t="s">
        <v>61</v>
      </c>
      <c r="AH5" s="544"/>
      <c r="AI5" s="545"/>
      <c r="AJ5" s="546" t="s">
        <v>62</v>
      </c>
      <c r="AK5" s="547"/>
      <c r="AL5" s="547"/>
      <c r="AM5" s="547"/>
      <c r="AN5" s="547"/>
      <c r="AO5" s="548"/>
      <c r="AP5" s="549" t="s">
        <v>52</v>
      </c>
      <c r="AQ5" s="560" t="s">
        <v>61</v>
      </c>
      <c r="AR5" s="553"/>
      <c r="AS5" s="554"/>
      <c r="AT5" s="555" t="s">
        <v>62</v>
      </c>
      <c r="AU5" s="556"/>
      <c r="AV5" s="556"/>
      <c r="AW5" s="556"/>
      <c r="AX5" s="556"/>
      <c r="AY5" s="557"/>
      <c r="AZ5" s="576" t="s">
        <v>52</v>
      </c>
      <c r="BA5" s="560" t="s">
        <v>61</v>
      </c>
      <c r="BB5" s="553"/>
      <c r="BC5" s="554"/>
      <c r="BD5" s="555" t="s">
        <v>62</v>
      </c>
      <c r="BE5" s="556"/>
      <c r="BF5" s="556"/>
      <c r="BG5" s="556"/>
      <c r="BH5" s="556"/>
      <c r="BI5" s="557"/>
      <c r="BJ5" s="551" t="s">
        <v>52</v>
      </c>
      <c r="BK5" s="543" t="s">
        <v>61</v>
      </c>
      <c r="BL5" s="544"/>
      <c r="BM5" s="545"/>
      <c r="BN5" s="546" t="s">
        <v>62</v>
      </c>
      <c r="BO5" s="547"/>
      <c r="BP5" s="547"/>
      <c r="BQ5" s="547"/>
      <c r="BR5" s="547"/>
      <c r="BS5" s="548"/>
      <c r="BT5" s="558" t="s">
        <v>52</v>
      </c>
      <c r="BU5" s="560" t="s">
        <v>61</v>
      </c>
      <c r="BV5" s="553"/>
      <c r="BW5" s="554"/>
      <c r="BX5" s="555" t="s">
        <v>62</v>
      </c>
      <c r="BY5" s="556"/>
      <c r="BZ5" s="556"/>
      <c r="CA5" s="556"/>
      <c r="CB5" s="556"/>
      <c r="CC5" s="557"/>
      <c r="CD5" s="551" t="s">
        <v>52</v>
      </c>
      <c r="CE5" s="552" t="s">
        <v>61</v>
      </c>
      <c r="CF5" s="553"/>
      <c r="CG5" s="554"/>
      <c r="CH5" s="555" t="s">
        <v>62</v>
      </c>
      <c r="CI5" s="556"/>
      <c r="CJ5" s="556"/>
      <c r="CK5" s="556"/>
      <c r="CL5" s="556"/>
      <c r="CM5" s="557"/>
      <c r="CN5" s="551" t="s">
        <v>52</v>
      </c>
      <c r="CO5" s="543" t="s">
        <v>61</v>
      </c>
      <c r="CP5" s="544"/>
      <c r="CQ5" s="545"/>
      <c r="CR5" s="546" t="s">
        <v>62</v>
      </c>
      <c r="CS5" s="547"/>
      <c r="CT5" s="547"/>
      <c r="CU5" s="547"/>
      <c r="CV5" s="547"/>
      <c r="CW5" s="548"/>
      <c r="CX5" s="558" t="s">
        <v>52</v>
      </c>
      <c r="CY5" s="560" t="s">
        <v>61</v>
      </c>
      <c r="CZ5" s="553"/>
      <c r="DA5" s="554"/>
      <c r="DB5" s="555" t="s">
        <v>62</v>
      </c>
      <c r="DC5" s="556"/>
      <c r="DD5" s="556"/>
      <c r="DE5" s="556"/>
      <c r="DF5" s="556"/>
      <c r="DG5" s="557"/>
      <c r="DH5" s="551" t="s">
        <v>52</v>
      </c>
      <c r="DI5" s="552" t="s">
        <v>61</v>
      </c>
      <c r="DJ5" s="553"/>
      <c r="DK5" s="554"/>
      <c r="DL5" s="555" t="s">
        <v>62</v>
      </c>
      <c r="DM5" s="556"/>
      <c r="DN5" s="556"/>
      <c r="DO5" s="556"/>
      <c r="DP5" s="556"/>
      <c r="DQ5" s="557"/>
      <c r="DR5" s="551" t="s">
        <v>52</v>
      </c>
      <c r="DS5" s="543" t="s">
        <v>61</v>
      </c>
      <c r="DT5" s="544"/>
      <c r="DU5" s="545"/>
      <c r="DV5" s="546" t="s">
        <v>62</v>
      </c>
      <c r="DW5" s="547"/>
      <c r="DX5" s="547"/>
      <c r="DY5" s="547"/>
      <c r="DZ5" s="547"/>
      <c r="EA5" s="548"/>
      <c r="EB5" s="549" t="s">
        <v>52</v>
      </c>
    </row>
    <row r="6" spans="2:133" ht="30" customHeight="1" thickBot="1" x14ac:dyDescent="0.25">
      <c r="B6" s="285" t="s">
        <v>42</v>
      </c>
      <c r="C6" s="26" t="s">
        <v>43</v>
      </c>
      <c r="D6" s="27" t="s">
        <v>44</v>
      </c>
      <c r="E6" s="27" t="s">
        <v>45</v>
      </c>
      <c r="F6" s="28" t="s">
        <v>47</v>
      </c>
      <c r="G6" s="29" t="s">
        <v>48</v>
      </c>
      <c r="H6" s="29" t="s">
        <v>49</v>
      </c>
      <c r="I6" s="30" t="s">
        <v>50</v>
      </c>
      <c r="J6" s="27" t="s">
        <v>51</v>
      </c>
      <c r="K6" s="31" t="s">
        <v>95</v>
      </c>
      <c r="L6" s="559"/>
      <c r="M6" s="26" t="s">
        <v>43</v>
      </c>
      <c r="N6" s="27" t="s">
        <v>44</v>
      </c>
      <c r="O6" s="31" t="s">
        <v>45</v>
      </c>
      <c r="P6" s="28" t="s">
        <v>47</v>
      </c>
      <c r="Q6" s="29" t="s">
        <v>48</v>
      </c>
      <c r="R6" s="29" t="s">
        <v>49</v>
      </c>
      <c r="S6" s="30" t="s">
        <v>50</v>
      </c>
      <c r="T6" s="27" t="s">
        <v>51</v>
      </c>
      <c r="U6" s="31" t="s">
        <v>45</v>
      </c>
      <c r="V6" s="550"/>
      <c r="W6" s="12" t="s">
        <v>43</v>
      </c>
      <c r="X6" s="27" t="s">
        <v>44</v>
      </c>
      <c r="Y6" s="31" t="s">
        <v>45</v>
      </c>
      <c r="Z6" s="12" t="s">
        <v>47</v>
      </c>
      <c r="AA6" s="29" t="s">
        <v>48</v>
      </c>
      <c r="AB6" s="29" t="s">
        <v>49</v>
      </c>
      <c r="AC6" s="30" t="s">
        <v>50</v>
      </c>
      <c r="AD6" s="27" t="s">
        <v>51</v>
      </c>
      <c r="AE6" s="31" t="s">
        <v>45</v>
      </c>
      <c r="AF6" s="550"/>
      <c r="AG6" s="26" t="s">
        <v>43</v>
      </c>
      <c r="AH6" s="27" t="s">
        <v>44</v>
      </c>
      <c r="AI6" s="31" t="s">
        <v>45</v>
      </c>
      <c r="AJ6" s="12" t="s">
        <v>47</v>
      </c>
      <c r="AK6" s="29" t="s">
        <v>48</v>
      </c>
      <c r="AL6" s="29" t="s">
        <v>49</v>
      </c>
      <c r="AM6" s="30" t="s">
        <v>50</v>
      </c>
      <c r="AN6" s="27" t="s">
        <v>51</v>
      </c>
      <c r="AO6" s="31" t="s">
        <v>45</v>
      </c>
      <c r="AP6" s="550"/>
      <c r="AQ6" s="26" t="s">
        <v>43</v>
      </c>
      <c r="AR6" s="27" t="s">
        <v>44</v>
      </c>
      <c r="AS6" s="31" t="s">
        <v>45</v>
      </c>
      <c r="AT6" s="28" t="s">
        <v>47</v>
      </c>
      <c r="AU6" s="29" t="s">
        <v>48</v>
      </c>
      <c r="AV6" s="29" t="s">
        <v>49</v>
      </c>
      <c r="AW6" s="30" t="s">
        <v>50</v>
      </c>
      <c r="AX6" s="27" t="s">
        <v>51</v>
      </c>
      <c r="AY6" s="31" t="s">
        <v>45</v>
      </c>
      <c r="AZ6" s="559"/>
      <c r="BA6" s="26" t="s">
        <v>43</v>
      </c>
      <c r="BB6" s="27" t="s">
        <v>44</v>
      </c>
      <c r="BC6" s="27" t="s">
        <v>45</v>
      </c>
      <c r="BD6" s="28" t="s">
        <v>47</v>
      </c>
      <c r="BE6" s="29" t="s">
        <v>48</v>
      </c>
      <c r="BF6" s="29" t="s">
        <v>49</v>
      </c>
      <c r="BG6" s="30" t="s">
        <v>50</v>
      </c>
      <c r="BH6" s="27" t="s">
        <v>51</v>
      </c>
      <c r="BI6" s="31" t="s">
        <v>45</v>
      </c>
      <c r="BJ6" s="550"/>
      <c r="BK6" s="26" t="s">
        <v>43</v>
      </c>
      <c r="BL6" s="27" t="s">
        <v>44</v>
      </c>
      <c r="BM6" s="27" t="s">
        <v>45</v>
      </c>
      <c r="BN6" s="28" t="s">
        <v>47</v>
      </c>
      <c r="BO6" s="29" t="s">
        <v>48</v>
      </c>
      <c r="BP6" s="29" t="s">
        <v>49</v>
      </c>
      <c r="BQ6" s="30" t="s">
        <v>50</v>
      </c>
      <c r="BR6" s="27" t="s">
        <v>51</v>
      </c>
      <c r="BS6" s="31" t="s">
        <v>45</v>
      </c>
      <c r="BT6" s="559"/>
      <c r="BU6" s="26" t="s">
        <v>43</v>
      </c>
      <c r="BV6" s="27" t="s">
        <v>44</v>
      </c>
      <c r="BW6" s="27" t="s">
        <v>45</v>
      </c>
      <c r="BX6" s="28" t="s">
        <v>47</v>
      </c>
      <c r="BY6" s="29" t="s">
        <v>48</v>
      </c>
      <c r="BZ6" s="29" t="s">
        <v>49</v>
      </c>
      <c r="CA6" s="30" t="s">
        <v>50</v>
      </c>
      <c r="CB6" s="27" t="s">
        <v>51</v>
      </c>
      <c r="CC6" s="31" t="s">
        <v>45</v>
      </c>
      <c r="CD6" s="550"/>
      <c r="CE6" s="12" t="s">
        <v>43</v>
      </c>
      <c r="CF6" s="27" t="s">
        <v>44</v>
      </c>
      <c r="CG6" s="27" t="s">
        <v>45</v>
      </c>
      <c r="CH6" s="28" t="s">
        <v>47</v>
      </c>
      <c r="CI6" s="29" t="s">
        <v>48</v>
      </c>
      <c r="CJ6" s="29" t="s">
        <v>49</v>
      </c>
      <c r="CK6" s="30" t="s">
        <v>50</v>
      </c>
      <c r="CL6" s="27" t="s">
        <v>51</v>
      </c>
      <c r="CM6" s="31" t="s">
        <v>45</v>
      </c>
      <c r="CN6" s="550"/>
      <c r="CO6" s="26" t="s">
        <v>43</v>
      </c>
      <c r="CP6" s="27" t="s">
        <v>44</v>
      </c>
      <c r="CQ6" s="27" t="s">
        <v>45</v>
      </c>
      <c r="CR6" s="28" t="s">
        <v>47</v>
      </c>
      <c r="CS6" s="29" t="s">
        <v>48</v>
      </c>
      <c r="CT6" s="29" t="s">
        <v>49</v>
      </c>
      <c r="CU6" s="30" t="s">
        <v>50</v>
      </c>
      <c r="CV6" s="27" t="s">
        <v>51</v>
      </c>
      <c r="CW6" s="31" t="s">
        <v>45</v>
      </c>
      <c r="CX6" s="559"/>
      <c r="CY6" s="26" t="s">
        <v>43</v>
      </c>
      <c r="CZ6" s="27" t="s">
        <v>44</v>
      </c>
      <c r="DA6" s="27" t="s">
        <v>45</v>
      </c>
      <c r="DB6" s="28" t="s">
        <v>47</v>
      </c>
      <c r="DC6" s="29" t="s">
        <v>48</v>
      </c>
      <c r="DD6" s="29" t="s">
        <v>49</v>
      </c>
      <c r="DE6" s="30" t="s">
        <v>50</v>
      </c>
      <c r="DF6" s="27" t="s">
        <v>51</v>
      </c>
      <c r="DG6" s="31" t="s">
        <v>45</v>
      </c>
      <c r="DH6" s="550"/>
      <c r="DI6" s="12" t="s">
        <v>43</v>
      </c>
      <c r="DJ6" s="27" t="s">
        <v>44</v>
      </c>
      <c r="DK6" s="27" t="s">
        <v>45</v>
      </c>
      <c r="DL6" s="28" t="s">
        <v>47</v>
      </c>
      <c r="DM6" s="29" t="s">
        <v>48</v>
      </c>
      <c r="DN6" s="29" t="s">
        <v>49</v>
      </c>
      <c r="DO6" s="30" t="s">
        <v>50</v>
      </c>
      <c r="DP6" s="27" t="s">
        <v>51</v>
      </c>
      <c r="DQ6" s="31" t="s">
        <v>45</v>
      </c>
      <c r="DR6" s="550"/>
      <c r="DS6" s="26" t="s">
        <v>43</v>
      </c>
      <c r="DT6" s="27" t="s">
        <v>44</v>
      </c>
      <c r="DU6" s="27" t="s">
        <v>45</v>
      </c>
      <c r="DV6" s="28" t="s">
        <v>47</v>
      </c>
      <c r="DW6" s="29" t="s">
        <v>48</v>
      </c>
      <c r="DX6" s="29" t="s">
        <v>49</v>
      </c>
      <c r="DY6" s="30" t="s">
        <v>50</v>
      </c>
      <c r="DZ6" s="27" t="s">
        <v>51</v>
      </c>
      <c r="EA6" s="31" t="s">
        <v>45</v>
      </c>
      <c r="EB6" s="550"/>
    </row>
    <row r="7" spans="2:133" ht="21" customHeight="1" x14ac:dyDescent="0.2">
      <c r="B7" s="435" t="s">
        <v>4</v>
      </c>
      <c r="C7" s="168">
        <v>0</v>
      </c>
      <c r="D7" s="169">
        <v>0</v>
      </c>
      <c r="E7" s="169">
        <v>0</v>
      </c>
      <c r="F7" s="170">
        <v>467</v>
      </c>
      <c r="G7" s="171">
        <v>1653</v>
      </c>
      <c r="H7" s="171">
        <v>10111</v>
      </c>
      <c r="I7" s="171">
        <v>15048</v>
      </c>
      <c r="J7" s="169">
        <v>10263</v>
      </c>
      <c r="K7" s="172">
        <v>37542</v>
      </c>
      <c r="L7" s="173">
        <v>37542</v>
      </c>
      <c r="M7" s="168">
        <v>0</v>
      </c>
      <c r="N7" s="169">
        <v>0</v>
      </c>
      <c r="O7" s="172">
        <v>0</v>
      </c>
      <c r="P7" s="170">
        <v>464</v>
      </c>
      <c r="Q7" s="171">
        <v>1640</v>
      </c>
      <c r="R7" s="171">
        <v>10045</v>
      </c>
      <c r="S7" s="171">
        <v>14895</v>
      </c>
      <c r="T7" s="169">
        <v>10105</v>
      </c>
      <c r="U7" s="172">
        <v>37149</v>
      </c>
      <c r="V7" s="174">
        <v>37149</v>
      </c>
      <c r="W7" s="175">
        <v>0</v>
      </c>
      <c r="X7" s="169">
        <v>0</v>
      </c>
      <c r="Y7" s="172">
        <v>0</v>
      </c>
      <c r="Z7" s="175">
        <v>3</v>
      </c>
      <c r="AA7" s="171">
        <v>13</v>
      </c>
      <c r="AB7" s="171">
        <v>66</v>
      </c>
      <c r="AC7" s="171">
        <v>153</v>
      </c>
      <c r="AD7" s="169">
        <v>158</v>
      </c>
      <c r="AE7" s="172">
        <v>393</v>
      </c>
      <c r="AF7" s="176">
        <v>393</v>
      </c>
      <c r="AG7" s="175">
        <v>0</v>
      </c>
      <c r="AH7" s="169">
        <v>0</v>
      </c>
      <c r="AI7" s="172">
        <v>0</v>
      </c>
      <c r="AJ7" s="175">
        <v>1647</v>
      </c>
      <c r="AK7" s="171">
        <v>3389</v>
      </c>
      <c r="AL7" s="171">
        <v>4739</v>
      </c>
      <c r="AM7" s="171">
        <v>5794</v>
      </c>
      <c r="AN7" s="169">
        <v>2987</v>
      </c>
      <c r="AO7" s="172">
        <v>18556</v>
      </c>
      <c r="AP7" s="176">
        <v>18556</v>
      </c>
      <c r="AQ7" s="175">
        <v>0</v>
      </c>
      <c r="AR7" s="169">
        <v>0</v>
      </c>
      <c r="AS7" s="172">
        <v>0</v>
      </c>
      <c r="AT7" s="170">
        <v>1626</v>
      </c>
      <c r="AU7" s="171">
        <v>3354</v>
      </c>
      <c r="AV7" s="171">
        <v>4661</v>
      </c>
      <c r="AW7" s="171">
        <v>5685</v>
      </c>
      <c r="AX7" s="169">
        <v>2912</v>
      </c>
      <c r="AY7" s="172">
        <v>18238</v>
      </c>
      <c r="AZ7" s="173">
        <v>18238</v>
      </c>
      <c r="BA7" s="168">
        <v>0</v>
      </c>
      <c r="BB7" s="169">
        <v>0</v>
      </c>
      <c r="BC7" s="169">
        <v>0</v>
      </c>
      <c r="BD7" s="170">
        <v>21</v>
      </c>
      <c r="BE7" s="171">
        <v>35</v>
      </c>
      <c r="BF7" s="171">
        <v>78</v>
      </c>
      <c r="BG7" s="171">
        <v>109</v>
      </c>
      <c r="BH7" s="169">
        <v>75</v>
      </c>
      <c r="BI7" s="172">
        <v>318</v>
      </c>
      <c r="BJ7" s="174">
        <v>318</v>
      </c>
      <c r="BK7" s="175">
        <v>0</v>
      </c>
      <c r="BL7" s="169">
        <v>0</v>
      </c>
      <c r="BM7" s="169">
        <v>0</v>
      </c>
      <c r="BN7" s="170">
        <v>0</v>
      </c>
      <c r="BO7" s="171">
        <v>0</v>
      </c>
      <c r="BP7" s="171">
        <v>3</v>
      </c>
      <c r="BQ7" s="171">
        <v>58</v>
      </c>
      <c r="BR7" s="169">
        <v>73</v>
      </c>
      <c r="BS7" s="172">
        <v>134</v>
      </c>
      <c r="BT7" s="173">
        <v>134</v>
      </c>
      <c r="BU7" s="168">
        <v>0</v>
      </c>
      <c r="BV7" s="169">
        <v>0</v>
      </c>
      <c r="BW7" s="169">
        <v>0</v>
      </c>
      <c r="BX7" s="170">
        <v>0</v>
      </c>
      <c r="BY7" s="171">
        <v>0</v>
      </c>
      <c r="BZ7" s="171">
        <v>3</v>
      </c>
      <c r="CA7" s="171">
        <v>58</v>
      </c>
      <c r="CB7" s="169">
        <v>72</v>
      </c>
      <c r="CC7" s="172">
        <v>133</v>
      </c>
      <c r="CD7" s="174">
        <v>133</v>
      </c>
      <c r="CE7" s="175">
        <v>0</v>
      </c>
      <c r="CF7" s="169">
        <v>0</v>
      </c>
      <c r="CG7" s="169">
        <v>0</v>
      </c>
      <c r="CH7" s="170">
        <v>0</v>
      </c>
      <c r="CI7" s="171">
        <v>0</v>
      </c>
      <c r="CJ7" s="171">
        <v>0</v>
      </c>
      <c r="CK7" s="171">
        <v>0</v>
      </c>
      <c r="CL7" s="169">
        <v>1</v>
      </c>
      <c r="CM7" s="172">
        <v>1</v>
      </c>
      <c r="CN7" s="174">
        <v>1</v>
      </c>
      <c r="CO7" s="175">
        <v>0</v>
      </c>
      <c r="CP7" s="169">
        <v>0</v>
      </c>
      <c r="CQ7" s="169">
        <v>0</v>
      </c>
      <c r="CR7" s="170">
        <v>14</v>
      </c>
      <c r="CS7" s="171">
        <v>29</v>
      </c>
      <c r="CT7" s="171">
        <v>62</v>
      </c>
      <c r="CU7" s="171">
        <v>345</v>
      </c>
      <c r="CV7" s="169">
        <v>484</v>
      </c>
      <c r="CW7" s="172">
        <v>934</v>
      </c>
      <c r="CX7" s="173">
        <v>934</v>
      </c>
      <c r="CY7" s="168">
        <v>0</v>
      </c>
      <c r="CZ7" s="169">
        <v>0</v>
      </c>
      <c r="DA7" s="169">
        <v>0</v>
      </c>
      <c r="DB7" s="170">
        <v>12</v>
      </c>
      <c r="DC7" s="171">
        <v>28</v>
      </c>
      <c r="DD7" s="171">
        <v>61</v>
      </c>
      <c r="DE7" s="171">
        <v>338</v>
      </c>
      <c r="DF7" s="169">
        <v>472</v>
      </c>
      <c r="DG7" s="172">
        <v>911</v>
      </c>
      <c r="DH7" s="174">
        <v>911</v>
      </c>
      <c r="DI7" s="175">
        <v>0</v>
      </c>
      <c r="DJ7" s="169">
        <v>0</v>
      </c>
      <c r="DK7" s="169">
        <v>0</v>
      </c>
      <c r="DL7" s="170">
        <v>2</v>
      </c>
      <c r="DM7" s="171">
        <v>1</v>
      </c>
      <c r="DN7" s="171">
        <v>1</v>
      </c>
      <c r="DO7" s="171">
        <v>7</v>
      </c>
      <c r="DP7" s="169">
        <v>12</v>
      </c>
      <c r="DQ7" s="172">
        <v>23</v>
      </c>
      <c r="DR7" s="174">
        <v>23</v>
      </c>
      <c r="DS7" s="175">
        <v>0</v>
      </c>
      <c r="DT7" s="169">
        <v>0</v>
      </c>
      <c r="DU7" s="169">
        <v>0</v>
      </c>
      <c r="DV7" s="170">
        <v>2128</v>
      </c>
      <c r="DW7" s="171">
        <v>5071</v>
      </c>
      <c r="DX7" s="171">
        <v>14897</v>
      </c>
      <c r="DY7" s="171">
        <v>21216</v>
      </c>
      <c r="DZ7" s="169">
        <v>13786</v>
      </c>
      <c r="EA7" s="172">
        <v>57098</v>
      </c>
      <c r="EB7" s="174">
        <v>57098</v>
      </c>
      <c r="EC7" s="32"/>
    </row>
    <row r="8" spans="2:133" ht="21" customHeight="1" x14ac:dyDescent="0.2">
      <c r="B8" s="436" t="s">
        <v>5</v>
      </c>
      <c r="C8" s="177">
        <v>0</v>
      </c>
      <c r="D8" s="178">
        <v>0</v>
      </c>
      <c r="E8" s="178">
        <v>0</v>
      </c>
      <c r="F8" s="179">
        <v>265</v>
      </c>
      <c r="G8" s="180">
        <v>1104</v>
      </c>
      <c r="H8" s="180">
        <v>4444</v>
      </c>
      <c r="I8" s="180">
        <v>6256</v>
      </c>
      <c r="J8" s="178">
        <v>4294</v>
      </c>
      <c r="K8" s="181">
        <v>16363</v>
      </c>
      <c r="L8" s="182">
        <v>16363</v>
      </c>
      <c r="M8" s="177">
        <v>0</v>
      </c>
      <c r="N8" s="178">
        <v>0</v>
      </c>
      <c r="O8" s="181">
        <v>0</v>
      </c>
      <c r="P8" s="179">
        <v>264</v>
      </c>
      <c r="Q8" s="180">
        <v>1096</v>
      </c>
      <c r="R8" s="180">
        <v>4412</v>
      </c>
      <c r="S8" s="180">
        <v>6199</v>
      </c>
      <c r="T8" s="178">
        <v>4209</v>
      </c>
      <c r="U8" s="181">
        <v>16180</v>
      </c>
      <c r="V8" s="183">
        <v>16180</v>
      </c>
      <c r="W8" s="184">
        <v>0</v>
      </c>
      <c r="X8" s="178">
        <v>0</v>
      </c>
      <c r="Y8" s="181">
        <v>0</v>
      </c>
      <c r="Z8" s="184">
        <v>1</v>
      </c>
      <c r="AA8" s="180">
        <v>8</v>
      </c>
      <c r="AB8" s="180">
        <v>32</v>
      </c>
      <c r="AC8" s="180">
        <v>57</v>
      </c>
      <c r="AD8" s="178">
        <v>85</v>
      </c>
      <c r="AE8" s="181">
        <v>183</v>
      </c>
      <c r="AF8" s="185">
        <v>183</v>
      </c>
      <c r="AG8" s="184">
        <v>0</v>
      </c>
      <c r="AH8" s="178">
        <v>0</v>
      </c>
      <c r="AI8" s="181">
        <v>0</v>
      </c>
      <c r="AJ8" s="184">
        <v>600</v>
      </c>
      <c r="AK8" s="180">
        <v>1561</v>
      </c>
      <c r="AL8" s="180">
        <v>2019</v>
      </c>
      <c r="AM8" s="180">
        <v>2621</v>
      </c>
      <c r="AN8" s="178">
        <v>1378</v>
      </c>
      <c r="AO8" s="181">
        <v>8179</v>
      </c>
      <c r="AP8" s="185">
        <v>8179</v>
      </c>
      <c r="AQ8" s="184">
        <v>0</v>
      </c>
      <c r="AR8" s="178">
        <v>0</v>
      </c>
      <c r="AS8" s="181">
        <v>0</v>
      </c>
      <c r="AT8" s="179">
        <v>595</v>
      </c>
      <c r="AU8" s="180">
        <v>1542</v>
      </c>
      <c r="AV8" s="180">
        <v>1995</v>
      </c>
      <c r="AW8" s="180">
        <v>2575</v>
      </c>
      <c r="AX8" s="178">
        <v>1350</v>
      </c>
      <c r="AY8" s="181">
        <v>8057</v>
      </c>
      <c r="AZ8" s="182">
        <v>8057</v>
      </c>
      <c r="BA8" s="177">
        <v>0</v>
      </c>
      <c r="BB8" s="178">
        <v>0</v>
      </c>
      <c r="BC8" s="178">
        <v>0</v>
      </c>
      <c r="BD8" s="179">
        <v>5</v>
      </c>
      <c r="BE8" s="180">
        <v>19</v>
      </c>
      <c r="BF8" s="180">
        <v>24</v>
      </c>
      <c r="BG8" s="180">
        <v>46</v>
      </c>
      <c r="BH8" s="178">
        <v>28</v>
      </c>
      <c r="BI8" s="181">
        <v>122</v>
      </c>
      <c r="BJ8" s="183">
        <v>122</v>
      </c>
      <c r="BK8" s="184">
        <v>0</v>
      </c>
      <c r="BL8" s="178">
        <v>0</v>
      </c>
      <c r="BM8" s="178">
        <v>0</v>
      </c>
      <c r="BN8" s="179">
        <v>0</v>
      </c>
      <c r="BO8" s="180">
        <v>0</v>
      </c>
      <c r="BP8" s="180">
        <v>0</v>
      </c>
      <c r="BQ8" s="180">
        <v>17</v>
      </c>
      <c r="BR8" s="178">
        <v>26</v>
      </c>
      <c r="BS8" s="181">
        <v>43</v>
      </c>
      <c r="BT8" s="182">
        <v>43</v>
      </c>
      <c r="BU8" s="177">
        <v>0</v>
      </c>
      <c r="BV8" s="178">
        <v>0</v>
      </c>
      <c r="BW8" s="178">
        <v>0</v>
      </c>
      <c r="BX8" s="179">
        <v>0</v>
      </c>
      <c r="BY8" s="180">
        <v>0</v>
      </c>
      <c r="BZ8" s="180">
        <v>0</v>
      </c>
      <c r="CA8" s="180">
        <v>17</v>
      </c>
      <c r="CB8" s="178">
        <v>25</v>
      </c>
      <c r="CC8" s="181">
        <v>42</v>
      </c>
      <c r="CD8" s="183">
        <v>42</v>
      </c>
      <c r="CE8" s="184">
        <v>0</v>
      </c>
      <c r="CF8" s="178">
        <v>0</v>
      </c>
      <c r="CG8" s="178">
        <v>0</v>
      </c>
      <c r="CH8" s="179">
        <v>0</v>
      </c>
      <c r="CI8" s="180">
        <v>0</v>
      </c>
      <c r="CJ8" s="180">
        <v>0</v>
      </c>
      <c r="CK8" s="180">
        <v>0</v>
      </c>
      <c r="CL8" s="178">
        <v>1</v>
      </c>
      <c r="CM8" s="181">
        <v>1</v>
      </c>
      <c r="CN8" s="183">
        <v>1</v>
      </c>
      <c r="CO8" s="184">
        <v>0</v>
      </c>
      <c r="CP8" s="178">
        <v>0</v>
      </c>
      <c r="CQ8" s="178">
        <v>0</v>
      </c>
      <c r="CR8" s="179">
        <v>1</v>
      </c>
      <c r="CS8" s="180">
        <v>4</v>
      </c>
      <c r="CT8" s="180">
        <v>10</v>
      </c>
      <c r="CU8" s="180">
        <v>100</v>
      </c>
      <c r="CV8" s="178">
        <v>130</v>
      </c>
      <c r="CW8" s="181">
        <v>245</v>
      </c>
      <c r="CX8" s="182">
        <v>245</v>
      </c>
      <c r="CY8" s="177">
        <v>0</v>
      </c>
      <c r="CZ8" s="178">
        <v>0</v>
      </c>
      <c r="DA8" s="178">
        <v>0</v>
      </c>
      <c r="DB8" s="179">
        <v>1</v>
      </c>
      <c r="DC8" s="180">
        <v>4</v>
      </c>
      <c r="DD8" s="180">
        <v>10</v>
      </c>
      <c r="DE8" s="180">
        <v>98</v>
      </c>
      <c r="DF8" s="178">
        <v>129</v>
      </c>
      <c r="DG8" s="181">
        <v>242</v>
      </c>
      <c r="DH8" s="183">
        <v>242</v>
      </c>
      <c r="DI8" s="184">
        <v>0</v>
      </c>
      <c r="DJ8" s="178">
        <v>0</v>
      </c>
      <c r="DK8" s="178">
        <v>0</v>
      </c>
      <c r="DL8" s="179">
        <v>0</v>
      </c>
      <c r="DM8" s="180">
        <v>0</v>
      </c>
      <c r="DN8" s="180">
        <v>0</v>
      </c>
      <c r="DO8" s="180">
        <v>2</v>
      </c>
      <c r="DP8" s="178">
        <v>1</v>
      </c>
      <c r="DQ8" s="181">
        <v>3</v>
      </c>
      <c r="DR8" s="183">
        <v>3</v>
      </c>
      <c r="DS8" s="184">
        <v>0</v>
      </c>
      <c r="DT8" s="178">
        <v>0</v>
      </c>
      <c r="DU8" s="178">
        <v>0</v>
      </c>
      <c r="DV8" s="179">
        <v>866</v>
      </c>
      <c r="DW8" s="180">
        <v>2669</v>
      </c>
      <c r="DX8" s="180">
        <v>6473</v>
      </c>
      <c r="DY8" s="180">
        <v>8994</v>
      </c>
      <c r="DZ8" s="178">
        <v>5828</v>
      </c>
      <c r="EA8" s="181">
        <v>24830</v>
      </c>
      <c r="EB8" s="183">
        <v>24830</v>
      </c>
      <c r="EC8" s="32"/>
    </row>
    <row r="9" spans="2:133" ht="21" customHeight="1" x14ac:dyDescent="0.2">
      <c r="B9" s="437" t="s">
        <v>6</v>
      </c>
      <c r="C9" s="177">
        <v>0</v>
      </c>
      <c r="D9" s="178">
        <v>0</v>
      </c>
      <c r="E9" s="178">
        <v>0</v>
      </c>
      <c r="F9" s="179">
        <v>92</v>
      </c>
      <c r="G9" s="180">
        <v>188</v>
      </c>
      <c r="H9" s="180">
        <v>1266</v>
      </c>
      <c r="I9" s="180">
        <v>1886</v>
      </c>
      <c r="J9" s="178">
        <v>1340</v>
      </c>
      <c r="K9" s="181">
        <v>4772</v>
      </c>
      <c r="L9" s="182">
        <v>4772</v>
      </c>
      <c r="M9" s="177">
        <v>0</v>
      </c>
      <c r="N9" s="178">
        <v>0</v>
      </c>
      <c r="O9" s="181">
        <v>0</v>
      </c>
      <c r="P9" s="179">
        <v>92</v>
      </c>
      <c r="Q9" s="180">
        <v>188</v>
      </c>
      <c r="R9" s="180">
        <v>1253</v>
      </c>
      <c r="S9" s="180">
        <v>1859</v>
      </c>
      <c r="T9" s="178">
        <v>1325</v>
      </c>
      <c r="U9" s="181">
        <v>4717</v>
      </c>
      <c r="V9" s="183">
        <v>4717</v>
      </c>
      <c r="W9" s="184">
        <v>0</v>
      </c>
      <c r="X9" s="178">
        <v>0</v>
      </c>
      <c r="Y9" s="181">
        <v>0</v>
      </c>
      <c r="Z9" s="184">
        <v>0</v>
      </c>
      <c r="AA9" s="180">
        <v>0</v>
      </c>
      <c r="AB9" s="180">
        <v>13</v>
      </c>
      <c r="AC9" s="180">
        <v>27</v>
      </c>
      <c r="AD9" s="178">
        <v>15</v>
      </c>
      <c r="AE9" s="181">
        <v>55</v>
      </c>
      <c r="AF9" s="185">
        <v>55</v>
      </c>
      <c r="AG9" s="184">
        <v>0</v>
      </c>
      <c r="AH9" s="178">
        <v>0</v>
      </c>
      <c r="AI9" s="181">
        <v>0</v>
      </c>
      <c r="AJ9" s="184">
        <v>211</v>
      </c>
      <c r="AK9" s="180">
        <v>312</v>
      </c>
      <c r="AL9" s="180">
        <v>516</v>
      </c>
      <c r="AM9" s="180">
        <v>683</v>
      </c>
      <c r="AN9" s="178">
        <v>347</v>
      </c>
      <c r="AO9" s="181">
        <v>2069</v>
      </c>
      <c r="AP9" s="185">
        <v>2069</v>
      </c>
      <c r="AQ9" s="184">
        <v>0</v>
      </c>
      <c r="AR9" s="178">
        <v>0</v>
      </c>
      <c r="AS9" s="181">
        <v>0</v>
      </c>
      <c r="AT9" s="179">
        <v>206</v>
      </c>
      <c r="AU9" s="180">
        <v>312</v>
      </c>
      <c r="AV9" s="180">
        <v>502</v>
      </c>
      <c r="AW9" s="180">
        <v>658</v>
      </c>
      <c r="AX9" s="178">
        <v>335</v>
      </c>
      <c r="AY9" s="181">
        <v>2013</v>
      </c>
      <c r="AZ9" s="182">
        <v>2013</v>
      </c>
      <c r="BA9" s="177">
        <v>0</v>
      </c>
      <c r="BB9" s="178">
        <v>0</v>
      </c>
      <c r="BC9" s="178">
        <v>0</v>
      </c>
      <c r="BD9" s="179">
        <v>5</v>
      </c>
      <c r="BE9" s="180">
        <v>0</v>
      </c>
      <c r="BF9" s="180">
        <v>14</v>
      </c>
      <c r="BG9" s="180">
        <v>25</v>
      </c>
      <c r="BH9" s="178">
        <v>12</v>
      </c>
      <c r="BI9" s="181">
        <v>56</v>
      </c>
      <c r="BJ9" s="183">
        <v>56</v>
      </c>
      <c r="BK9" s="184">
        <v>0</v>
      </c>
      <c r="BL9" s="178">
        <v>0</v>
      </c>
      <c r="BM9" s="178">
        <v>0</v>
      </c>
      <c r="BN9" s="179">
        <v>0</v>
      </c>
      <c r="BO9" s="180">
        <v>0</v>
      </c>
      <c r="BP9" s="180">
        <v>2</v>
      </c>
      <c r="BQ9" s="180">
        <v>12</v>
      </c>
      <c r="BR9" s="178">
        <v>18</v>
      </c>
      <c r="BS9" s="181">
        <v>32</v>
      </c>
      <c r="BT9" s="182">
        <v>32</v>
      </c>
      <c r="BU9" s="177">
        <v>0</v>
      </c>
      <c r="BV9" s="178">
        <v>0</v>
      </c>
      <c r="BW9" s="178">
        <v>0</v>
      </c>
      <c r="BX9" s="179">
        <v>0</v>
      </c>
      <c r="BY9" s="180">
        <v>0</v>
      </c>
      <c r="BZ9" s="180">
        <v>2</v>
      </c>
      <c r="CA9" s="180">
        <v>12</v>
      </c>
      <c r="CB9" s="178">
        <v>18</v>
      </c>
      <c r="CC9" s="181">
        <v>32</v>
      </c>
      <c r="CD9" s="183">
        <v>32</v>
      </c>
      <c r="CE9" s="184">
        <v>0</v>
      </c>
      <c r="CF9" s="178">
        <v>0</v>
      </c>
      <c r="CG9" s="178">
        <v>0</v>
      </c>
      <c r="CH9" s="179">
        <v>0</v>
      </c>
      <c r="CI9" s="180">
        <v>0</v>
      </c>
      <c r="CJ9" s="180">
        <v>0</v>
      </c>
      <c r="CK9" s="180">
        <v>0</v>
      </c>
      <c r="CL9" s="178">
        <v>0</v>
      </c>
      <c r="CM9" s="181">
        <v>0</v>
      </c>
      <c r="CN9" s="183">
        <v>0</v>
      </c>
      <c r="CO9" s="184">
        <v>0</v>
      </c>
      <c r="CP9" s="178">
        <v>0</v>
      </c>
      <c r="CQ9" s="178">
        <v>0</v>
      </c>
      <c r="CR9" s="179">
        <v>0</v>
      </c>
      <c r="CS9" s="180">
        <v>1</v>
      </c>
      <c r="CT9" s="180">
        <v>3</v>
      </c>
      <c r="CU9" s="180">
        <v>42</v>
      </c>
      <c r="CV9" s="178">
        <v>57</v>
      </c>
      <c r="CW9" s="181">
        <v>103</v>
      </c>
      <c r="CX9" s="182">
        <v>103</v>
      </c>
      <c r="CY9" s="177">
        <v>0</v>
      </c>
      <c r="CZ9" s="178">
        <v>0</v>
      </c>
      <c r="DA9" s="178">
        <v>0</v>
      </c>
      <c r="DB9" s="179">
        <v>0</v>
      </c>
      <c r="DC9" s="180">
        <v>1</v>
      </c>
      <c r="DD9" s="180">
        <v>3</v>
      </c>
      <c r="DE9" s="180">
        <v>41</v>
      </c>
      <c r="DF9" s="178">
        <v>56</v>
      </c>
      <c r="DG9" s="181">
        <v>101</v>
      </c>
      <c r="DH9" s="183">
        <v>101</v>
      </c>
      <c r="DI9" s="184">
        <v>0</v>
      </c>
      <c r="DJ9" s="178">
        <v>0</v>
      </c>
      <c r="DK9" s="178">
        <v>0</v>
      </c>
      <c r="DL9" s="179">
        <v>0</v>
      </c>
      <c r="DM9" s="180">
        <v>0</v>
      </c>
      <c r="DN9" s="180">
        <v>0</v>
      </c>
      <c r="DO9" s="180">
        <v>1</v>
      </c>
      <c r="DP9" s="178">
        <v>1</v>
      </c>
      <c r="DQ9" s="181">
        <v>2</v>
      </c>
      <c r="DR9" s="183">
        <v>2</v>
      </c>
      <c r="DS9" s="184">
        <v>0</v>
      </c>
      <c r="DT9" s="178">
        <v>0</v>
      </c>
      <c r="DU9" s="178">
        <v>0</v>
      </c>
      <c r="DV9" s="179">
        <v>303</v>
      </c>
      <c r="DW9" s="180">
        <v>501</v>
      </c>
      <c r="DX9" s="180">
        <v>1787</v>
      </c>
      <c r="DY9" s="180">
        <v>2623</v>
      </c>
      <c r="DZ9" s="178">
        <v>1762</v>
      </c>
      <c r="EA9" s="181">
        <v>6976</v>
      </c>
      <c r="EB9" s="183">
        <v>6976</v>
      </c>
      <c r="EC9" s="32"/>
    </row>
    <row r="10" spans="2:133" ht="21" customHeight="1" x14ac:dyDescent="0.2">
      <c r="B10" s="437" t="s">
        <v>14</v>
      </c>
      <c r="C10" s="177">
        <v>0</v>
      </c>
      <c r="D10" s="178">
        <v>0</v>
      </c>
      <c r="E10" s="178">
        <v>0</v>
      </c>
      <c r="F10" s="179">
        <v>10</v>
      </c>
      <c r="G10" s="180">
        <v>38</v>
      </c>
      <c r="H10" s="180">
        <v>825</v>
      </c>
      <c r="I10" s="180">
        <v>1290</v>
      </c>
      <c r="J10" s="178">
        <v>825</v>
      </c>
      <c r="K10" s="181">
        <v>2988</v>
      </c>
      <c r="L10" s="182">
        <v>2988</v>
      </c>
      <c r="M10" s="177">
        <v>0</v>
      </c>
      <c r="N10" s="178">
        <v>0</v>
      </c>
      <c r="O10" s="181">
        <v>0</v>
      </c>
      <c r="P10" s="179">
        <v>10</v>
      </c>
      <c r="Q10" s="180">
        <v>38</v>
      </c>
      <c r="R10" s="180">
        <v>821</v>
      </c>
      <c r="S10" s="180">
        <v>1278</v>
      </c>
      <c r="T10" s="178">
        <v>817</v>
      </c>
      <c r="U10" s="181">
        <v>2964</v>
      </c>
      <c r="V10" s="183">
        <v>2964</v>
      </c>
      <c r="W10" s="184">
        <v>0</v>
      </c>
      <c r="X10" s="178">
        <v>0</v>
      </c>
      <c r="Y10" s="181">
        <v>0</v>
      </c>
      <c r="Z10" s="184">
        <v>0</v>
      </c>
      <c r="AA10" s="180">
        <v>0</v>
      </c>
      <c r="AB10" s="180">
        <v>4</v>
      </c>
      <c r="AC10" s="180">
        <v>12</v>
      </c>
      <c r="AD10" s="178">
        <v>8</v>
      </c>
      <c r="AE10" s="181">
        <v>24</v>
      </c>
      <c r="AF10" s="185">
        <v>24</v>
      </c>
      <c r="AG10" s="184">
        <v>0</v>
      </c>
      <c r="AH10" s="178">
        <v>0</v>
      </c>
      <c r="AI10" s="181">
        <v>0</v>
      </c>
      <c r="AJ10" s="184">
        <v>70</v>
      </c>
      <c r="AK10" s="180">
        <v>205</v>
      </c>
      <c r="AL10" s="180">
        <v>316</v>
      </c>
      <c r="AM10" s="180">
        <v>394</v>
      </c>
      <c r="AN10" s="178">
        <v>210</v>
      </c>
      <c r="AO10" s="181">
        <v>1195</v>
      </c>
      <c r="AP10" s="185">
        <v>1195</v>
      </c>
      <c r="AQ10" s="184">
        <v>0</v>
      </c>
      <c r="AR10" s="178">
        <v>0</v>
      </c>
      <c r="AS10" s="181">
        <v>0</v>
      </c>
      <c r="AT10" s="179">
        <v>68</v>
      </c>
      <c r="AU10" s="180">
        <v>204</v>
      </c>
      <c r="AV10" s="180">
        <v>308</v>
      </c>
      <c r="AW10" s="180">
        <v>388</v>
      </c>
      <c r="AX10" s="178">
        <v>204</v>
      </c>
      <c r="AY10" s="181">
        <v>1172</v>
      </c>
      <c r="AZ10" s="182">
        <v>1172</v>
      </c>
      <c r="BA10" s="177">
        <v>0</v>
      </c>
      <c r="BB10" s="178">
        <v>0</v>
      </c>
      <c r="BC10" s="178">
        <v>0</v>
      </c>
      <c r="BD10" s="179">
        <v>2</v>
      </c>
      <c r="BE10" s="180">
        <v>1</v>
      </c>
      <c r="BF10" s="180">
        <v>8</v>
      </c>
      <c r="BG10" s="180">
        <v>6</v>
      </c>
      <c r="BH10" s="178">
        <v>6</v>
      </c>
      <c r="BI10" s="181">
        <v>23</v>
      </c>
      <c r="BJ10" s="183">
        <v>23</v>
      </c>
      <c r="BK10" s="184">
        <v>0</v>
      </c>
      <c r="BL10" s="178">
        <v>0</v>
      </c>
      <c r="BM10" s="178">
        <v>0</v>
      </c>
      <c r="BN10" s="179">
        <v>0</v>
      </c>
      <c r="BO10" s="180">
        <v>0</v>
      </c>
      <c r="BP10" s="180">
        <v>1</v>
      </c>
      <c r="BQ10" s="180">
        <v>22</v>
      </c>
      <c r="BR10" s="178">
        <v>16</v>
      </c>
      <c r="BS10" s="181">
        <v>39</v>
      </c>
      <c r="BT10" s="182">
        <v>39</v>
      </c>
      <c r="BU10" s="177">
        <v>0</v>
      </c>
      <c r="BV10" s="178">
        <v>0</v>
      </c>
      <c r="BW10" s="178">
        <v>0</v>
      </c>
      <c r="BX10" s="179">
        <v>0</v>
      </c>
      <c r="BY10" s="180">
        <v>0</v>
      </c>
      <c r="BZ10" s="180">
        <v>1</v>
      </c>
      <c r="CA10" s="180">
        <v>22</v>
      </c>
      <c r="CB10" s="178">
        <v>16</v>
      </c>
      <c r="CC10" s="181">
        <v>39</v>
      </c>
      <c r="CD10" s="183">
        <v>39</v>
      </c>
      <c r="CE10" s="184">
        <v>0</v>
      </c>
      <c r="CF10" s="178">
        <v>0</v>
      </c>
      <c r="CG10" s="178">
        <v>0</v>
      </c>
      <c r="CH10" s="179">
        <v>0</v>
      </c>
      <c r="CI10" s="180">
        <v>0</v>
      </c>
      <c r="CJ10" s="180">
        <v>0</v>
      </c>
      <c r="CK10" s="180">
        <v>0</v>
      </c>
      <c r="CL10" s="178">
        <v>0</v>
      </c>
      <c r="CM10" s="181">
        <v>0</v>
      </c>
      <c r="CN10" s="183">
        <v>0</v>
      </c>
      <c r="CO10" s="184">
        <v>0</v>
      </c>
      <c r="CP10" s="178">
        <v>0</v>
      </c>
      <c r="CQ10" s="178">
        <v>0</v>
      </c>
      <c r="CR10" s="179">
        <v>0</v>
      </c>
      <c r="CS10" s="180">
        <v>1</v>
      </c>
      <c r="CT10" s="180">
        <v>9</v>
      </c>
      <c r="CU10" s="180">
        <v>78</v>
      </c>
      <c r="CV10" s="178">
        <v>83</v>
      </c>
      <c r="CW10" s="181">
        <v>171</v>
      </c>
      <c r="CX10" s="182">
        <v>171</v>
      </c>
      <c r="CY10" s="177">
        <v>0</v>
      </c>
      <c r="CZ10" s="178">
        <v>0</v>
      </c>
      <c r="DA10" s="178">
        <v>0</v>
      </c>
      <c r="DB10" s="179">
        <v>0</v>
      </c>
      <c r="DC10" s="180">
        <v>0</v>
      </c>
      <c r="DD10" s="180">
        <v>8</v>
      </c>
      <c r="DE10" s="180">
        <v>78</v>
      </c>
      <c r="DF10" s="178">
        <v>81</v>
      </c>
      <c r="DG10" s="181">
        <v>167</v>
      </c>
      <c r="DH10" s="183">
        <v>167</v>
      </c>
      <c r="DI10" s="184">
        <v>0</v>
      </c>
      <c r="DJ10" s="178">
        <v>0</v>
      </c>
      <c r="DK10" s="178">
        <v>0</v>
      </c>
      <c r="DL10" s="179">
        <v>0</v>
      </c>
      <c r="DM10" s="180">
        <v>1</v>
      </c>
      <c r="DN10" s="180">
        <v>1</v>
      </c>
      <c r="DO10" s="180">
        <v>0</v>
      </c>
      <c r="DP10" s="178">
        <v>2</v>
      </c>
      <c r="DQ10" s="181">
        <v>4</v>
      </c>
      <c r="DR10" s="183">
        <v>4</v>
      </c>
      <c r="DS10" s="184">
        <v>0</v>
      </c>
      <c r="DT10" s="178">
        <v>0</v>
      </c>
      <c r="DU10" s="178">
        <v>0</v>
      </c>
      <c r="DV10" s="179">
        <v>80</v>
      </c>
      <c r="DW10" s="180">
        <v>244</v>
      </c>
      <c r="DX10" s="180">
        <v>1149</v>
      </c>
      <c r="DY10" s="180">
        <v>1781</v>
      </c>
      <c r="DZ10" s="178">
        <v>1128</v>
      </c>
      <c r="EA10" s="181">
        <v>4382</v>
      </c>
      <c r="EB10" s="183">
        <v>4382</v>
      </c>
      <c r="EC10" s="32"/>
    </row>
    <row r="11" spans="2:133" ht="21" customHeight="1" x14ac:dyDescent="0.2">
      <c r="B11" s="437" t="s">
        <v>7</v>
      </c>
      <c r="C11" s="177">
        <v>0</v>
      </c>
      <c r="D11" s="178">
        <v>0</v>
      </c>
      <c r="E11" s="178">
        <v>0</v>
      </c>
      <c r="F11" s="179">
        <v>20</v>
      </c>
      <c r="G11" s="180">
        <v>47</v>
      </c>
      <c r="H11" s="180">
        <v>604</v>
      </c>
      <c r="I11" s="180">
        <v>914</v>
      </c>
      <c r="J11" s="178">
        <v>587</v>
      </c>
      <c r="K11" s="181">
        <v>2172</v>
      </c>
      <c r="L11" s="182">
        <v>2172</v>
      </c>
      <c r="M11" s="177">
        <v>0</v>
      </c>
      <c r="N11" s="178">
        <v>0</v>
      </c>
      <c r="O11" s="181">
        <v>0</v>
      </c>
      <c r="P11" s="179">
        <v>19</v>
      </c>
      <c r="Q11" s="180">
        <v>45</v>
      </c>
      <c r="R11" s="180">
        <v>603</v>
      </c>
      <c r="S11" s="180">
        <v>899</v>
      </c>
      <c r="T11" s="178">
        <v>577</v>
      </c>
      <c r="U11" s="181">
        <v>2143</v>
      </c>
      <c r="V11" s="183">
        <v>2143</v>
      </c>
      <c r="W11" s="184">
        <v>0</v>
      </c>
      <c r="X11" s="178">
        <v>0</v>
      </c>
      <c r="Y11" s="181">
        <v>0</v>
      </c>
      <c r="Z11" s="184">
        <v>1</v>
      </c>
      <c r="AA11" s="180">
        <v>2</v>
      </c>
      <c r="AB11" s="180">
        <v>1</v>
      </c>
      <c r="AC11" s="180">
        <v>15</v>
      </c>
      <c r="AD11" s="178">
        <v>10</v>
      </c>
      <c r="AE11" s="181">
        <v>29</v>
      </c>
      <c r="AF11" s="185">
        <v>29</v>
      </c>
      <c r="AG11" s="184">
        <v>0</v>
      </c>
      <c r="AH11" s="178">
        <v>0</v>
      </c>
      <c r="AI11" s="181">
        <v>0</v>
      </c>
      <c r="AJ11" s="184">
        <v>157</v>
      </c>
      <c r="AK11" s="180">
        <v>212</v>
      </c>
      <c r="AL11" s="180">
        <v>260</v>
      </c>
      <c r="AM11" s="180">
        <v>290</v>
      </c>
      <c r="AN11" s="178">
        <v>109</v>
      </c>
      <c r="AO11" s="181">
        <v>1028</v>
      </c>
      <c r="AP11" s="185">
        <v>1028</v>
      </c>
      <c r="AQ11" s="184">
        <v>0</v>
      </c>
      <c r="AR11" s="178">
        <v>0</v>
      </c>
      <c r="AS11" s="181">
        <v>0</v>
      </c>
      <c r="AT11" s="179">
        <v>157</v>
      </c>
      <c r="AU11" s="180">
        <v>210</v>
      </c>
      <c r="AV11" s="180">
        <v>253</v>
      </c>
      <c r="AW11" s="180">
        <v>283</v>
      </c>
      <c r="AX11" s="178">
        <v>105</v>
      </c>
      <c r="AY11" s="181">
        <v>1008</v>
      </c>
      <c r="AZ11" s="182">
        <v>1008</v>
      </c>
      <c r="BA11" s="177">
        <v>0</v>
      </c>
      <c r="BB11" s="178">
        <v>0</v>
      </c>
      <c r="BC11" s="178">
        <v>0</v>
      </c>
      <c r="BD11" s="179">
        <v>0</v>
      </c>
      <c r="BE11" s="180">
        <v>2</v>
      </c>
      <c r="BF11" s="180">
        <v>7</v>
      </c>
      <c r="BG11" s="180">
        <v>7</v>
      </c>
      <c r="BH11" s="178">
        <v>4</v>
      </c>
      <c r="BI11" s="181">
        <v>20</v>
      </c>
      <c r="BJ11" s="183">
        <v>20</v>
      </c>
      <c r="BK11" s="184">
        <v>0</v>
      </c>
      <c r="BL11" s="178">
        <v>0</v>
      </c>
      <c r="BM11" s="178">
        <v>0</v>
      </c>
      <c r="BN11" s="179">
        <v>0</v>
      </c>
      <c r="BO11" s="180">
        <v>0</v>
      </c>
      <c r="BP11" s="180">
        <v>0</v>
      </c>
      <c r="BQ11" s="180">
        <v>1</v>
      </c>
      <c r="BR11" s="178">
        <v>2</v>
      </c>
      <c r="BS11" s="181">
        <v>3</v>
      </c>
      <c r="BT11" s="182">
        <v>3</v>
      </c>
      <c r="BU11" s="177">
        <v>0</v>
      </c>
      <c r="BV11" s="178">
        <v>0</v>
      </c>
      <c r="BW11" s="178">
        <v>0</v>
      </c>
      <c r="BX11" s="179">
        <v>0</v>
      </c>
      <c r="BY11" s="180">
        <v>0</v>
      </c>
      <c r="BZ11" s="180">
        <v>0</v>
      </c>
      <c r="CA11" s="180">
        <v>1</v>
      </c>
      <c r="CB11" s="178">
        <v>2</v>
      </c>
      <c r="CC11" s="181">
        <v>3</v>
      </c>
      <c r="CD11" s="183">
        <v>3</v>
      </c>
      <c r="CE11" s="184">
        <v>0</v>
      </c>
      <c r="CF11" s="178">
        <v>0</v>
      </c>
      <c r="CG11" s="178">
        <v>0</v>
      </c>
      <c r="CH11" s="179">
        <v>0</v>
      </c>
      <c r="CI11" s="180">
        <v>0</v>
      </c>
      <c r="CJ11" s="180">
        <v>0</v>
      </c>
      <c r="CK11" s="180">
        <v>0</v>
      </c>
      <c r="CL11" s="178">
        <v>0</v>
      </c>
      <c r="CM11" s="181">
        <v>0</v>
      </c>
      <c r="CN11" s="183">
        <v>0</v>
      </c>
      <c r="CO11" s="184">
        <v>0</v>
      </c>
      <c r="CP11" s="178">
        <v>0</v>
      </c>
      <c r="CQ11" s="178">
        <v>0</v>
      </c>
      <c r="CR11" s="179">
        <v>0</v>
      </c>
      <c r="CS11" s="180">
        <v>0</v>
      </c>
      <c r="CT11" s="180">
        <v>2</v>
      </c>
      <c r="CU11" s="180">
        <v>3</v>
      </c>
      <c r="CV11" s="178">
        <v>0</v>
      </c>
      <c r="CW11" s="181">
        <v>5</v>
      </c>
      <c r="CX11" s="182">
        <v>5</v>
      </c>
      <c r="CY11" s="177">
        <v>0</v>
      </c>
      <c r="CZ11" s="178">
        <v>0</v>
      </c>
      <c r="DA11" s="178">
        <v>0</v>
      </c>
      <c r="DB11" s="179">
        <v>0</v>
      </c>
      <c r="DC11" s="180">
        <v>0</v>
      </c>
      <c r="DD11" s="180">
        <v>2</v>
      </c>
      <c r="DE11" s="180">
        <v>3</v>
      </c>
      <c r="DF11" s="178">
        <v>0</v>
      </c>
      <c r="DG11" s="181">
        <v>5</v>
      </c>
      <c r="DH11" s="183">
        <v>5</v>
      </c>
      <c r="DI11" s="184">
        <v>0</v>
      </c>
      <c r="DJ11" s="178">
        <v>0</v>
      </c>
      <c r="DK11" s="178">
        <v>0</v>
      </c>
      <c r="DL11" s="179">
        <v>0</v>
      </c>
      <c r="DM11" s="180">
        <v>0</v>
      </c>
      <c r="DN11" s="180">
        <v>0</v>
      </c>
      <c r="DO11" s="180">
        <v>0</v>
      </c>
      <c r="DP11" s="178">
        <v>0</v>
      </c>
      <c r="DQ11" s="181">
        <v>0</v>
      </c>
      <c r="DR11" s="183">
        <v>0</v>
      </c>
      <c r="DS11" s="184">
        <v>0</v>
      </c>
      <c r="DT11" s="178">
        <v>0</v>
      </c>
      <c r="DU11" s="178">
        <v>0</v>
      </c>
      <c r="DV11" s="179">
        <v>177</v>
      </c>
      <c r="DW11" s="180">
        <v>259</v>
      </c>
      <c r="DX11" s="180">
        <v>861</v>
      </c>
      <c r="DY11" s="180">
        <v>1202</v>
      </c>
      <c r="DZ11" s="178">
        <v>691</v>
      </c>
      <c r="EA11" s="181">
        <v>3190</v>
      </c>
      <c r="EB11" s="183">
        <v>3190</v>
      </c>
      <c r="EC11" s="32"/>
    </row>
    <row r="12" spans="2:133" ht="21" customHeight="1" x14ac:dyDescent="0.2">
      <c r="B12" s="437" t="s">
        <v>8</v>
      </c>
      <c r="C12" s="177">
        <v>0</v>
      </c>
      <c r="D12" s="178">
        <v>0</v>
      </c>
      <c r="E12" s="178">
        <v>0</v>
      </c>
      <c r="F12" s="179">
        <v>15</v>
      </c>
      <c r="G12" s="180">
        <v>61</v>
      </c>
      <c r="H12" s="180">
        <v>375</v>
      </c>
      <c r="I12" s="180">
        <v>408</v>
      </c>
      <c r="J12" s="178">
        <v>245</v>
      </c>
      <c r="K12" s="181">
        <v>1104</v>
      </c>
      <c r="L12" s="182">
        <v>1104</v>
      </c>
      <c r="M12" s="177">
        <v>0</v>
      </c>
      <c r="N12" s="178">
        <v>0</v>
      </c>
      <c r="O12" s="181">
        <v>0</v>
      </c>
      <c r="P12" s="179">
        <v>15</v>
      </c>
      <c r="Q12" s="180">
        <v>60</v>
      </c>
      <c r="R12" s="180">
        <v>374</v>
      </c>
      <c r="S12" s="180">
        <v>403</v>
      </c>
      <c r="T12" s="178">
        <v>243</v>
      </c>
      <c r="U12" s="181">
        <v>1095</v>
      </c>
      <c r="V12" s="183">
        <v>1095</v>
      </c>
      <c r="W12" s="184">
        <v>0</v>
      </c>
      <c r="X12" s="178">
        <v>0</v>
      </c>
      <c r="Y12" s="181">
        <v>0</v>
      </c>
      <c r="Z12" s="184">
        <v>0</v>
      </c>
      <c r="AA12" s="180">
        <v>1</v>
      </c>
      <c r="AB12" s="180">
        <v>1</v>
      </c>
      <c r="AC12" s="180">
        <v>5</v>
      </c>
      <c r="AD12" s="178">
        <v>2</v>
      </c>
      <c r="AE12" s="181">
        <v>9</v>
      </c>
      <c r="AF12" s="185">
        <v>9</v>
      </c>
      <c r="AG12" s="184">
        <v>0</v>
      </c>
      <c r="AH12" s="178">
        <v>0</v>
      </c>
      <c r="AI12" s="181">
        <v>0</v>
      </c>
      <c r="AJ12" s="184">
        <v>50</v>
      </c>
      <c r="AK12" s="180">
        <v>89</v>
      </c>
      <c r="AL12" s="180">
        <v>169</v>
      </c>
      <c r="AM12" s="180">
        <v>143</v>
      </c>
      <c r="AN12" s="178">
        <v>75</v>
      </c>
      <c r="AO12" s="181">
        <v>526</v>
      </c>
      <c r="AP12" s="185">
        <v>526</v>
      </c>
      <c r="AQ12" s="184">
        <v>0</v>
      </c>
      <c r="AR12" s="178">
        <v>0</v>
      </c>
      <c r="AS12" s="181">
        <v>0</v>
      </c>
      <c r="AT12" s="179">
        <v>50</v>
      </c>
      <c r="AU12" s="180">
        <v>88</v>
      </c>
      <c r="AV12" s="180">
        <v>168</v>
      </c>
      <c r="AW12" s="180">
        <v>141</v>
      </c>
      <c r="AX12" s="178">
        <v>73</v>
      </c>
      <c r="AY12" s="181">
        <v>520</v>
      </c>
      <c r="AZ12" s="182">
        <v>520</v>
      </c>
      <c r="BA12" s="177">
        <v>0</v>
      </c>
      <c r="BB12" s="178">
        <v>0</v>
      </c>
      <c r="BC12" s="178">
        <v>0</v>
      </c>
      <c r="BD12" s="179">
        <v>0</v>
      </c>
      <c r="BE12" s="180">
        <v>1</v>
      </c>
      <c r="BF12" s="180">
        <v>1</v>
      </c>
      <c r="BG12" s="180">
        <v>2</v>
      </c>
      <c r="BH12" s="178">
        <v>2</v>
      </c>
      <c r="BI12" s="181">
        <v>6</v>
      </c>
      <c r="BJ12" s="183">
        <v>6</v>
      </c>
      <c r="BK12" s="184">
        <v>0</v>
      </c>
      <c r="BL12" s="178">
        <v>0</v>
      </c>
      <c r="BM12" s="178">
        <v>0</v>
      </c>
      <c r="BN12" s="179">
        <v>0</v>
      </c>
      <c r="BO12" s="180">
        <v>0</v>
      </c>
      <c r="BP12" s="180">
        <v>0</v>
      </c>
      <c r="BQ12" s="180">
        <v>0</v>
      </c>
      <c r="BR12" s="178">
        <v>0</v>
      </c>
      <c r="BS12" s="181">
        <v>0</v>
      </c>
      <c r="BT12" s="182">
        <v>0</v>
      </c>
      <c r="BU12" s="177">
        <v>0</v>
      </c>
      <c r="BV12" s="178">
        <v>0</v>
      </c>
      <c r="BW12" s="178">
        <v>0</v>
      </c>
      <c r="BX12" s="179">
        <v>0</v>
      </c>
      <c r="BY12" s="180">
        <v>0</v>
      </c>
      <c r="BZ12" s="180">
        <v>0</v>
      </c>
      <c r="CA12" s="180">
        <v>0</v>
      </c>
      <c r="CB12" s="178">
        <v>0</v>
      </c>
      <c r="CC12" s="181">
        <v>0</v>
      </c>
      <c r="CD12" s="183">
        <v>0</v>
      </c>
      <c r="CE12" s="184">
        <v>0</v>
      </c>
      <c r="CF12" s="178">
        <v>0</v>
      </c>
      <c r="CG12" s="178">
        <v>0</v>
      </c>
      <c r="CH12" s="179">
        <v>0</v>
      </c>
      <c r="CI12" s="180">
        <v>0</v>
      </c>
      <c r="CJ12" s="180">
        <v>0</v>
      </c>
      <c r="CK12" s="180">
        <v>0</v>
      </c>
      <c r="CL12" s="178">
        <v>0</v>
      </c>
      <c r="CM12" s="181">
        <v>0</v>
      </c>
      <c r="CN12" s="183">
        <v>0</v>
      </c>
      <c r="CO12" s="184">
        <v>0</v>
      </c>
      <c r="CP12" s="178">
        <v>0</v>
      </c>
      <c r="CQ12" s="178">
        <v>0</v>
      </c>
      <c r="CR12" s="179">
        <v>2</v>
      </c>
      <c r="CS12" s="180">
        <v>1</v>
      </c>
      <c r="CT12" s="180">
        <v>2</v>
      </c>
      <c r="CU12" s="180">
        <v>6</v>
      </c>
      <c r="CV12" s="178">
        <v>7</v>
      </c>
      <c r="CW12" s="181">
        <v>18</v>
      </c>
      <c r="CX12" s="182">
        <v>18</v>
      </c>
      <c r="CY12" s="177">
        <v>0</v>
      </c>
      <c r="CZ12" s="178">
        <v>0</v>
      </c>
      <c r="DA12" s="178">
        <v>0</v>
      </c>
      <c r="DB12" s="179">
        <v>2</v>
      </c>
      <c r="DC12" s="180">
        <v>1</v>
      </c>
      <c r="DD12" s="180">
        <v>2</v>
      </c>
      <c r="DE12" s="180">
        <v>5</v>
      </c>
      <c r="DF12" s="178">
        <v>7</v>
      </c>
      <c r="DG12" s="181">
        <v>17</v>
      </c>
      <c r="DH12" s="183">
        <v>17</v>
      </c>
      <c r="DI12" s="184">
        <v>0</v>
      </c>
      <c r="DJ12" s="178">
        <v>0</v>
      </c>
      <c r="DK12" s="178">
        <v>0</v>
      </c>
      <c r="DL12" s="179">
        <v>0</v>
      </c>
      <c r="DM12" s="180">
        <v>0</v>
      </c>
      <c r="DN12" s="180">
        <v>0</v>
      </c>
      <c r="DO12" s="180">
        <v>1</v>
      </c>
      <c r="DP12" s="178">
        <v>0</v>
      </c>
      <c r="DQ12" s="181">
        <v>1</v>
      </c>
      <c r="DR12" s="183">
        <v>1</v>
      </c>
      <c r="DS12" s="184">
        <v>0</v>
      </c>
      <c r="DT12" s="178">
        <v>0</v>
      </c>
      <c r="DU12" s="178">
        <v>0</v>
      </c>
      <c r="DV12" s="179">
        <v>67</v>
      </c>
      <c r="DW12" s="180">
        <v>151</v>
      </c>
      <c r="DX12" s="180">
        <v>546</v>
      </c>
      <c r="DY12" s="180">
        <v>557</v>
      </c>
      <c r="DZ12" s="178">
        <v>327</v>
      </c>
      <c r="EA12" s="181">
        <v>1648</v>
      </c>
      <c r="EB12" s="183">
        <v>1648</v>
      </c>
      <c r="EC12" s="32"/>
    </row>
    <row r="13" spans="2:133" ht="21" customHeight="1" x14ac:dyDescent="0.2">
      <c r="B13" s="437" t="s">
        <v>9</v>
      </c>
      <c r="C13" s="177">
        <v>0</v>
      </c>
      <c r="D13" s="178">
        <v>0</v>
      </c>
      <c r="E13" s="178">
        <v>0</v>
      </c>
      <c r="F13" s="179">
        <v>5</v>
      </c>
      <c r="G13" s="180">
        <v>5</v>
      </c>
      <c r="H13" s="180">
        <v>207</v>
      </c>
      <c r="I13" s="180">
        <v>349</v>
      </c>
      <c r="J13" s="178">
        <v>275</v>
      </c>
      <c r="K13" s="181">
        <v>841</v>
      </c>
      <c r="L13" s="182">
        <v>841</v>
      </c>
      <c r="M13" s="177">
        <v>0</v>
      </c>
      <c r="N13" s="178">
        <v>0</v>
      </c>
      <c r="O13" s="181">
        <v>0</v>
      </c>
      <c r="P13" s="179">
        <v>5</v>
      </c>
      <c r="Q13" s="180">
        <v>5</v>
      </c>
      <c r="R13" s="180">
        <v>206</v>
      </c>
      <c r="S13" s="180">
        <v>345</v>
      </c>
      <c r="T13" s="178">
        <v>273</v>
      </c>
      <c r="U13" s="181">
        <v>834</v>
      </c>
      <c r="V13" s="183">
        <v>834</v>
      </c>
      <c r="W13" s="184">
        <v>0</v>
      </c>
      <c r="X13" s="178">
        <v>0</v>
      </c>
      <c r="Y13" s="181">
        <v>0</v>
      </c>
      <c r="Z13" s="184">
        <v>0</v>
      </c>
      <c r="AA13" s="180">
        <v>0</v>
      </c>
      <c r="AB13" s="180">
        <v>1</v>
      </c>
      <c r="AC13" s="180">
        <v>4</v>
      </c>
      <c r="AD13" s="178">
        <v>2</v>
      </c>
      <c r="AE13" s="181">
        <v>7</v>
      </c>
      <c r="AF13" s="185">
        <v>7</v>
      </c>
      <c r="AG13" s="184">
        <v>0</v>
      </c>
      <c r="AH13" s="178">
        <v>0</v>
      </c>
      <c r="AI13" s="181">
        <v>0</v>
      </c>
      <c r="AJ13" s="184">
        <v>28</v>
      </c>
      <c r="AK13" s="180">
        <v>53</v>
      </c>
      <c r="AL13" s="180">
        <v>107</v>
      </c>
      <c r="AM13" s="180">
        <v>126</v>
      </c>
      <c r="AN13" s="178">
        <v>73</v>
      </c>
      <c r="AO13" s="181">
        <v>387</v>
      </c>
      <c r="AP13" s="185">
        <v>387</v>
      </c>
      <c r="AQ13" s="184">
        <v>0</v>
      </c>
      <c r="AR13" s="178">
        <v>0</v>
      </c>
      <c r="AS13" s="181">
        <v>0</v>
      </c>
      <c r="AT13" s="179">
        <v>28</v>
      </c>
      <c r="AU13" s="180">
        <v>53</v>
      </c>
      <c r="AV13" s="180">
        <v>103</v>
      </c>
      <c r="AW13" s="180">
        <v>123</v>
      </c>
      <c r="AX13" s="178">
        <v>72</v>
      </c>
      <c r="AY13" s="181">
        <v>379</v>
      </c>
      <c r="AZ13" s="182">
        <v>379</v>
      </c>
      <c r="BA13" s="177">
        <v>0</v>
      </c>
      <c r="BB13" s="178">
        <v>0</v>
      </c>
      <c r="BC13" s="178">
        <v>0</v>
      </c>
      <c r="BD13" s="179">
        <v>0</v>
      </c>
      <c r="BE13" s="180">
        <v>0</v>
      </c>
      <c r="BF13" s="180">
        <v>4</v>
      </c>
      <c r="BG13" s="180">
        <v>3</v>
      </c>
      <c r="BH13" s="178">
        <v>1</v>
      </c>
      <c r="BI13" s="181">
        <v>8</v>
      </c>
      <c r="BJ13" s="183">
        <v>8</v>
      </c>
      <c r="BK13" s="184">
        <v>0</v>
      </c>
      <c r="BL13" s="178">
        <v>0</v>
      </c>
      <c r="BM13" s="178">
        <v>0</v>
      </c>
      <c r="BN13" s="179">
        <v>0</v>
      </c>
      <c r="BO13" s="180">
        <v>0</v>
      </c>
      <c r="BP13" s="180">
        <v>0</v>
      </c>
      <c r="BQ13" s="180">
        <v>0</v>
      </c>
      <c r="BR13" s="178">
        <v>0</v>
      </c>
      <c r="BS13" s="181">
        <v>0</v>
      </c>
      <c r="BT13" s="182">
        <v>0</v>
      </c>
      <c r="BU13" s="177">
        <v>0</v>
      </c>
      <c r="BV13" s="178">
        <v>0</v>
      </c>
      <c r="BW13" s="178">
        <v>0</v>
      </c>
      <c r="BX13" s="179">
        <v>0</v>
      </c>
      <c r="BY13" s="180">
        <v>0</v>
      </c>
      <c r="BZ13" s="180">
        <v>0</v>
      </c>
      <c r="CA13" s="180">
        <v>0</v>
      </c>
      <c r="CB13" s="178">
        <v>0</v>
      </c>
      <c r="CC13" s="181">
        <v>0</v>
      </c>
      <c r="CD13" s="183">
        <v>0</v>
      </c>
      <c r="CE13" s="184">
        <v>0</v>
      </c>
      <c r="CF13" s="178">
        <v>0</v>
      </c>
      <c r="CG13" s="178">
        <v>0</v>
      </c>
      <c r="CH13" s="179">
        <v>0</v>
      </c>
      <c r="CI13" s="180">
        <v>0</v>
      </c>
      <c r="CJ13" s="180">
        <v>0</v>
      </c>
      <c r="CK13" s="180">
        <v>0</v>
      </c>
      <c r="CL13" s="178">
        <v>0</v>
      </c>
      <c r="CM13" s="181">
        <v>0</v>
      </c>
      <c r="CN13" s="183">
        <v>0</v>
      </c>
      <c r="CO13" s="184">
        <v>0</v>
      </c>
      <c r="CP13" s="178">
        <v>0</v>
      </c>
      <c r="CQ13" s="178">
        <v>0</v>
      </c>
      <c r="CR13" s="179">
        <v>0</v>
      </c>
      <c r="CS13" s="180">
        <v>1</v>
      </c>
      <c r="CT13" s="180">
        <v>1</v>
      </c>
      <c r="CU13" s="180">
        <v>3</v>
      </c>
      <c r="CV13" s="178">
        <v>6</v>
      </c>
      <c r="CW13" s="181">
        <v>11</v>
      </c>
      <c r="CX13" s="182">
        <v>11</v>
      </c>
      <c r="CY13" s="177">
        <v>0</v>
      </c>
      <c r="CZ13" s="178">
        <v>0</v>
      </c>
      <c r="DA13" s="178">
        <v>0</v>
      </c>
      <c r="DB13" s="179">
        <v>0</v>
      </c>
      <c r="DC13" s="180">
        <v>1</v>
      </c>
      <c r="DD13" s="180">
        <v>1</v>
      </c>
      <c r="DE13" s="180">
        <v>3</v>
      </c>
      <c r="DF13" s="178">
        <v>6</v>
      </c>
      <c r="DG13" s="181">
        <v>11</v>
      </c>
      <c r="DH13" s="183">
        <v>11</v>
      </c>
      <c r="DI13" s="184">
        <v>0</v>
      </c>
      <c r="DJ13" s="178">
        <v>0</v>
      </c>
      <c r="DK13" s="178">
        <v>0</v>
      </c>
      <c r="DL13" s="179">
        <v>0</v>
      </c>
      <c r="DM13" s="180">
        <v>0</v>
      </c>
      <c r="DN13" s="180">
        <v>0</v>
      </c>
      <c r="DO13" s="180">
        <v>0</v>
      </c>
      <c r="DP13" s="178">
        <v>0</v>
      </c>
      <c r="DQ13" s="181">
        <v>0</v>
      </c>
      <c r="DR13" s="183">
        <v>0</v>
      </c>
      <c r="DS13" s="184">
        <v>0</v>
      </c>
      <c r="DT13" s="178">
        <v>0</v>
      </c>
      <c r="DU13" s="178">
        <v>0</v>
      </c>
      <c r="DV13" s="179">
        <v>33</v>
      </c>
      <c r="DW13" s="180">
        <v>59</v>
      </c>
      <c r="DX13" s="180">
        <v>313</v>
      </c>
      <c r="DY13" s="180">
        <v>475</v>
      </c>
      <c r="DZ13" s="178">
        <v>354</v>
      </c>
      <c r="EA13" s="181">
        <v>1234</v>
      </c>
      <c r="EB13" s="183">
        <v>1234</v>
      </c>
      <c r="EC13" s="32"/>
    </row>
    <row r="14" spans="2:133" ht="21" customHeight="1" x14ac:dyDescent="0.2">
      <c r="B14" s="437" t="s">
        <v>10</v>
      </c>
      <c r="C14" s="177">
        <v>0</v>
      </c>
      <c r="D14" s="178">
        <v>0</v>
      </c>
      <c r="E14" s="178">
        <v>0</v>
      </c>
      <c r="F14" s="179">
        <v>15</v>
      </c>
      <c r="G14" s="180">
        <v>47</v>
      </c>
      <c r="H14" s="180">
        <v>324</v>
      </c>
      <c r="I14" s="180">
        <v>572</v>
      </c>
      <c r="J14" s="178">
        <v>459</v>
      </c>
      <c r="K14" s="181">
        <v>1417</v>
      </c>
      <c r="L14" s="182">
        <v>1417</v>
      </c>
      <c r="M14" s="177">
        <v>0</v>
      </c>
      <c r="N14" s="178">
        <v>0</v>
      </c>
      <c r="O14" s="181">
        <v>0</v>
      </c>
      <c r="P14" s="179">
        <v>15</v>
      </c>
      <c r="Q14" s="180">
        <v>46</v>
      </c>
      <c r="R14" s="180">
        <v>320</v>
      </c>
      <c r="S14" s="180">
        <v>565</v>
      </c>
      <c r="T14" s="178">
        <v>453</v>
      </c>
      <c r="U14" s="181">
        <v>1399</v>
      </c>
      <c r="V14" s="183">
        <v>1399</v>
      </c>
      <c r="W14" s="184">
        <v>0</v>
      </c>
      <c r="X14" s="178">
        <v>0</v>
      </c>
      <c r="Y14" s="181">
        <v>0</v>
      </c>
      <c r="Z14" s="184">
        <v>0</v>
      </c>
      <c r="AA14" s="180">
        <v>1</v>
      </c>
      <c r="AB14" s="180">
        <v>4</v>
      </c>
      <c r="AC14" s="180">
        <v>7</v>
      </c>
      <c r="AD14" s="178">
        <v>6</v>
      </c>
      <c r="AE14" s="181">
        <v>18</v>
      </c>
      <c r="AF14" s="185">
        <v>18</v>
      </c>
      <c r="AG14" s="184">
        <v>0</v>
      </c>
      <c r="AH14" s="178">
        <v>0</v>
      </c>
      <c r="AI14" s="181">
        <v>0</v>
      </c>
      <c r="AJ14" s="184">
        <v>93</v>
      </c>
      <c r="AK14" s="180">
        <v>109</v>
      </c>
      <c r="AL14" s="180">
        <v>142</v>
      </c>
      <c r="AM14" s="180">
        <v>182</v>
      </c>
      <c r="AN14" s="178">
        <v>114</v>
      </c>
      <c r="AO14" s="181">
        <v>640</v>
      </c>
      <c r="AP14" s="185">
        <v>640</v>
      </c>
      <c r="AQ14" s="184">
        <v>0</v>
      </c>
      <c r="AR14" s="178">
        <v>0</v>
      </c>
      <c r="AS14" s="181">
        <v>0</v>
      </c>
      <c r="AT14" s="179">
        <v>90</v>
      </c>
      <c r="AU14" s="180">
        <v>108</v>
      </c>
      <c r="AV14" s="180">
        <v>140</v>
      </c>
      <c r="AW14" s="180">
        <v>180</v>
      </c>
      <c r="AX14" s="178">
        <v>111</v>
      </c>
      <c r="AY14" s="181">
        <v>629</v>
      </c>
      <c r="AZ14" s="182">
        <v>629</v>
      </c>
      <c r="BA14" s="177">
        <v>0</v>
      </c>
      <c r="BB14" s="178">
        <v>0</v>
      </c>
      <c r="BC14" s="178">
        <v>0</v>
      </c>
      <c r="BD14" s="179">
        <v>3</v>
      </c>
      <c r="BE14" s="180">
        <v>1</v>
      </c>
      <c r="BF14" s="180">
        <v>2</v>
      </c>
      <c r="BG14" s="180">
        <v>2</v>
      </c>
      <c r="BH14" s="178">
        <v>3</v>
      </c>
      <c r="BI14" s="181">
        <v>11</v>
      </c>
      <c r="BJ14" s="183">
        <v>11</v>
      </c>
      <c r="BK14" s="184">
        <v>0</v>
      </c>
      <c r="BL14" s="178">
        <v>0</v>
      </c>
      <c r="BM14" s="178">
        <v>0</v>
      </c>
      <c r="BN14" s="179">
        <v>0</v>
      </c>
      <c r="BO14" s="180">
        <v>0</v>
      </c>
      <c r="BP14" s="180">
        <v>0</v>
      </c>
      <c r="BQ14" s="180">
        <v>0</v>
      </c>
      <c r="BR14" s="178">
        <v>1</v>
      </c>
      <c r="BS14" s="181">
        <v>1</v>
      </c>
      <c r="BT14" s="182">
        <v>1</v>
      </c>
      <c r="BU14" s="177">
        <v>0</v>
      </c>
      <c r="BV14" s="178">
        <v>0</v>
      </c>
      <c r="BW14" s="178">
        <v>0</v>
      </c>
      <c r="BX14" s="179">
        <v>0</v>
      </c>
      <c r="BY14" s="180">
        <v>0</v>
      </c>
      <c r="BZ14" s="180">
        <v>0</v>
      </c>
      <c r="CA14" s="180">
        <v>0</v>
      </c>
      <c r="CB14" s="178">
        <v>1</v>
      </c>
      <c r="CC14" s="181">
        <v>1</v>
      </c>
      <c r="CD14" s="183">
        <v>1</v>
      </c>
      <c r="CE14" s="184">
        <v>0</v>
      </c>
      <c r="CF14" s="178">
        <v>0</v>
      </c>
      <c r="CG14" s="178">
        <v>0</v>
      </c>
      <c r="CH14" s="179">
        <v>0</v>
      </c>
      <c r="CI14" s="180">
        <v>0</v>
      </c>
      <c r="CJ14" s="180">
        <v>0</v>
      </c>
      <c r="CK14" s="180">
        <v>0</v>
      </c>
      <c r="CL14" s="178">
        <v>0</v>
      </c>
      <c r="CM14" s="181">
        <v>0</v>
      </c>
      <c r="CN14" s="183">
        <v>0</v>
      </c>
      <c r="CO14" s="184">
        <v>0</v>
      </c>
      <c r="CP14" s="178">
        <v>0</v>
      </c>
      <c r="CQ14" s="178">
        <v>0</v>
      </c>
      <c r="CR14" s="179">
        <v>0</v>
      </c>
      <c r="CS14" s="180">
        <v>0</v>
      </c>
      <c r="CT14" s="180">
        <v>0</v>
      </c>
      <c r="CU14" s="180">
        <v>5</v>
      </c>
      <c r="CV14" s="178">
        <v>30</v>
      </c>
      <c r="CW14" s="181">
        <v>35</v>
      </c>
      <c r="CX14" s="182">
        <v>35</v>
      </c>
      <c r="CY14" s="177">
        <v>0</v>
      </c>
      <c r="CZ14" s="178">
        <v>0</v>
      </c>
      <c r="DA14" s="178">
        <v>0</v>
      </c>
      <c r="DB14" s="179">
        <v>0</v>
      </c>
      <c r="DC14" s="180">
        <v>0</v>
      </c>
      <c r="DD14" s="180">
        <v>0</v>
      </c>
      <c r="DE14" s="180">
        <v>5</v>
      </c>
      <c r="DF14" s="178">
        <v>30</v>
      </c>
      <c r="DG14" s="181">
        <v>35</v>
      </c>
      <c r="DH14" s="183">
        <v>35</v>
      </c>
      <c r="DI14" s="184">
        <v>0</v>
      </c>
      <c r="DJ14" s="178">
        <v>0</v>
      </c>
      <c r="DK14" s="178">
        <v>0</v>
      </c>
      <c r="DL14" s="179">
        <v>0</v>
      </c>
      <c r="DM14" s="180">
        <v>0</v>
      </c>
      <c r="DN14" s="180">
        <v>0</v>
      </c>
      <c r="DO14" s="180">
        <v>0</v>
      </c>
      <c r="DP14" s="178">
        <v>0</v>
      </c>
      <c r="DQ14" s="181">
        <v>0</v>
      </c>
      <c r="DR14" s="183">
        <v>0</v>
      </c>
      <c r="DS14" s="184">
        <v>0</v>
      </c>
      <c r="DT14" s="178">
        <v>0</v>
      </c>
      <c r="DU14" s="178">
        <v>0</v>
      </c>
      <c r="DV14" s="179">
        <v>108</v>
      </c>
      <c r="DW14" s="180">
        <v>156</v>
      </c>
      <c r="DX14" s="180">
        <v>464</v>
      </c>
      <c r="DY14" s="180">
        <v>752</v>
      </c>
      <c r="DZ14" s="178">
        <v>602</v>
      </c>
      <c r="EA14" s="181">
        <v>2082</v>
      </c>
      <c r="EB14" s="183">
        <v>2082</v>
      </c>
      <c r="EC14" s="32"/>
    </row>
    <row r="15" spans="2:133" ht="21" customHeight="1" x14ac:dyDescent="0.2">
      <c r="B15" s="437" t="s">
        <v>11</v>
      </c>
      <c r="C15" s="177">
        <v>0</v>
      </c>
      <c r="D15" s="178">
        <v>0</v>
      </c>
      <c r="E15" s="178">
        <v>0</v>
      </c>
      <c r="F15" s="179">
        <v>1</v>
      </c>
      <c r="G15" s="180">
        <v>7</v>
      </c>
      <c r="H15" s="180">
        <v>193</v>
      </c>
      <c r="I15" s="180">
        <v>372</v>
      </c>
      <c r="J15" s="178">
        <v>211</v>
      </c>
      <c r="K15" s="181">
        <v>784</v>
      </c>
      <c r="L15" s="182">
        <v>784</v>
      </c>
      <c r="M15" s="177">
        <v>0</v>
      </c>
      <c r="N15" s="178">
        <v>0</v>
      </c>
      <c r="O15" s="181">
        <v>0</v>
      </c>
      <c r="P15" s="179">
        <v>1</v>
      </c>
      <c r="Q15" s="180">
        <v>7</v>
      </c>
      <c r="R15" s="180">
        <v>193</v>
      </c>
      <c r="S15" s="180">
        <v>369</v>
      </c>
      <c r="T15" s="178">
        <v>211</v>
      </c>
      <c r="U15" s="181">
        <v>781</v>
      </c>
      <c r="V15" s="183">
        <v>781</v>
      </c>
      <c r="W15" s="184">
        <v>0</v>
      </c>
      <c r="X15" s="178">
        <v>0</v>
      </c>
      <c r="Y15" s="181">
        <v>0</v>
      </c>
      <c r="Z15" s="184">
        <v>0</v>
      </c>
      <c r="AA15" s="180">
        <v>0</v>
      </c>
      <c r="AB15" s="180">
        <v>0</v>
      </c>
      <c r="AC15" s="180">
        <v>3</v>
      </c>
      <c r="AD15" s="178">
        <v>0</v>
      </c>
      <c r="AE15" s="181">
        <v>3</v>
      </c>
      <c r="AF15" s="185">
        <v>3</v>
      </c>
      <c r="AG15" s="184">
        <v>0</v>
      </c>
      <c r="AH15" s="178">
        <v>0</v>
      </c>
      <c r="AI15" s="181">
        <v>0</v>
      </c>
      <c r="AJ15" s="184">
        <v>55</v>
      </c>
      <c r="AK15" s="180">
        <v>93</v>
      </c>
      <c r="AL15" s="180">
        <v>132</v>
      </c>
      <c r="AM15" s="180">
        <v>143</v>
      </c>
      <c r="AN15" s="178">
        <v>76</v>
      </c>
      <c r="AO15" s="181">
        <v>499</v>
      </c>
      <c r="AP15" s="185">
        <v>499</v>
      </c>
      <c r="AQ15" s="184">
        <v>0</v>
      </c>
      <c r="AR15" s="178">
        <v>0</v>
      </c>
      <c r="AS15" s="181">
        <v>0</v>
      </c>
      <c r="AT15" s="179">
        <v>54</v>
      </c>
      <c r="AU15" s="180">
        <v>92</v>
      </c>
      <c r="AV15" s="180">
        <v>129</v>
      </c>
      <c r="AW15" s="180">
        <v>141</v>
      </c>
      <c r="AX15" s="178">
        <v>75</v>
      </c>
      <c r="AY15" s="181">
        <v>491</v>
      </c>
      <c r="AZ15" s="182">
        <v>491</v>
      </c>
      <c r="BA15" s="177">
        <v>0</v>
      </c>
      <c r="BB15" s="178">
        <v>0</v>
      </c>
      <c r="BC15" s="178">
        <v>0</v>
      </c>
      <c r="BD15" s="179">
        <v>1</v>
      </c>
      <c r="BE15" s="180">
        <v>1</v>
      </c>
      <c r="BF15" s="180">
        <v>3</v>
      </c>
      <c r="BG15" s="180">
        <v>2</v>
      </c>
      <c r="BH15" s="178">
        <v>1</v>
      </c>
      <c r="BI15" s="181">
        <v>8</v>
      </c>
      <c r="BJ15" s="183">
        <v>8</v>
      </c>
      <c r="BK15" s="184">
        <v>0</v>
      </c>
      <c r="BL15" s="178">
        <v>0</v>
      </c>
      <c r="BM15" s="178">
        <v>0</v>
      </c>
      <c r="BN15" s="179">
        <v>0</v>
      </c>
      <c r="BO15" s="180">
        <v>0</v>
      </c>
      <c r="BP15" s="180">
        <v>0</v>
      </c>
      <c r="BQ15" s="180">
        <v>0</v>
      </c>
      <c r="BR15" s="178">
        <v>0</v>
      </c>
      <c r="BS15" s="181">
        <v>0</v>
      </c>
      <c r="BT15" s="182">
        <v>0</v>
      </c>
      <c r="BU15" s="177">
        <v>0</v>
      </c>
      <c r="BV15" s="178">
        <v>0</v>
      </c>
      <c r="BW15" s="178">
        <v>0</v>
      </c>
      <c r="BX15" s="179">
        <v>0</v>
      </c>
      <c r="BY15" s="180">
        <v>0</v>
      </c>
      <c r="BZ15" s="180">
        <v>0</v>
      </c>
      <c r="CA15" s="180">
        <v>0</v>
      </c>
      <c r="CB15" s="178">
        <v>0</v>
      </c>
      <c r="CC15" s="181">
        <v>0</v>
      </c>
      <c r="CD15" s="183">
        <v>0</v>
      </c>
      <c r="CE15" s="184">
        <v>0</v>
      </c>
      <c r="CF15" s="178">
        <v>0</v>
      </c>
      <c r="CG15" s="178">
        <v>0</v>
      </c>
      <c r="CH15" s="179">
        <v>0</v>
      </c>
      <c r="CI15" s="180">
        <v>0</v>
      </c>
      <c r="CJ15" s="180">
        <v>0</v>
      </c>
      <c r="CK15" s="180">
        <v>0</v>
      </c>
      <c r="CL15" s="178">
        <v>0</v>
      </c>
      <c r="CM15" s="181">
        <v>0</v>
      </c>
      <c r="CN15" s="183">
        <v>0</v>
      </c>
      <c r="CO15" s="184">
        <v>0</v>
      </c>
      <c r="CP15" s="178">
        <v>0</v>
      </c>
      <c r="CQ15" s="178">
        <v>0</v>
      </c>
      <c r="CR15" s="179">
        <v>5</v>
      </c>
      <c r="CS15" s="180">
        <v>7</v>
      </c>
      <c r="CT15" s="180">
        <v>11</v>
      </c>
      <c r="CU15" s="180">
        <v>13</v>
      </c>
      <c r="CV15" s="178">
        <v>31</v>
      </c>
      <c r="CW15" s="181">
        <v>67</v>
      </c>
      <c r="CX15" s="182">
        <v>67</v>
      </c>
      <c r="CY15" s="177">
        <v>0</v>
      </c>
      <c r="CZ15" s="178">
        <v>0</v>
      </c>
      <c r="DA15" s="178">
        <v>0</v>
      </c>
      <c r="DB15" s="179">
        <v>4</v>
      </c>
      <c r="DC15" s="180">
        <v>7</v>
      </c>
      <c r="DD15" s="180">
        <v>11</v>
      </c>
      <c r="DE15" s="180">
        <v>13</v>
      </c>
      <c r="DF15" s="178">
        <v>29</v>
      </c>
      <c r="DG15" s="181">
        <v>64</v>
      </c>
      <c r="DH15" s="183">
        <v>64</v>
      </c>
      <c r="DI15" s="184">
        <v>0</v>
      </c>
      <c r="DJ15" s="178">
        <v>0</v>
      </c>
      <c r="DK15" s="178">
        <v>0</v>
      </c>
      <c r="DL15" s="179">
        <v>1</v>
      </c>
      <c r="DM15" s="180">
        <v>0</v>
      </c>
      <c r="DN15" s="180">
        <v>0</v>
      </c>
      <c r="DO15" s="180">
        <v>0</v>
      </c>
      <c r="DP15" s="178">
        <v>2</v>
      </c>
      <c r="DQ15" s="181">
        <v>3</v>
      </c>
      <c r="DR15" s="183">
        <v>3</v>
      </c>
      <c r="DS15" s="184">
        <v>0</v>
      </c>
      <c r="DT15" s="178">
        <v>0</v>
      </c>
      <c r="DU15" s="178">
        <v>0</v>
      </c>
      <c r="DV15" s="179">
        <v>61</v>
      </c>
      <c r="DW15" s="180">
        <v>107</v>
      </c>
      <c r="DX15" s="180">
        <v>336</v>
      </c>
      <c r="DY15" s="180">
        <v>528</v>
      </c>
      <c r="DZ15" s="178">
        <v>318</v>
      </c>
      <c r="EA15" s="181">
        <v>1350</v>
      </c>
      <c r="EB15" s="183">
        <v>1350</v>
      </c>
      <c r="EC15" s="32"/>
    </row>
    <row r="16" spans="2:133" ht="21" customHeight="1" x14ac:dyDescent="0.2">
      <c r="B16" s="437" t="s">
        <v>12</v>
      </c>
      <c r="C16" s="177">
        <v>0</v>
      </c>
      <c r="D16" s="178">
        <v>0</v>
      </c>
      <c r="E16" s="178">
        <v>0</v>
      </c>
      <c r="F16" s="179">
        <v>3</v>
      </c>
      <c r="G16" s="180">
        <v>19</v>
      </c>
      <c r="H16" s="180">
        <v>198</v>
      </c>
      <c r="I16" s="180">
        <v>326</v>
      </c>
      <c r="J16" s="178">
        <v>208</v>
      </c>
      <c r="K16" s="181">
        <v>754</v>
      </c>
      <c r="L16" s="182">
        <v>754</v>
      </c>
      <c r="M16" s="177">
        <v>0</v>
      </c>
      <c r="N16" s="178">
        <v>0</v>
      </c>
      <c r="O16" s="181">
        <v>0</v>
      </c>
      <c r="P16" s="179">
        <v>3</v>
      </c>
      <c r="Q16" s="180">
        <v>19</v>
      </c>
      <c r="R16" s="180">
        <v>198</v>
      </c>
      <c r="S16" s="180">
        <v>326</v>
      </c>
      <c r="T16" s="178">
        <v>203</v>
      </c>
      <c r="U16" s="181">
        <v>749</v>
      </c>
      <c r="V16" s="183">
        <v>749</v>
      </c>
      <c r="W16" s="184">
        <v>0</v>
      </c>
      <c r="X16" s="178">
        <v>0</v>
      </c>
      <c r="Y16" s="181">
        <v>0</v>
      </c>
      <c r="Z16" s="184">
        <v>0</v>
      </c>
      <c r="AA16" s="180">
        <v>0</v>
      </c>
      <c r="AB16" s="180">
        <v>0</v>
      </c>
      <c r="AC16" s="180">
        <v>0</v>
      </c>
      <c r="AD16" s="178">
        <v>5</v>
      </c>
      <c r="AE16" s="181">
        <v>5</v>
      </c>
      <c r="AF16" s="185">
        <v>5</v>
      </c>
      <c r="AG16" s="184">
        <v>0</v>
      </c>
      <c r="AH16" s="178">
        <v>0</v>
      </c>
      <c r="AI16" s="181">
        <v>0</v>
      </c>
      <c r="AJ16" s="184">
        <v>44</v>
      </c>
      <c r="AK16" s="180">
        <v>84</v>
      </c>
      <c r="AL16" s="180">
        <v>153</v>
      </c>
      <c r="AM16" s="180">
        <v>169</v>
      </c>
      <c r="AN16" s="178">
        <v>78</v>
      </c>
      <c r="AO16" s="181">
        <v>528</v>
      </c>
      <c r="AP16" s="185">
        <v>528</v>
      </c>
      <c r="AQ16" s="184">
        <v>0</v>
      </c>
      <c r="AR16" s="178">
        <v>0</v>
      </c>
      <c r="AS16" s="181">
        <v>0</v>
      </c>
      <c r="AT16" s="179">
        <v>42</v>
      </c>
      <c r="AU16" s="180">
        <v>84</v>
      </c>
      <c r="AV16" s="180">
        <v>152</v>
      </c>
      <c r="AW16" s="180">
        <v>167</v>
      </c>
      <c r="AX16" s="178">
        <v>75</v>
      </c>
      <c r="AY16" s="181">
        <v>520</v>
      </c>
      <c r="AZ16" s="182">
        <v>520</v>
      </c>
      <c r="BA16" s="177">
        <v>0</v>
      </c>
      <c r="BB16" s="178">
        <v>0</v>
      </c>
      <c r="BC16" s="178">
        <v>0</v>
      </c>
      <c r="BD16" s="179">
        <v>2</v>
      </c>
      <c r="BE16" s="180">
        <v>0</v>
      </c>
      <c r="BF16" s="180">
        <v>1</v>
      </c>
      <c r="BG16" s="180">
        <v>2</v>
      </c>
      <c r="BH16" s="178">
        <v>3</v>
      </c>
      <c r="BI16" s="181">
        <v>8</v>
      </c>
      <c r="BJ16" s="183">
        <v>8</v>
      </c>
      <c r="BK16" s="184">
        <v>0</v>
      </c>
      <c r="BL16" s="178">
        <v>0</v>
      </c>
      <c r="BM16" s="178">
        <v>0</v>
      </c>
      <c r="BN16" s="179">
        <v>0</v>
      </c>
      <c r="BO16" s="180">
        <v>0</v>
      </c>
      <c r="BP16" s="180">
        <v>0</v>
      </c>
      <c r="BQ16" s="180">
        <v>0</v>
      </c>
      <c r="BR16" s="178">
        <v>0</v>
      </c>
      <c r="BS16" s="181">
        <v>0</v>
      </c>
      <c r="BT16" s="182">
        <v>0</v>
      </c>
      <c r="BU16" s="177">
        <v>0</v>
      </c>
      <c r="BV16" s="178">
        <v>0</v>
      </c>
      <c r="BW16" s="178">
        <v>0</v>
      </c>
      <c r="BX16" s="179">
        <v>0</v>
      </c>
      <c r="BY16" s="180">
        <v>0</v>
      </c>
      <c r="BZ16" s="180">
        <v>0</v>
      </c>
      <c r="CA16" s="180">
        <v>0</v>
      </c>
      <c r="CB16" s="178">
        <v>0</v>
      </c>
      <c r="CC16" s="181">
        <v>0</v>
      </c>
      <c r="CD16" s="183">
        <v>0</v>
      </c>
      <c r="CE16" s="184">
        <v>0</v>
      </c>
      <c r="CF16" s="178">
        <v>0</v>
      </c>
      <c r="CG16" s="178">
        <v>0</v>
      </c>
      <c r="CH16" s="179">
        <v>0</v>
      </c>
      <c r="CI16" s="180">
        <v>0</v>
      </c>
      <c r="CJ16" s="180">
        <v>0</v>
      </c>
      <c r="CK16" s="180">
        <v>0</v>
      </c>
      <c r="CL16" s="178">
        <v>0</v>
      </c>
      <c r="CM16" s="181">
        <v>0</v>
      </c>
      <c r="CN16" s="183">
        <v>0</v>
      </c>
      <c r="CO16" s="184">
        <v>0</v>
      </c>
      <c r="CP16" s="178">
        <v>0</v>
      </c>
      <c r="CQ16" s="178">
        <v>0</v>
      </c>
      <c r="CR16" s="179">
        <v>0</v>
      </c>
      <c r="CS16" s="180">
        <v>1</v>
      </c>
      <c r="CT16" s="180">
        <v>3</v>
      </c>
      <c r="CU16" s="180">
        <v>13</v>
      </c>
      <c r="CV16" s="178">
        <v>14</v>
      </c>
      <c r="CW16" s="181">
        <v>31</v>
      </c>
      <c r="CX16" s="182">
        <v>31</v>
      </c>
      <c r="CY16" s="177">
        <v>0</v>
      </c>
      <c r="CZ16" s="178">
        <v>0</v>
      </c>
      <c r="DA16" s="178">
        <v>0</v>
      </c>
      <c r="DB16" s="179">
        <v>0</v>
      </c>
      <c r="DC16" s="180">
        <v>1</v>
      </c>
      <c r="DD16" s="180">
        <v>3</v>
      </c>
      <c r="DE16" s="180">
        <v>13</v>
      </c>
      <c r="DF16" s="178">
        <v>14</v>
      </c>
      <c r="DG16" s="181">
        <v>31</v>
      </c>
      <c r="DH16" s="183">
        <v>31</v>
      </c>
      <c r="DI16" s="184">
        <v>0</v>
      </c>
      <c r="DJ16" s="178">
        <v>0</v>
      </c>
      <c r="DK16" s="178">
        <v>0</v>
      </c>
      <c r="DL16" s="179">
        <v>0</v>
      </c>
      <c r="DM16" s="180">
        <v>0</v>
      </c>
      <c r="DN16" s="180">
        <v>0</v>
      </c>
      <c r="DO16" s="180">
        <v>0</v>
      </c>
      <c r="DP16" s="178">
        <v>0</v>
      </c>
      <c r="DQ16" s="181">
        <v>0</v>
      </c>
      <c r="DR16" s="183">
        <v>0</v>
      </c>
      <c r="DS16" s="184">
        <v>0</v>
      </c>
      <c r="DT16" s="178">
        <v>0</v>
      </c>
      <c r="DU16" s="178">
        <v>0</v>
      </c>
      <c r="DV16" s="179">
        <v>47</v>
      </c>
      <c r="DW16" s="180">
        <v>104</v>
      </c>
      <c r="DX16" s="180">
        <v>353</v>
      </c>
      <c r="DY16" s="180">
        <v>507</v>
      </c>
      <c r="DZ16" s="178">
        <v>299</v>
      </c>
      <c r="EA16" s="181">
        <v>1310</v>
      </c>
      <c r="EB16" s="183">
        <v>1310</v>
      </c>
      <c r="EC16" s="32"/>
    </row>
    <row r="17" spans="2:133" ht="21" customHeight="1" x14ac:dyDescent="0.2">
      <c r="B17" s="437" t="s">
        <v>13</v>
      </c>
      <c r="C17" s="177">
        <v>0</v>
      </c>
      <c r="D17" s="178">
        <v>0</v>
      </c>
      <c r="E17" s="178">
        <v>0</v>
      </c>
      <c r="F17" s="179">
        <v>1</v>
      </c>
      <c r="G17" s="180">
        <v>6</v>
      </c>
      <c r="H17" s="180">
        <v>57</v>
      </c>
      <c r="I17" s="180">
        <v>143</v>
      </c>
      <c r="J17" s="178">
        <v>130</v>
      </c>
      <c r="K17" s="181">
        <v>337</v>
      </c>
      <c r="L17" s="182">
        <v>337</v>
      </c>
      <c r="M17" s="177">
        <v>0</v>
      </c>
      <c r="N17" s="178">
        <v>0</v>
      </c>
      <c r="O17" s="181">
        <v>0</v>
      </c>
      <c r="P17" s="179">
        <v>1</v>
      </c>
      <c r="Q17" s="180">
        <v>6</v>
      </c>
      <c r="R17" s="180">
        <v>56</v>
      </c>
      <c r="S17" s="180">
        <v>143</v>
      </c>
      <c r="T17" s="178">
        <v>129</v>
      </c>
      <c r="U17" s="181">
        <v>335</v>
      </c>
      <c r="V17" s="183">
        <v>335</v>
      </c>
      <c r="W17" s="184">
        <v>0</v>
      </c>
      <c r="X17" s="178">
        <v>0</v>
      </c>
      <c r="Y17" s="181">
        <v>0</v>
      </c>
      <c r="Z17" s="184">
        <v>0</v>
      </c>
      <c r="AA17" s="180">
        <v>0</v>
      </c>
      <c r="AB17" s="180">
        <v>1</v>
      </c>
      <c r="AC17" s="180">
        <v>0</v>
      </c>
      <c r="AD17" s="178">
        <v>1</v>
      </c>
      <c r="AE17" s="181">
        <v>2</v>
      </c>
      <c r="AF17" s="185">
        <v>2</v>
      </c>
      <c r="AG17" s="184">
        <v>0</v>
      </c>
      <c r="AH17" s="178">
        <v>0</v>
      </c>
      <c r="AI17" s="181">
        <v>0</v>
      </c>
      <c r="AJ17" s="184">
        <v>6</v>
      </c>
      <c r="AK17" s="180">
        <v>25</v>
      </c>
      <c r="AL17" s="180">
        <v>42</v>
      </c>
      <c r="AM17" s="180">
        <v>31</v>
      </c>
      <c r="AN17" s="178">
        <v>28</v>
      </c>
      <c r="AO17" s="181">
        <v>132</v>
      </c>
      <c r="AP17" s="185">
        <v>132</v>
      </c>
      <c r="AQ17" s="184">
        <v>0</v>
      </c>
      <c r="AR17" s="178">
        <v>0</v>
      </c>
      <c r="AS17" s="181">
        <v>0</v>
      </c>
      <c r="AT17" s="179">
        <v>6</v>
      </c>
      <c r="AU17" s="180">
        <v>24</v>
      </c>
      <c r="AV17" s="180">
        <v>41</v>
      </c>
      <c r="AW17" s="180">
        <v>30</v>
      </c>
      <c r="AX17" s="178">
        <v>27</v>
      </c>
      <c r="AY17" s="181">
        <v>128</v>
      </c>
      <c r="AZ17" s="182">
        <v>128</v>
      </c>
      <c r="BA17" s="177">
        <v>0</v>
      </c>
      <c r="BB17" s="178">
        <v>0</v>
      </c>
      <c r="BC17" s="178">
        <v>0</v>
      </c>
      <c r="BD17" s="179">
        <v>0</v>
      </c>
      <c r="BE17" s="180">
        <v>1</v>
      </c>
      <c r="BF17" s="180">
        <v>1</v>
      </c>
      <c r="BG17" s="180">
        <v>1</v>
      </c>
      <c r="BH17" s="178">
        <v>1</v>
      </c>
      <c r="BI17" s="181">
        <v>4</v>
      </c>
      <c r="BJ17" s="183">
        <v>4</v>
      </c>
      <c r="BK17" s="184">
        <v>0</v>
      </c>
      <c r="BL17" s="178">
        <v>0</v>
      </c>
      <c r="BM17" s="178">
        <v>0</v>
      </c>
      <c r="BN17" s="179">
        <v>0</v>
      </c>
      <c r="BO17" s="180">
        <v>0</v>
      </c>
      <c r="BP17" s="180">
        <v>0</v>
      </c>
      <c r="BQ17" s="180">
        <v>0</v>
      </c>
      <c r="BR17" s="178">
        <v>0</v>
      </c>
      <c r="BS17" s="181">
        <v>0</v>
      </c>
      <c r="BT17" s="182">
        <v>0</v>
      </c>
      <c r="BU17" s="177">
        <v>0</v>
      </c>
      <c r="BV17" s="178">
        <v>0</v>
      </c>
      <c r="BW17" s="178">
        <v>0</v>
      </c>
      <c r="BX17" s="179">
        <v>0</v>
      </c>
      <c r="BY17" s="180">
        <v>0</v>
      </c>
      <c r="BZ17" s="180">
        <v>0</v>
      </c>
      <c r="CA17" s="180">
        <v>0</v>
      </c>
      <c r="CB17" s="178">
        <v>0</v>
      </c>
      <c r="CC17" s="181">
        <v>0</v>
      </c>
      <c r="CD17" s="183">
        <v>0</v>
      </c>
      <c r="CE17" s="184">
        <v>0</v>
      </c>
      <c r="CF17" s="178">
        <v>0</v>
      </c>
      <c r="CG17" s="178">
        <v>0</v>
      </c>
      <c r="CH17" s="179">
        <v>0</v>
      </c>
      <c r="CI17" s="180">
        <v>0</v>
      </c>
      <c r="CJ17" s="180">
        <v>0</v>
      </c>
      <c r="CK17" s="180">
        <v>0</v>
      </c>
      <c r="CL17" s="178">
        <v>0</v>
      </c>
      <c r="CM17" s="181">
        <v>0</v>
      </c>
      <c r="CN17" s="183">
        <v>0</v>
      </c>
      <c r="CO17" s="184">
        <v>0</v>
      </c>
      <c r="CP17" s="178">
        <v>0</v>
      </c>
      <c r="CQ17" s="178">
        <v>0</v>
      </c>
      <c r="CR17" s="179">
        <v>0</v>
      </c>
      <c r="CS17" s="180">
        <v>0</v>
      </c>
      <c r="CT17" s="180">
        <v>1</v>
      </c>
      <c r="CU17" s="180">
        <v>0</v>
      </c>
      <c r="CV17" s="178">
        <v>0</v>
      </c>
      <c r="CW17" s="181">
        <v>1</v>
      </c>
      <c r="CX17" s="182">
        <v>1</v>
      </c>
      <c r="CY17" s="177">
        <v>0</v>
      </c>
      <c r="CZ17" s="178">
        <v>0</v>
      </c>
      <c r="DA17" s="178">
        <v>0</v>
      </c>
      <c r="DB17" s="179">
        <v>0</v>
      </c>
      <c r="DC17" s="180">
        <v>0</v>
      </c>
      <c r="DD17" s="180">
        <v>1</v>
      </c>
      <c r="DE17" s="180">
        <v>0</v>
      </c>
      <c r="DF17" s="178">
        <v>0</v>
      </c>
      <c r="DG17" s="181">
        <v>1</v>
      </c>
      <c r="DH17" s="183">
        <v>1</v>
      </c>
      <c r="DI17" s="184">
        <v>0</v>
      </c>
      <c r="DJ17" s="178">
        <v>0</v>
      </c>
      <c r="DK17" s="178">
        <v>0</v>
      </c>
      <c r="DL17" s="179">
        <v>0</v>
      </c>
      <c r="DM17" s="180">
        <v>0</v>
      </c>
      <c r="DN17" s="180">
        <v>0</v>
      </c>
      <c r="DO17" s="180">
        <v>0</v>
      </c>
      <c r="DP17" s="178">
        <v>0</v>
      </c>
      <c r="DQ17" s="181">
        <v>0</v>
      </c>
      <c r="DR17" s="183">
        <v>0</v>
      </c>
      <c r="DS17" s="184">
        <v>0</v>
      </c>
      <c r="DT17" s="178">
        <v>0</v>
      </c>
      <c r="DU17" s="178">
        <v>0</v>
      </c>
      <c r="DV17" s="179">
        <v>7</v>
      </c>
      <c r="DW17" s="180">
        <v>31</v>
      </c>
      <c r="DX17" s="180">
        <v>100</v>
      </c>
      <c r="DY17" s="180">
        <v>174</v>
      </c>
      <c r="DZ17" s="178">
        <v>158</v>
      </c>
      <c r="EA17" s="181">
        <v>470</v>
      </c>
      <c r="EB17" s="183">
        <v>470</v>
      </c>
      <c r="EC17" s="32"/>
    </row>
    <row r="18" spans="2:133" ht="21" customHeight="1" x14ac:dyDescent="0.2">
      <c r="B18" s="437" t="s">
        <v>15</v>
      </c>
      <c r="C18" s="177">
        <v>0</v>
      </c>
      <c r="D18" s="178">
        <v>0</v>
      </c>
      <c r="E18" s="178">
        <v>0</v>
      </c>
      <c r="F18" s="179">
        <v>1</v>
      </c>
      <c r="G18" s="180">
        <v>0</v>
      </c>
      <c r="H18" s="180">
        <v>84</v>
      </c>
      <c r="I18" s="180">
        <v>151</v>
      </c>
      <c r="J18" s="178">
        <v>84</v>
      </c>
      <c r="K18" s="181">
        <v>320</v>
      </c>
      <c r="L18" s="182">
        <v>320</v>
      </c>
      <c r="M18" s="177">
        <v>0</v>
      </c>
      <c r="N18" s="178">
        <v>0</v>
      </c>
      <c r="O18" s="181">
        <v>0</v>
      </c>
      <c r="P18" s="179">
        <v>1</v>
      </c>
      <c r="Q18" s="180">
        <v>0</v>
      </c>
      <c r="R18" s="180">
        <v>84</v>
      </c>
      <c r="S18" s="180">
        <v>149</v>
      </c>
      <c r="T18" s="178">
        <v>82</v>
      </c>
      <c r="U18" s="181">
        <v>316</v>
      </c>
      <c r="V18" s="183">
        <v>316</v>
      </c>
      <c r="W18" s="184">
        <v>0</v>
      </c>
      <c r="X18" s="178">
        <v>0</v>
      </c>
      <c r="Y18" s="181">
        <v>0</v>
      </c>
      <c r="Z18" s="184">
        <v>0</v>
      </c>
      <c r="AA18" s="180">
        <v>0</v>
      </c>
      <c r="AB18" s="180">
        <v>0</v>
      </c>
      <c r="AC18" s="180">
        <v>2</v>
      </c>
      <c r="AD18" s="178">
        <v>2</v>
      </c>
      <c r="AE18" s="181">
        <v>4</v>
      </c>
      <c r="AF18" s="185">
        <v>4</v>
      </c>
      <c r="AG18" s="184">
        <v>0</v>
      </c>
      <c r="AH18" s="178">
        <v>0</v>
      </c>
      <c r="AI18" s="181">
        <v>0</v>
      </c>
      <c r="AJ18" s="184">
        <v>15</v>
      </c>
      <c r="AK18" s="180">
        <v>36</v>
      </c>
      <c r="AL18" s="180">
        <v>42</v>
      </c>
      <c r="AM18" s="180">
        <v>65</v>
      </c>
      <c r="AN18" s="178">
        <v>26</v>
      </c>
      <c r="AO18" s="181">
        <v>184</v>
      </c>
      <c r="AP18" s="185">
        <v>184</v>
      </c>
      <c r="AQ18" s="184">
        <v>0</v>
      </c>
      <c r="AR18" s="178">
        <v>0</v>
      </c>
      <c r="AS18" s="181">
        <v>0</v>
      </c>
      <c r="AT18" s="179">
        <v>14</v>
      </c>
      <c r="AU18" s="180">
        <v>36</v>
      </c>
      <c r="AV18" s="180">
        <v>42</v>
      </c>
      <c r="AW18" s="180">
        <v>64</v>
      </c>
      <c r="AX18" s="178">
        <v>25</v>
      </c>
      <c r="AY18" s="181">
        <v>181</v>
      </c>
      <c r="AZ18" s="182">
        <v>181</v>
      </c>
      <c r="BA18" s="177">
        <v>0</v>
      </c>
      <c r="BB18" s="178">
        <v>0</v>
      </c>
      <c r="BC18" s="178">
        <v>0</v>
      </c>
      <c r="BD18" s="179">
        <v>1</v>
      </c>
      <c r="BE18" s="180">
        <v>0</v>
      </c>
      <c r="BF18" s="180">
        <v>0</v>
      </c>
      <c r="BG18" s="180">
        <v>1</v>
      </c>
      <c r="BH18" s="178">
        <v>1</v>
      </c>
      <c r="BI18" s="181">
        <v>3</v>
      </c>
      <c r="BJ18" s="183">
        <v>3</v>
      </c>
      <c r="BK18" s="184">
        <v>0</v>
      </c>
      <c r="BL18" s="178">
        <v>0</v>
      </c>
      <c r="BM18" s="178">
        <v>0</v>
      </c>
      <c r="BN18" s="179">
        <v>0</v>
      </c>
      <c r="BO18" s="180">
        <v>0</v>
      </c>
      <c r="BP18" s="180">
        <v>0</v>
      </c>
      <c r="BQ18" s="180">
        <v>0</v>
      </c>
      <c r="BR18" s="178">
        <v>0</v>
      </c>
      <c r="BS18" s="181">
        <v>0</v>
      </c>
      <c r="BT18" s="182">
        <v>0</v>
      </c>
      <c r="BU18" s="177">
        <v>0</v>
      </c>
      <c r="BV18" s="178">
        <v>0</v>
      </c>
      <c r="BW18" s="178">
        <v>0</v>
      </c>
      <c r="BX18" s="179">
        <v>0</v>
      </c>
      <c r="BY18" s="180">
        <v>0</v>
      </c>
      <c r="BZ18" s="180">
        <v>0</v>
      </c>
      <c r="CA18" s="180">
        <v>0</v>
      </c>
      <c r="CB18" s="178">
        <v>0</v>
      </c>
      <c r="CC18" s="181">
        <v>0</v>
      </c>
      <c r="CD18" s="183">
        <v>0</v>
      </c>
      <c r="CE18" s="184">
        <v>0</v>
      </c>
      <c r="CF18" s="178">
        <v>0</v>
      </c>
      <c r="CG18" s="178">
        <v>0</v>
      </c>
      <c r="CH18" s="179">
        <v>0</v>
      </c>
      <c r="CI18" s="180">
        <v>0</v>
      </c>
      <c r="CJ18" s="180">
        <v>0</v>
      </c>
      <c r="CK18" s="180">
        <v>0</v>
      </c>
      <c r="CL18" s="178">
        <v>0</v>
      </c>
      <c r="CM18" s="181">
        <v>0</v>
      </c>
      <c r="CN18" s="183">
        <v>0</v>
      </c>
      <c r="CO18" s="184">
        <v>0</v>
      </c>
      <c r="CP18" s="178">
        <v>0</v>
      </c>
      <c r="CQ18" s="178">
        <v>0</v>
      </c>
      <c r="CR18" s="179">
        <v>0</v>
      </c>
      <c r="CS18" s="180">
        <v>0</v>
      </c>
      <c r="CT18" s="180">
        <v>0</v>
      </c>
      <c r="CU18" s="180">
        <v>0</v>
      </c>
      <c r="CV18" s="178">
        <v>0</v>
      </c>
      <c r="CW18" s="181">
        <v>0</v>
      </c>
      <c r="CX18" s="182">
        <v>0</v>
      </c>
      <c r="CY18" s="177">
        <v>0</v>
      </c>
      <c r="CZ18" s="178">
        <v>0</v>
      </c>
      <c r="DA18" s="178">
        <v>0</v>
      </c>
      <c r="DB18" s="179">
        <v>0</v>
      </c>
      <c r="DC18" s="180">
        <v>0</v>
      </c>
      <c r="DD18" s="180">
        <v>0</v>
      </c>
      <c r="DE18" s="180">
        <v>0</v>
      </c>
      <c r="DF18" s="178">
        <v>0</v>
      </c>
      <c r="DG18" s="181">
        <v>0</v>
      </c>
      <c r="DH18" s="183">
        <v>0</v>
      </c>
      <c r="DI18" s="184">
        <v>0</v>
      </c>
      <c r="DJ18" s="178">
        <v>0</v>
      </c>
      <c r="DK18" s="178">
        <v>0</v>
      </c>
      <c r="DL18" s="179">
        <v>0</v>
      </c>
      <c r="DM18" s="180">
        <v>0</v>
      </c>
      <c r="DN18" s="180">
        <v>0</v>
      </c>
      <c r="DO18" s="180">
        <v>0</v>
      </c>
      <c r="DP18" s="178">
        <v>0</v>
      </c>
      <c r="DQ18" s="181">
        <v>0</v>
      </c>
      <c r="DR18" s="183">
        <v>0</v>
      </c>
      <c r="DS18" s="184">
        <v>0</v>
      </c>
      <c r="DT18" s="178">
        <v>0</v>
      </c>
      <c r="DU18" s="178">
        <v>0</v>
      </c>
      <c r="DV18" s="179">
        <v>16</v>
      </c>
      <c r="DW18" s="180">
        <v>36</v>
      </c>
      <c r="DX18" s="180">
        <v>126</v>
      </c>
      <c r="DY18" s="180">
        <v>216</v>
      </c>
      <c r="DZ18" s="178">
        <v>110</v>
      </c>
      <c r="EA18" s="181">
        <v>504</v>
      </c>
      <c r="EB18" s="183">
        <v>504</v>
      </c>
      <c r="EC18" s="32"/>
    </row>
    <row r="19" spans="2:133" ht="21" customHeight="1" x14ac:dyDescent="0.2">
      <c r="B19" s="437" t="s">
        <v>16</v>
      </c>
      <c r="C19" s="177">
        <v>0</v>
      </c>
      <c r="D19" s="178">
        <v>0</v>
      </c>
      <c r="E19" s="178">
        <v>0</v>
      </c>
      <c r="F19" s="179">
        <v>5</v>
      </c>
      <c r="G19" s="180">
        <v>15</v>
      </c>
      <c r="H19" s="180">
        <v>213</v>
      </c>
      <c r="I19" s="180">
        <v>313</v>
      </c>
      <c r="J19" s="178">
        <v>191</v>
      </c>
      <c r="K19" s="181">
        <v>737</v>
      </c>
      <c r="L19" s="182">
        <v>737</v>
      </c>
      <c r="M19" s="177">
        <v>0</v>
      </c>
      <c r="N19" s="178">
        <v>0</v>
      </c>
      <c r="O19" s="181">
        <v>0</v>
      </c>
      <c r="P19" s="179">
        <v>5</v>
      </c>
      <c r="Q19" s="180">
        <v>14</v>
      </c>
      <c r="R19" s="180">
        <v>213</v>
      </c>
      <c r="S19" s="180">
        <v>312</v>
      </c>
      <c r="T19" s="178">
        <v>187</v>
      </c>
      <c r="U19" s="181">
        <v>731</v>
      </c>
      <c r="V19" s="183">
        <v>731</v>
      </c>
      <c r="W19" s="184">
        <v>0</v>
      </c>
      <c r="X19" s="178">
        <v>0</v>
      </c>
      <c r="Y19" s="181">
        <v>0</v>
      </c>
      <c r="Z19" s="184">
        <v>0</v>
      </c>
      <c r="AA19" s="180">
        <v>1</v>
      </c>
      <c r="AB19" s="180">
        <v>0</v>
      </c>
      <c r="AC19" s="180">
        <v>1</v>
      </c>
      <c r="AD19" s="178">
        <v>4</v>
      </c>
      <c r="AE19" s="181">
        <v>6</v>
      </c>
      <c r="AF19" s="185">
        <v>6</v>
      </c>
      <c r="AG19" s="184">
        <v>0</v>
      </c>
      <c r="AH19" s="178">
        <v>0</v>
      </c>
      <c r="AI19" s="181">
        <v>0</v>
      </c>
      <c r="AJ19" s="184">
        <v>48</v>
      </c>
      <c r="AK19" s="180">
        <v>88</v>
      </c>
      <c r="AL19" s="180">
        <v>129</v>
      </c>
      <c r="AM19" s="180">
        <v>145</v>
      </c>
      <c r="AN19" s="178">
        <v>61</v>
      </c>
      <c r="AO19" s="181">
        <v>471</v>
      </c>
      <c r="AP19" s="185">
        <v>471</v>
      </c>
      <c r="AQ19" s="184">
        <v>0</v>
      </c>
      <c r="AR19" s="178">
        <v>0</v>
      </c>
      <c r="AS19" s="181">
        <v>0</v>
      </c>
      <c r="AT19" s="179">
        <v>48</v>
      </c>
      <c r="AU19" s="180">
        <v>88</v>
      </c>
      <c r="AV19" s="180">
        <v>128</v>
      </c>
      <c r="AW19" s="180">
        <v>145</v>
      </c>
      <c r="AX19" s="178">
        <v>60</v>
      </c>
      <c r="AY19" s="181">
        <v>469</v>
      </c>
      <c r="AZ19" s="182">
        <v>469</v>
      </c>
      <c r="BA19" s="177">
        <v>0</v>
      </c>
      <c r="BB19" s="178">
        <v>0</v>
      </c>
      <c r="BC19" s="178">
        <v>0</v>
      </c>
      <c r="BD19" s="179">
        <v>0</v>
      </c>
      <c r="BE19" s="180">
        <v>0</v>
      </c>
      <c r="BF19" s="180">
        <v>1</v>
      </c>
      <c r="BG19" s="180">
        <v>0</v>
      </c>
      <c r="BH19" s="178">
        <v>1</v>
      </c>
      <c r="BI19" s="181">
        <v>2</v>
      </c>
      <c r="BJ19" s="183">
        <v>2</v>
      </c>
      <c r="BK19" s="184">
        <v>0</v>
      </c>
      <c r="BL19" s="178">
        <v>0</v>
      </c>
      <c r="BM19" s="178">
        <v>0</v>
      </c>
      <c r="BN19" s="179">
        <v>0</v>
      </c>
      <c r="BO19" s="180">
        <v>0</v>
      </c>
      <c r="BP19" s="180">
        <v>0</v>
      </c>
      <c r="BQ19" s="180">
        <v>0</v>
      </c>
      <c r="BR19" s="178">
        <v>0</v>
      </c>
      <c r="BS19" s="181">
        <v>0</v>
      </c>
      <c r="BT19" s="182">
        <v>0</v>
      </c>
      <c r="BU19" s="177">
        <v>0</v>
      </c>
      <c r="BV19" s="178">
        <v>0</v>
      </c>
      <c r="BW19" s="178">
        <v>0</v>
      </c>
      <c r="BX19" s="179">
        <v>0</v>
      </c>
      <c r="BY19" s="180">
        <v>0</v>
      </c>
      <c r="BZ19" s="180">
        <v>0</v>
      </c>
      <c r="CA19" s="180">
        <v>0</v>
      </c>
      <c r="CB19" s="178">
        <v>0</v>
      </c>
      <c r="CC19" s="181">
        <v>0</v>
      </c>
      <c r="CD19" s="183">
        <v>0</v>
      </c>
      <c r="CE19" s="184">
        <v>0</v>
      </c>
      <c r="CF19" s="178">
        <v>0</v>
      </c>
      <c r="CG19" s="178">
        <v>0</v>
      </c>
      <c r="CH19" s="179">
        <v>0</v>
      </c>
      <c r="CI19" s="180">
        <v>0</v>
      </c>
      <c r="CJ19" s="180">
        <v>0</v>
      </c>
      <c r="CK19" s="180">
        <v>0</v>
      </c>
      <c r="CL19" s="178">
        <v>0</v>
      </c>
      <c r="CM19" s="181">
        <v>0</v>
      </c>
      <c r="CN19" s="183">
        <v>0</v>
      </c>
      <c r="CO19" s="184">
        <v>0</v>
      </c>
      <c r="CP19" s="178">
        <v>0</v>
      </c>
      <c r="CQ19" s="178">
        <v>0</v>
      </c>
      <c r="CR19" s="179">
        <v>0</v>
      </c>
      <c r="CS19" s="180">
        <v>0</v>
      </c>
      <c r="CT19" s="180">
        <v>2</v>
      </c>
      <c r="CU19" s="180">
        <v>11</v>
      </c>
      <c r="CV19" s="178">
        <v>17</v>
      </c>
      <c r="CW19" s="181">
        <v>30</v>
      </c>
      <c r="CX19" s="182">
        <v>30</v>
      </c>
      <c r="CY19" s="177">
        <v>0</v>
      </c>
      <c r="CZ19" s="178">
        <v>0</v>
      </c>
      <c r="DA19" s="178">
        <v>0</v>
      </c>
      <c r="DB19" s="179">
        <v>0</v>
      </c>
      <c r="DC19" s="180">
        <v>0</v>
      </c>
      <c r="DD19" s="180">
        <v>2</v>
      </c>
      <c r="DE19" s="180">
        <v>11</v>
      </c>
      <c r="DF19" s="178">
        <v>17</v>
      </c>
      <c r="DG19" s="181">
        <v>30</v>
      </c>
      <c r="DH19" s="183">
        <v>30</v>
      </c>
      <c r="DI19" s="184">
        <v>0</v>
      </c>
      <c r="DJ19" s="178">
        <v>0</v>
      </c>
      <c r="DK19" s="178">
        <v>0</v>
      </c>
      <c r="DL19" s="179">
        <v>0</v>
      </c>
      <c r="DM19" s="180">
        <v>0</v>
      </c>
      <c r="DN19" s="180">
        <v>0</v>
      </c>
      <c r="DO19" s="180">
        <v>0</v>
      </c>
      <c r="DP19" s="178">
        <v>0</v>
      </c>
      <c r="DQ19" s="181">
        <v>0</v>
      </c>
      <c r="DR19" s="183">
        <v>0</v>
      </c>
      <c r="DS19" s="184">
        <v>0</v>
      </c>
      <c r="DT19" s="178">
        <v>0</v>
      </c>
      <c r="DU19" s="178">
        <v>0</v>
      </c>
      <c r="DV19" s="179">
        <v>53</v>
      </c>
      <c r="DW19" s="180">
        <v>103</v>
      </c>
      <c r="DX19" s="180">
        <v>344</v>
      </c>
      <c r="DY19" s="180">
        <v>467</v>
      </c>
      <c r="DZ19" s="178">
        <v>268</v>
      </c>
      <c r="EA19" s="181">
        <v>1235</v>
      </c>
      <c r="EB19" s="183">
        <v>1235</v>
      </c>
      <c r="EC19" s="32"/>
    </row>
    <row r="20" spans="2:133" ht="21" customHeight="1" x14ac:dyDescent="0.2">
      <c r="B20" s="437" t="s">
        <v>17</v>
      </c>
      <c r="C20" s="177">
        <v>0</v>
      </c>
      <c r="D20" s="178">
        <v>0</v>
      </c>
      <c r="E20" s="178">
        <v>0</v>
      </c>
      <c r="F20" s="179">
        <v>3</v>
      </c>
      <c r="G20" s="180">
        <v>13</v>
      </c>
      <c r="H20" s="180">
        <v>207</v>
      </c>
      <c r="I20" s="180">
        <v>282</v>
      </c>
      <c r="J20" s="178">
        <v>221</v>
      </c>
      <c r="K20" s="181">
        <v>726</v>
      </c>
      <c r="L20" s="182">
        <v>726</v>
      </c>
      <c r="M20" s="177">
        <v>0</v>
      </c>
      <c r="N20" s="178">
        <v>0</v>
      </c>
      <c r="O20" s="181">
        <v>0</v>
      </c>
      <c r="P20" s="179">
        <v>3</v>
      </c>
      <c r="Q20" s="180">
        <v>13</v>
      </c>
      <c r="R20" s="180">
        <v>207</v>
      </c>
      <c r="S20" s="180">
        <v>280</v>
      </c>
      <c r="T20" s="178">
        <v>218</v>
      </c>
      <c r="U20" s="181">
        <v>721</v>
      </c>
      <c r="V20" s="183">
        <v>721</v>
      </c>
      <c r="W20" s="184">
        <v>0</v>
      </c>
      <c r="X20" s="178">
        <v>0</v>
      </c>
      <c r="Y20" s="181">
        <v>0</v>
      </c>
      <c r="Z20" s="184">
        <v>0</v>
      </c>
      <c r="AA20" s="180">
        <v>0</v>
      </c>
      <c r="AB20" s="180">
        <v>0</v>
      </c>
      <c r="AC20" s="180">
        <v>2</v>
      </c>
      <c r="AD20" s="178">
        <v>3</v>
      </c>
      <c r="AE20" s="181">
        <v>5</v>
      </c>
      <c r="AF20" s="185">
        <v>5</v>
      </c>
      <c r="AG20" s="184">
        <v>0</v>
      </c>
      <c r="AH20" s="178">
        <v>0</v>
      </c>
      <c r="AI20" s="181">
        <v>0</v>
      </c>
      <c r="AJ20" s="184">
        <v>40</v>
      </c>
      <c r="AK20" s="180">
        <v>116</v>
      </c>
      <c r="AL20" s="180">
        <v>149</v>
      </c>
      <c r="AM20" s="180">
        <v>156</v>
      </c>
      <c r="AN20" s="178">
        <v>82</v>
      </c>
      <c r="AO20" s="181">
        <v>543</v>
      </c>
      <c r="AP20" s="185">
        <v>543</v>
      </c>
      <c r="AQ20" s="184">
        <v>0</v>
      </c>
      <c r="AR20" s="178">
        <v>0</v>
      </c>
      <c r="AS20" s="181">
        <v>0</v>
      </c>
      <c r="AT20" s="179">
        <v>39</v>
      </c>
      <c r="AU20" s="180">
        <v>113</v>
      </c>
      <c r="AV20" s="180">
        <v>146</v>
      </c>
      <c r="AW20" s="180">
        <v>155</v>
      </c>
      <c r="AX20" s="178">
        <v>79</v>
      </c>
      <c r="AY20" s="181">
        <v>532</v>
      </c>
      <c r="AZ20" s="182">
        <v>532</v>
      </c>
      <c r="BA20" s="177">
        <v>0</v>
      </c>
      <c r="BB20" s="178">
        <v>0</v>
      </c>
      <c r="BC20" s="178">
        <v>0</v>
      </c>
      <c r="BD20" s="179">
        <v>1</v>
      </c>
      <c r="BE20" s="180">
        <v>3</v>
      </c>
      <c r="BF20" s="180">
        <v>3</v>
      </c>
      <c r="BG20" s="180">
        <v>1</v>
      </c>
      <c r="BH20" s="178">
        <v>3</v>
      </c>
      <c r="BI20" s="181">
        <v>11</v>
      </c>
      <c r="BJ20" s="183">
        <v>11</v>
      </c>
      <c r="BK20" s="184">
        <v>0</v>
      </c>
      <c r="BL20" s="178">
        <v>0</v>
      </c>
      <c r="BM20" s="178">
        <v>0</v>
      </c>
      <c r="BN20" s="179">
        <v>0</v>
      </c>
      <c r="BO20" s="180">
        <v>0</v>
      </c>
      <c r="BP20" s="180">
        <v>0</v>
      </c>
      <c r="BQ20" s="180">
        <v>1</v>
      </c>
      <c r="BR20" s="178">
        <v>3</v>
      </c>
      <c r="BS20" s="181">
        <v>4</v>
      </c>
      <c r="BT20" s="182">
        <v>4</v>
      </c>
      <c r="BU20" s="177">
        <v>0</v>
      </c>
      <c r="BV20" s="178">
        <v>0</v>
      </c>
      <c r="BW20" s="178">
        <v>0</v>
      </c>
      <c r="BX20" s="179">
        <v>0</v>
      </c>
      <c r="BY20" s="180">
        <v>0</v>
      </c>
      <c r="BZ20" s="180">
        <v>0</v>
      </c>
      <c r="CA20" s="180">
        <v>1</v>
      </c>
      <c r="CB20" s="178">
        <v>3</v>
      </c>
      <c r="CC20" s="181">
        <v>4</v>
      </c>
      <c r="CD20" s="183">
        <v>4</v>
      </c>
      <c r="CE20" s="184">
        <v>0</v>
      </c>
      <c r="CF20" s="178">
        <v>0</v>
      </c>
      <c r="CG20" s="178">
        <v>0</v>
      </c>
      <c r="CH20" s="179">
        <v>0</v>
      </c>
      <c r="CI20" s="180">
        <v>0</v>
      </c>
      <c r="CJ20" s="180">
        <v>0</v>
      </c>
      <c r="CK20" s="180">
        <v>0</v>
      </c>
      <c r="CL20" s="178">
        <v>0</v>
      </c>
      <c r="CM20" s="181">
        <v>0</v>
      </c>
      <c r="CN20" s="183">
        <v>0</v>
      </c>
      <c r="CO20" s="184">
        <v>0</v>
      </c>
      <c r="CP20" s="178">
        <v>0</v>
      </c>
      <c r="CQ20" s="178">
        <v>0</v>
      </c>
      <c r="CR20" s="179">
        <v>0</v>
      </c>
      <c r="CS20" s="180">
        <v>0</v>
      </c>
      <c r="CT20" s="180">
        <v>0</v>
      </c>
      <c r="CU20" s="180">
        <v>3</v>
      </c>
      <c r="CV20" s="178">
        <v>14</v>
      </c>
      <c r="CW20" s="181">
        <v>17</v>
      </c>
      <c r="CX20" s="182">
        <v>17</v>
      </c>
      <c r="CY20" s="177">
        <v>0</v>
      </c>
      <c r="CZ20" s="178">
        <v>0</v>
      </c>
      <c r="DA20" s="178">
        <v>0</v>
      </c>
      <c r="DB20" s="179">
        <v>0</v>
      </c>
      <c r="DC20" s="180">
        <v>0</v>
      </c>
      <c r="DD20" s="180">
        <v>0</v>
      </c>
      <c r="DE20" s="180">
        <v>3</v>
      </c>
      <c r="DF20" s="178">
        <v>13</v>
      </c>
      <c r="DG20" s="181">
        <v>16</v>
      </c>
      <c r="DH20" s="183">
        <v>16</v>
      </c>
      <c r="DI20" s="184">
        <v>0</v>
      </c>
      <c r="DJ20" s="178">
        <v>0</v>
      </c>
      <c r="DK20" s="178">
        <v>0</v>
      </c>
      <c r="DL20" s="179">
        <v>0</v>
      </c>
      <c r="DM20" s="180">
        <v>0</v>
      </c>
      <c r="DN20" s="180">
        <v>0</v>
      </c>
      <c r="DO20" s="180">
        <v>0</v>
      </c>
      <c r="DP20" s="178">
        <v>1</v>
      </c>
      <c r="DQ20" s="181">
        <v>1</v>
      </c>
      <c r="DR20" s="183">
        <v>1</v>
      </c>
      <c r="DS20" s="184">
        <v>0</v>
      </c>
      <c r="DT20" s="178">
        <v>0</v>
      </c>
      <c r="DU20" s="178">
        <v>0</v>
      </c>
      <c r="DV20" s="179">
        <v>43</v>
      </c>
      <c r="DW20" s="180">
        <v>129</v>
      </c>
      <c r="DX20" s="180">
        <v>356</v>
      </c>
      <c r="DY20" s="180">
        <v>442</v>
      </c>
      <c r="DZ20" s="178">
        <v>320</v>
      </c>
      <c r="EA20" s="181">
        <v>1290</v>
      </c>
      <c r="EB20" s="183">
        <v>1290</v>
      </c>
      <c r="EC20" s="32"/>
    </row>
    <row r="21" spans="2:133" ht="21" customHeight="1" x14ac:dyDescent="0.2">
      <c r="B21" s="437" t="s">
        <v>18</v>
      </c>
      <c r="C21" s="177">
        <v>0</v>
      </c>
      <c r="D21" s="178">
        <v>0</v>
      </c>
      <c r="E21" s="178">
        <v>0</v>
      </c>
      <c r="F21" s="179">
        <v>5</v>
      </c>
      <c r="G21" s="180">
        <v>12</v>
      </c>
      <c r="H21" s="180">
        <v>193</v>
      </c>
      <c r="I21" s="180">
        <v>406</v>
      </c>
      <c r="J21" s="178">
        <v>265</v>
      </c>
      <c r="K21" s="181">
        <v>881</v>
      </c>
      <c r="L21" s="182">
        <v>881</v>
      </c>
      <c r="M21" s="177">
        <v>0</v>
      </c>
      <c r="N21" s="178">
        <v>0</v>
      </c>
      <c r="O21" s="181">
        <v>0</v>
      </c>
      <c r="P21" s="179">
        <v>5</v>
      </c>
      <c r="Q21" s="180">
        <v>12</v>
      </c>
      <c r="R21" s="180">
        <v>189</v>
      </c>
      <c r="S21" s="180">
        <v>402</v>
      </c>
      <c r="T21" s="178">
        <v>262</v>
      </c>
      <c r="U21" s="181">
        <v>870</v>
      </c>
      <c r="V21" s="183">
        <v>870</v>
      </c>
      <c r="W21" s="184">
        <v>0</v>
      </c>
      <c r="X21" s="178">
        <v>0</v>
      </c>
      <c r="Y21" s="181">
        <v>0</v>
      </c>
      <c r="Z21" s="184">
        <v>0</v>
      </c>
      <c r="AA21" s="180">
        <v>0</v>
      </c>
      <c r="AB21" s="180">
        <v>4</v>
      </c>
      <c r="AC21" s="180">
        <v>4</v>
      </c>
      <c r="AD21" s="178">
        <v>3</v>
      </c>
      <c r="AE21" s="181">
        <v>11</v>
      </c>
      <c r="AF21" s="185">
        <v>11</v>
      </c>
      <c r="AG21" s="184">
        <v>0</v>
      </c>
      <c r="AH21" s="178">
        <v>0</v>
      </c>
      <c r="AI21" s="181">
        <v>0</v>
      </c>
      <c r="AJ21" s="184">
        <v>27</v>
      </c>
      <c r="AK21" s="180">
        <v>74</v>
      </c>
      <c r="AL21" s="180">
        <v>119</v>
      </c>
      <c r="AM21" s="180">
        <v>114</v>
      </c>
      <c r="AN21" s="178">
        <v>67</v>
      </c>
      <c r="AO21" s="181">
        <v>401</v>
      </c>
      <c r="AP21" s="185">
        <v>401</v>
      </c>
      <c r="AQ21" s="184">
        <v>0</v>
      </c>
      <c r="AR21" s="178">
        <v>0</v>
      </c>
      <c r="AS21" s="181">
        <v>0</v>
      </c>
      <c r="AT21" s="179">
        <v>27</v>
      </c>
      <c r="AU21" s="180">
        <v>72</v>
      </c>
      <c r="AV21" s="180">
        <v>116</v>
      </c>
      <c r="AW21" s="180">
        <v>113</v>
      </c>
      <c r="AX21" s="178">
        <v>63</v>
      </c>
      <c r="AY21" s="181">
        <v>391</v>
      </c>
      <c r="AZ21" s="182">
        <v>391</v>
      </c>
      <c r="BA21" s="177">
        <v>0</v>
      </c>
      <c r="BB21" s="178">
        <v>0</v>
      </c>
      <c r="BC21" s="178">
        <v>0</v>
      </c>
      <c r="BD21" s="179">
        <v>0</v>
      </c>
      <c r="BE21" s="180">
        <v>2</v>
      </c>
      <c r="BF21" s="180">
        <v>3</v>
      </c>
      <c r="BG21" s="180">
        <v>1</v>
      </c>
      <c r="BH21" s="178">
        <v>4</v>
      </c>
      <c r="BI21" s="181">
        <v>10</v>
      </c>
      <c r="BJ21" s="183">
        <v>10</v>
      </c>
      <c r="BK21" s="184">
        <v>0</v>
      </c>
      <c r="BL21" s="178">
        <v>0</v>
      </c>
      <c r="BM21" s="178">
        <v>0</v>
      </c>
      <c r="BN21" s="179">
        <v>0</v>
      </c>
      <c r="BO21" s="180">
        <v>0</v>
      </c>
      <c r="BP21" s="180">
        <v>0</v>
      </c>
      <c r="BQ21" s="180">
        <v>1</v>
      </c>
      <c r="BR21" s="178">
        <v>0</v>
      </c>
      <c r="BS21" s="181">
        <v>1</v>
      </c>
      <c r="BT21" s="182">
        <v>1</v>
      </c>
      <c r="BU21" s="177">
        <v>0</v>
      </c>
      <c r="BV21" s="178">
        <v>0</v>
      </c>
      <c r="BW21" s="178">
        <v>0</v>
      </c>
      <c r="BX21" s="179">
        <v>0</v>
      </c>
      <c r="BY21" s="180">
        <v>0</v>
      </c>
      <c r="BZ21" s="180">
        <v>0</v>
      </c>
      <c r="CA21" s="180">
        <v>1</v>
      </c>
      <c r="CB21" s="178">
        <v>0</v>
      </c>
      <c r="CC21" s="181">
        <v>1</v>
      </c>
      <c r="CD21" s="183">
        <v>1</v>
      </c>
      <c r="CE21" s="184">
        <v>0</v>
      </c>
      <c r="CF21" s="178">
        <v>0</v>
      </c>
      <c r="CG21" s="178">
        <v>0</v>
      </c>
      <c r="CH21" s="179">
        <v>0</v>
      </c>
      <c r="CI21" s="180">
        <v>0</v>
      </c>
      <c r="CJ21" s="180">
        <v>0</v>
      </c>
      <c r="CK21" s="180">
        <v>0</v>
      </c>
      <c r="CL21" s="178">
        <v>0</v>
      </c>
      <c r="CM21" s="181">
        <v>0</v>
      </c>
      <c r="CN21" s="183">
        <v>0</v>
      </c>
      <c r="CO21" s="184">
        <v>0</v>
      </c>
      <c r="CP21" s="178">
        <v>0</v>
      </c>
      <c r="CQ21" s="178">
        <v>0</v>
      </c>
      <c r="CR21" s="179">
        <v>0</v>
      </c>
      <c r="CS21" s="180">
        <v>0</v>
      </c>
      <c r="CT21" s="180">
        <v>1</v>
      </c>
      <c r="CU21" s="180">
        <v>13</v>
      </c>
      <c r="CV21" s="178">
        <v>18</v>
      </c>
      <c r="CW21" s="181">
        <v>32</v>
      </c>
      <c r="CX21" s="182">
        <v>32</v>
      </c>
      <c r="CY21" s="177">
        <v>0</v>
      </c>
      <c r="CZ21" s="178">
        <v>0</v>
      </c>
      <c r="DA21" s="178">
        <v>0</v>
      </c>
      <c r="DB21" s="179">
        <v>0</v>
      </c>
      <c r="DC21" s="180">
        <v>0</v>
      </c>
      <c r="DD21" s="180">
        <v>1</v>
      </c>
      <c r="DE21" s="180">
        <v>12</v>
      </c>
      <c r="DF21" s="178">
        <v>18</v>
      </c>
      <c r="DG21" s="181">
        <v>31</v>
      </c>
      <c r="DH21" s="183">
        <v>31</v>
      </c>
      <c r="DI21" s="184">
        <v>0</v>
      </c>
      <c r="DJ21" s="178">
        <v>0</v>
      </c>
      <c r="DK21" s="178">
        <v>0</v>
      </c>
      <c r="DL21" s="179">
        <v>0</v>
      </c>
      <c r="DM21" s="180">
        <v>0</v>
      </c>
      <c r="DN21" s="180">
        <v>0</v>
      </c>
      <c r="DO21" s="180">
        <v>1</v>
      </c>
      <c r="DP21" s="178">
        <v>0</v>
      </c>
      <c r="DQ21" s="181">
        <v>1</v>
      </c>
      <c r="DR21" s="183">
        <v>1</v>
      </c>
      <c r="DS21" s="184">
        <v>0</v>
      </c>
      <c r="DT21" s="178">
        <v>0</v>
      </c>
      <c r="DU21" s="178">
        <v>0</v>
      </c>
      <c r="DV21" s="179">
        <v>32</v>
      </c>
      <c r="DW21" s="180">
        <v>86</v>
      </c>
      <c r="DX21" s="180">
        <v>311</v>
      </c>
      <c r="DY21" s="180">
        <v>534</v>
      </c>
      <c r="DZ21" s="178">
        <v>348</v>
      </c>
      <c r="EA21" s="181">
        <v>1311</v>
      </c>
      <c r="EB21" s="183">
        <v>1311</v>
      </c>
      <c r="EC21" s="32"/>
    </row>
    <row r="22" spans="2:133" ht="21" customHeight="1" x14ac:dyDescent="0.2">
      <c r="B22" s="437" t="s">
        <v>19</v>
      </c>
      <c r="C22" s="177">
        <v>0</v>
      </c>
      <c r="D22" s="178">
        <v>0</v>
      </c>
      <c r="E22" s="178">
        <v>0</v>
      </c>
      <c r="F22" s="179">
        <v>1</v>
      </c>
      <c r="G22" s="180">
        <v>5</v>
      </c>
      <c r="H22" s="180">
        <v>111</v>
      </c>
      <c r="I22" s="180">
        <v>124</v>
      </c>
      <c r="J22" s="178">
        <v>111</v>
      </c>
      <c r="K22" s="181">
        <v>352</v>
      </c>
      <c r="L22" s="182">
        <v>352</v>
      </c>
      <c r="M22" s="177">
        <v>0</v>
      </c>
      <c r="N22" s="178">
        <v>0</v>
      </c>
      <c r="O22" s="181">
        <v>0</v>
      </c>
      <c r="P22" s="179">
        <v>1</v>
      </c>
      <c r="Q22" s="180">
        <v>5</v>
      </c>
      <c r="R22" s="180">
        <v>110</v>
      </c>
      <c r="S22" s="180">
        <v>124</v>
      </c>
      <c r="T22" s="178">
        <v>111</v>
      </c>
      <c r="U22" s="181">
        <v>351</v>
      </c>
      <c r="V22" s="183">
        <v>351</v>
      </c>
      <c r="W22" s="184">
        <v>0</v>
      </c>
      <c r="X22" s="178">
        <v>0</v>
      </c>
      <c r="Y22" s="181">
        <v>0</v>
      </c>
      <c r="Z22" s="184">
        <v>0</v>
      </c>
      <c r="AA22" s="180">
        <v>0</v>
      </c>
      <c r="AB22" s="180">
        <v>1</v>
      </c>
      <c r="AC22" s="180">
        <v>0</v>
      </c>
      <c r="AD22" s="178">
        <v>0</v>
      </c>
      <c r="AE22" s="181">
        <v>1</v>
      </c>
      <c r="AF22" s="185">
        <v>1</v>
      </c>
      <c r="AG22" s="184">
        <v>0</v>
      </c>
      <c r="AH22" s="178">
        <v>0</v>
      </c>
      <c r="AI22" s="181">
        <v>0</v>
      </c>
      <c r="AJ22" s="184">
        <v>17</v>
      </c>
      <c r="AK22" s="180">
        <v>46</v>
      </c>
      <c r="AL22" s="180">
        <v>61</v>
      </c>
      <c r="AM22" s="180">
        <v>67</v>
      </c>
      <c r="AN22" s="178">
        <v>36</v>
      </c>
      <c r="AO22" s="181">
        <v>227</v>
      </c>
      <c r="AP22" s="185">
        <v>227</v>
      </c>
      <c r="AQ22" s="184">
        <v>0</v>
      </c>
      <c r="AR22" s="178">
        <v>0</v>
      </c>
      <c r="AS22" s="181">
        <v>0</v>
      </c>
      <c r="AT22" s="179">
        <v>17</v>
      </c>
      <c r="AU22" s="180">
        <v>46</v>
      </c>
      <c r="AV22" s="180">
        <v>60</v>
      </c>
      <c r="AW22" s="180">
        <v>65</v>
      </c>
      <c r="AX22" s="178">
        <v>34</v>
      </c>
      <c r="AY22" s="181">
        <v>222</v>
      </c>
      <c r="AZ22" s="182">
        <v>222</v>
      </c>
      <c r="BA22" s="177">
        <v>0</v>
      </c>
      <c r="BB22" s="178">
        <v>0</v>
      </c>
      <c r="BC22" s="178">
        <v>0</v>
      </c>
      <c r="BD22" s="179">
        <v>0</v>
      </c>
      <c r="BE22" s="180">
        <v>0</v>
      </c>
      <c r="BF22" s="180">
        <v>1</v>
      </c>
      <c r="BG22" s="180">
        <v>2</v>
      </c>
      <c r="BH22" s="178">
        <v>2</v>
      </c>
      <c r="BI22" s="181">
        <v>5</v>
      </c>
      <c r="BJ22" s="183">
        <v>5</v>
      </c>
      <c r="BK22" s="184">
        <v>0</v>
      </c>
      <c r="BL22" s="178">
        <v>0</v>
      </c>
      <c r="BM22" s="178">
        <v>0</v>
      </c>
      <c r="BN22" s="179">
        <v>0</v>
      </c>
      <c r="BO22" s="180">
        <v>0</v>
      </c>
      <c r="BP22" s="180">
        <v>0</v>
      </c>
      <c r="BQ22" s="180">
        <v>0</v>
      </c>
      <c r="BR22" s="178">
        <v>0</v>
      </c>
      <c r="BS22" s="181">
        <v>0</v>
      </c>
      <c r="BT22" s="182">
        <v>0</v>
      </c>
      <c r="BU22" s="177">
        <v>0</v>
      </c>
      <c r="BV22" s="178">
        <v>0</v>
      </c>
      <c r="BW22" s="178">
        <v>0</v>
      </c>
      <c r="BX22" s="179">
        <v>0</v>
      </c>
      <c r="BY22" s="180">
        <v>0</v>
      </c>
      <c r="BZ22" s="180">
        <v>0</v>
      </c>
      <c r="CA22" s="180">
        <v>0</v>
      </c>
      <c r="CB22" s="178">
        <v>0</v>
      </c>
      <c r="CC22" s="181">
        <v>0</v>
      </c>
      <c r="CD22" s="183">
        <v>0</v>
      </c>
      <c r="CE22" s="184">
        <v>0</v>
      </c>
      <c r="CF22" s="178">
        <v>0</v>
      </c>
      <c r="CG22" s="178">
        <v>0</v>
      </c>
      <c r="CH22" s="179">
        <v>0</v>
      </c>
      <c r="CI22" s="180">
        <v>0</v>
      </c>
      <c r="CJ22" s="180">
        <v>0</v>
      </c>
      <c r="CK22" s="180">
        <v>0</v>
      </c>
      <c r="CL22" s="178">
        <v>0</v>
      </c>
      <c r="CM22" s="181">
        <v>0</v>
      </c>
      <c r="CN22" s="183">
        <v>0</v>
      </c>
      <c r="CO22" s="184">
        <v>0</v>
      </c>
      <c r="CP22" s="178">
        <v>0</v>
      </c>
      <c r="CQ22" s="178">
        <v>0</v>
      </c>
      <c r="CR22" s="179">
        <v>0</v>
      </c>
      <c r="CS22" s="180">
        <v>0</v>
      </c>
      <c r="CT22" s="180">
        <v>0</v>
      </c>
      <c r="CU22" s="180">
        <v>4</v>
      </c>
      <c r="CV22" s="178">
        <v>8</v>
      </c>
      <c r="CW22" s="181">
        <v>12</v>
      </c>
      <c r="CX22" s="182">
        <v>12</v>
      </c>
      <c r="CY22" s="177">
        <v>0</v>
      </c>
      <c r="CZ22" s="178">
        <v>0</v>
      </c>
      <c r="DA22" s="178">
        <v>0</v>
      </c>
      <c r="DB22" s="179">
        <v>0</v>
      </c>
      <c r="DC22" s="180">
        <v>0</v>
      </c>
      <c r="DD22" s="180">
        <v>0</v>
      </c>
      <c r="DE22" s="180">
        <v>4</v>
      </c>
      <c r="DF22" s="178">
        <v>7</v>
      </c>
      <c r="DG22" s="181">
        <v>11</v>
      </c>
      <c r="DH22" s="183">
        <v>11</v>
      </c>
      <c r="DI22" s="184">
        <v>0</v>
      </c>
      <c r="DJ22" s="178">
        <v>0</v>
      </c>
      <c r="DK22" s="178">
        <v>0</v>
      </c>
      <c r="DL22" s="179">
        <v>0</v>
      </c>
      <c r="DM22" s="180">
        <v>0</v>
      </c>
      <c r="DN22" s="180">
        <v>0</v>
      </c>
      <c r="DO22" s="180">
        <v>0</v>
      </c>
      <c r="DP22" s="178">
        <v>1</v>
      </c>
      <c r="DQ22" s="181">
        <v>1</v>
      </c>
      <c r="DR22" s="183">
        <v>1</v>
      </c>
      <c r="DS22" s="184">
        <v>0</v>
      </c>
      <c r="DT22" s="178">
        <v>0</v>
      </c>
      <c r="DU22" s="178">
        <v>0</v>
      </c>
      <c r="DV22" s="179">
        <v>18</v>
      </c>
      <c r="DW22" s="180">
        <v>51</v>
      </c>
      <c r="DX22" s="180">
        <v>172</v>
      </c>
      <c r="DY22" s="180">
        <v>194</v>
      </c>
      <c r="DZ22" s="178">
        <v>155</v>
      </c>
      <c r="EA22" s="181">
        <v>590</v>
      </c>
      <c r="EB22" s="183">
        <v>590</v>
      </c>
      <c r="EC22" s="32"/>
    </row>
    <row r="23" spans="2:133" ht="21" customHeight="1" x14ac:dyDescent="0.2">
      <c r="B23" s="437" t="s">
        <v>20</v>
      </c>
      <c r="C23" s="177">
        <v>0</v>
      </c>
      <c r="D23" s="178">
        <v>0</v>
      </c>
      <c r="E23" s="178">
        <v>0</v>
      </c>
      <c r="F23" s="179">
        <v>4</v>
      </c>
      <c r="G23" s="180">
        <v>27</v>
      </c>
      <c r="H23" s="180">
        <v>133</v>
      </c>
      <c r="I23" s="180">
        <v>221</v>
      </c>
      <c r="J23" s="178">
        <v>100</v>
      </c>
      <c r="K23" s="181">
        <v>485</v>
      </c>
      <c r="L23" s="182">
        <v>485</v>
      </c>
      <c r="M23" s="177">
        <v>0</v>
      </c>
      <c r="N23" s="178">
        <v>0</v>
      </c>
      <c r="O23" s="181">
        <v>0</v>
      </c>
      <c r="P23" s="179">
        <v>4</v>
      </c>
      <c r="Q23" s="180">
        <v>27</v>
      </c>
      <c r="R23" s="180">
        <v>132</v>
      </c>
      <c r="S23" s="180">
        <v>218</v>
      </c>
      <c r="T23" s="178">
        <v>98</v>
      </c>
      <c r="U23" s="181">
        <v>479</v>
      </c>
      <c r="V23" s="183">
        <v>479</v>
      </c>
      <c r="W23" s="184">
        <v>0</v>
      </c>
      <c r="X23" s="178">
        <v>0</v>
      </c>
      <c r="Y23" s="181">
        <v>0</v>
      </c>
      <c r="Z23" s="184">
        <v>0</v>
      </c>
      <c r="AA23" s="180">
        <v>0</v>
      </c>
      <c r="AB23" s="180">
        <v>1</v>
      </c>
      <c r="AC23" s="180">
        <v>3</v>
      </c>
      <c r="AD23" s="178">
        <v>2</v>
      </c>
      <c r="AE23" s="181">
        <v>6</v>
      </c>
      <c r="AF23" s="185">
        <v>6</v>
      </c>
      <c r="AG23" s="184">
        <v>0</v>
      </c>
      <c r="AH23" s="178">
        <v>0</v>
      </c>
      <c r="AI23" s="181">
        <v>0</v>
      </c>
      <c r="AJ23" s="184">
        <v>19</v>
      </c>
      <c r="AK23" s="180">
        <v>34</v>
      </c>
      <c r="AL23" s="180">
        <v>40</v>
      </c>
      <c r="AM23" s="180">
        <v>58</v>
      </c>
      <c r="AN23" s="178">
        <v>23</v>
      </c>
      <c r="AO23" s="181">
        <v>174</v>
      </c>
      <c r="AP23" s="185">
        <v>174</v>
      </c>
      <c r="AQ23" s="184">
        <v>0</v>
      </c>
      <c r="AR23" s="178">
        <v>0</v>
      </c>
      <c r="AS23" s="181">
        <v>0</v>
      </c>
      <c r="AT23" s="179">
        <v>18</v>
      </c>
      <c r="AU23" s="180">
        <v>34</v>
      </c>
      <c r="AV23" s="180">
        <v>40</v>
      </c>
      <c r="AW23" s="180">
        <v>58</v>
      </c>
      <c r="AX23" s="178">
        <v>23</v>
      </c>
      <c r="AY23" s="181">
        <v>173</v>
      </c>
      <c r="AZ23" s="182">
        <v>173</v>
      </c>
      <c r="BA23" s="177">
        <v>0</v>
      </c>
      <c r="BB23" s="178">
        <v>0</v>
      </c>
      <c r="BC23" s="178">
        <v>0</v>
      </c>
      <c r="BD23" s="179">
        <v>1</v>
      </c>
      <c r="BE23" s="180">
        <v>0</v>
      </c>
      <c r="BF23" s="180">
        <v>0</v>
      </c>
      <c r="BG23" s="180">
        <v>0</v>
      </c>
      <c r="BH23" s="178">
        <v>0</v>
      </c>
      <c r="BI23" s="181">
        <v>1</v>
      </c>
      <c r="BJ23" s="183">
        <v>1</v>
      </c>
      <c r="BK23" s="184">
        <v>0</v>
      </c>
      <c r="BL23" s="178">
        <v>0</v>
      </c>
      <c r="BM23" s="178">
        <v>0</v>
      </c>
      <c r="BN23" s="179">
        <v>0</v>
      </c>
      <c r="BO23" s="180">
        <v>0</v>
      </c>
      <c r="BP23" s="180">
        <v>0</v>
      </c>
      <c r="BQ23" s="180">
        <v>2</v>
      </c>
      <c r="BR23" s="178">
        <v>0</v>
      </c>
      <c r="BS23" s="181">
        <v>2</v>
      </c>
      <c r="BT23" s="182">
        <v>2</v>
      </c>
      <c r="BU23" s="177">
        <v>0</v>
      </c>
      <c r="BV23" s="178">
        <v>0</v>
      </c>
      <c r="BW23" s="178">
        <v>0</v>
      </c>
      <c r="BX23" s="179">
        <v>0</v>
      </c>
      <c r="BY23" s="180">
        <v>0</v>
      </c>
      <c r="BZ23" s="180">
        <v>0</v>
      </c>
      <c r="CA23" s="180">
        <v>2</v>
      </c>
      <c r="CB23" s="178">
        <v>0</v>
      </c>
      <c r="CC23" s="181">
        <v>2</v>
      </c>
      <c r="CD23" s="183">
        <v>2</v>
      </c>
      <c r="CE23" s="184">
        <v>0</v>
      </c>
      <c r="CF23" s="178">
        <v>0</v>
      </c>
      <c r="CG23" s="178">
        <v>0</v>
      </c>
      <c r="CH23" s="179">
        <v>0</v>
      </c>
      <c r="CI23" s="180">
        <v>0</v>
      </c>
      <c r="CJ23" s="180">
        <v>0</v>
      </c>
      <c r="CK23" s="180">
        <v>0</v>
      </c>
      <c r="CL23" s="178">
        <v>0</v>
      </c>
      <c r="CM23" s="181">
        <v>0</v>
      </c>
      <c r="CN23" s="183">
        <v>0</v>
      </c>
      <c r="CO23" s="184">
        <v>0</v>
      </c>
      <c r="CP23" s="178">
        <v>0</v>
      </c>
      <c r="CQ23" s="178">
        <v>0</v>
      </c>
      <c r="CR23" s="179">
        <v>0</v>
      </c>
      <c r="CS23" s="180">
        <v>0</v>
      </c>
      <c r="CT23" s="180">
        <v>0</v>
      </c>
      <c r="CU23" s="180">
        <v>1</v>
      </c>
      <c r="CV23" s="178">
        <v>4</v>
      </c>
      <c r="CW23" s="181">
        <v>5</v>
      </c>
      <c r="CX23" s="182">
        <v>5</v>
      </c>
      <c r="CY23" s="177">
        <v>0</v>
      </c>
      <c r="CZ23" s="178">
        <v>0</v>
      </c>
      <c r="DA23" s="178">
        <v>0</v>
      </c>
      <c r="DB23" s="179">
        <v>0</v>
      </c>
      <c r="DC23" s="180">
        <v>0</v>
      </c>
      <c r="DD23" s="180">
        <v>0</v>
      </c>
      <c r="DE23" s="180">
        <v>1</v>
      </c>
      <c r="DF23" s="178">
        <v>4</v>
      </c>
      <c r="DG23" s="181">
        <v>5</v>
      </c>
      <c r="DH23" s="183">
        <v>5</v>
      </c>
      <c r="DI23" s="184">
        <v>0</v>
      </c>
      <c r="DJ23" s="178">
        <v>0</v>
      </c>
      <c r="DK23" s="178">
        <v>0</v>
      </c>
      <c r="DL23" s="179">
        <v>0</v>
      </c>
      <c r="DM23" s="180">
        <v>0</v>
      </c>
      <c r="DN23" s="180">
        <v>0</v>
      </c>
      <c r="DO23" s="180">
        <v>0</v>
      </c>
      <c r="DP23" s="178">
        <v>0</v>
      </c>
      <c r="DQ23" s="181">
        <v>0</v>
      </c>
      <c r="DR23" s="183">
        <v>0</v>
      </c>
      <c r="DS23" s="184">
        <v>0</v>
      </c>
      <c r="DT23" s="178">
        <v>0</v>
      </c>
      <c r="DU23" s="178">
        <v>0</v>
      </c>
      <c r="DV23" s="179">
        <v>23</v>
      </c>
      <c r="DW23" s="180">
        <v>61</v>
      </c>
      <c r="DX23" s="180">
        <v>173</v>
      </c>
      <c r="DY23" s="180">
        <v>280</v>
      </c>
      <c r="DZ23" s="178">
        <v>127</v>
      </c>
      <c r="EA23" s="181">
        <v>664</v>
      </c>
      <c r="EB23" s="183">
        <v>664</v>
      </c>
      <c r="EC23" s="32"/>
    </row>
    <row r="24" spans="2:133" ht="21" customHeight="1" x14ac:dyDescent="0.2">
      <c r="B24" s="437" t="s">
        <v>21</v>
      </c>
      <c r="C24" s="177">
        <v>0</v>
      </c>
      <c r="D24" s="178">
        <v>0</v>
      </c>
      <c r="E24" s="178">
        <v>0</v>
      </c>
      <c r="F24" s="179">
        <v>4</v>
      </c>
      <c r="G24" s="180">
        <v>12</v>
      </c>
      <c r="H24" s="180">
        <v>175</v>
      </c>
      <c r="I24" s="180">
        <v>197</v>
      </c>
      <c r="J24" s="178">
        <v>149</v>
      </c>
      <c r="K24" s="181">
        <v>537</v>
      </c>
      <c r="L24" s="182">
        <v>537</v>
      </c>
      <c r="M24" s="177">
        <v>0</v>
      </c>
      <c r="N24" s="178">
        <v>0</v>
      </c>
      <c r="O24" s="181">
        <v>0</v>
      </c>
      <c r="P24" s="179">
        <v>3</v>
      </c>
      <c r="Q24" s="180">
        <v>12</v>
      </c>
      <c r="R24" s="180">
        <v>174</v>
      </c>
      <c r="S24" s="180">
        <v>197</v>
      </c>
      <c r="T24" s="178">
        <v>147</v>
      </c>
      <c r="U24" s="181">
        <v>533</v>
      </c>
      <c r="V24" s="183">
        <v>533</v>
      </c>
      <c r="W24" s="184">
        <v>0</v>
      </c>
      <c r="X24" s="178">
        <v>0</v>
      </c>
      <c r="Y24" s="181">
        <v>0</v>
      </c>
      <c r="Z24" s="184">
        <v>1</v>
      </c>
      <c r="AA24" s="180">
        <v>0</v>
      </c>
      <c r="AB24" s="180">
        <v>1</v>
      </c>
      <c r="AC24" s="180">
        <v>0</v>
      </c>
      <c r="AD24" s="178">
        <v>2</v>
      </c>
      <c r="AE24" s="181">
        <v>4</v>
      </c>
      <c r="AF24" s="185">
        <v>4</v>
      </c>
      <c r="AG24" s="184">
        <v>0</v>
      </c>
      <c r="AH24" s="178">
        <v>0</v>
      </c>
      <c r="AI24" s="181">
        <v>0</v>
      </c>
      <c r="AJ24" s="184">
        <v>21</v>
      </c>
      <c r="AK24" s="180">
        <v>31</v>
      </c>
      <c r="AL24" s="180">
        <v>50</v>
      </c>
      <c r="AM24" s="180">
        <v>43</v>
      </c>
      <c r="AN24" s="178">
        <v>25</v>
      </c>
      <c r="AO24" s="181">
        <v>170</v>
      </c>
      <c r="AP24" s="185">
        <v>170</v>
      </c>
      <c r="AQ24" s="184">
        <v>0</v>
      </c>
      <c r="AR24" s="178">
        <v>0</v>
      </c>
      <c r="AS24" s="181">
        <v>0</v>
      </c>
      <c r="AT24" s="179">
        <v>21</v>
      </c>
      <c r="AU24" s="180">
        <v>31</v>
      </c>
      <c r="AV24" s="180">
        <v>49</v>
      </c>
      <c r="AW24" s="180">
        <v>39</v>
      </c>
      <c r="AX24" s="178">
        <v>23</v>
      </c>
      <c r="AY24" s="181">
        <v>163</v>
      </c>
      <c r="AZ24" s="182">
        <v>163</v>
      </c>
      <c r="BA24" s="177">
        <v>0</v>
      </c>
      <c r="BB24" s="178">
        <v>0</v>
      </c>
      <c r="BC24" s="178">
        <v>0</v>
      </c>
      <c r="BD24" s="179">
        <v>0</v>
      </c>
      <c r="BE24" s="180">
        <v>0</v>
      </c>
      <c r="BF24" s="180">
        <v>1</v>
      </c>
      <c r="BG24" s="180">
        <v>4</v>
      </c>
      <c r="BH24" s="178">
        <v>2</v>
      </c>
      <c r="BI24" s="181">
        <v>7</v>
      </c>
      <c r="BJ24" s="183">
        <v>7</v>
      </c>
      <c r="BK24" s="184">
        <v>0</v>
      </c>
      <c r="BL24" s="178">
        <v>0</v>
      </c>
      <c r="BM24" s="178">
        <v>0</v>
      </c>
      <c r="BN24" s="179">
        <v>0</v>
      </c>
      <c r="BO24" s="180">
        <v>0</v>
      </c>
      <c r="BP24" s="180">
        <v>0</v>
      </c>
      <c r="BQ24" s="180">
        <v>1</v>
      </c>
      <c r="BR24" s="178">
        <v>4</v>
      </c>
      <c r="BS24" s="181">
        <v>5</v>
      </c>
      <c r="BT24" s="182">
        <v>5</v>
      </c>
      <c r="BU24" s="177">
        <v>0</v>
      </c>
      <c r="BV24" s="178">
        <v>0</v>
      </c>
      <c r="BW24" s="178">
        <v>0</v>
      </c>
      <c r="BX24" s="179">
        <v>0</v>
      </c>
      <c r="BY24" s="180">
        <v>0</v>
      </c>
      <c r="BZ24" s="180">
        <v>0</v>
      </c>
      <c r="CA24" s="180">
        <v>1</v>
      </c>
      <c r="CB24" s="178">
        <v>4</v>
      </c>
      <c r="CC24" s="181">
        <v>5</v>
      </c>
      <c r="CD24" s="183">
        <v>5</v>
      </c>
      <c r="CE24" s="184">
        <v>0</v>
      </c>
      <c r="CF24" s="178">
        <v>0</v>
      </c>
      <c r="CG24" s="178">
        <v>0</v>
      </c>
      <c r="CH24" s="179">
        <v>0</v>
      </c>
      <c r="CI24" s="180">
        <v>0</v>
      </c>
      <c r="CJ24" s="180">
        <v>0</v>
      </c>
      <c r="CK24" s="180">
        <v>0</v>
      </c>
      <c r="CL24" s="178">
        <v>0</v>
      </c>
      <c r="CM24" s="181">
        <v>0</v>
      </c>
      <c r="CN24" s="183">
        <v>0</v>
      </c>
      <c r="CO24" s="184">
        <v>0</v>
      </c>
      <c r="CP24" s="178">
        <v>0</v>
      </c>
      <c r="CQ24" s="178">
        <v>0</v>
      </c>
      <c r="CR24" s="179">
        <v>0</v>
      </c>
      <c r="CS24" s="180">
        <v>0</v>
      </c>
      <c r="CT24" s="180">
        <v>1</v>
      </c>
      <c r="CU24" s="180">
        <v>9</v>
      </c>
      <c r="CV24" s="178">
        <v>22</v>
      </c>
      <c r="CW24" s="181">
        <v>32</v>
      </c>
      <c r="CX24" s="182">
        <v>32</v>
      </c>
      <c r="CY24" s="177">
        <v>0</v>
      </c>
      <c r="CZ24" s="178">
        <v>0</v>
      </c>
      <c r="DA24" s="178">
        <v>0</v>
      </c>
      <c r="DB24" s="179">
        <v>0</v>
      </c>
      <c r="DC24" s="180">
        <v>0</v>
      </c>
      <c r="DD24" s="180">
        <v>1</v>
      </c>
      <c r="DE24" s="180">
        <v>9</v>
      </c>
      <c r="DF24" s="178">
        <v>22</v>
      </c>
      <c r="DG24" s="181">
        <v>32</v>
      </c>
      <c r="DH24" s="183">
        <v>32</v>
      </c>
      <c r="DI24" s="184">
        <v>0</v>
      </c>
      <c r="DJ24" s="178">
        <v>0</v>
      </c>
      <c r="DK24" s="178">
        <v>0</v>
      </c>
      <c r="DL24" s="179">
        <v>0</v>
      </c>
      <c r="DM24" s="180">
        <v>0</v>
      </c>
      <c r="DN24" s="180">
        <v>0</v>
      </c>
      <c r="DO24" s="180">
        <v>0</v>
      </c>
      <c r="DP24" s="178">
        <v>0</v>
      </c>
      <c r="DQ24" s="181">
        <v>0</v>
      </c>
      <c r="DR24" s="183">
        <v>0</v>
      </c>
      <c r="DS24" s="184">
        <v>0</v>
      </c>
      <c r="DT24" s="178">
        <v>0</v>
      </c>
      <c r="DU24" s="178">
        <v>0</v>
      </c>
      <c r="DV24" s="179">
        <v>25</v>
      </c>
      <c r="DW24" s="180">
        <v>43</v>
      </c>
      <c r="DX24" s="180">
        <v>226</v>
      </c>
      <c r="DY24" s="180">
        <v>250</v>
      </c>
      <c r="DZ24" s="178">
        <v>200</v>
      </c>
      <c r="EA24" s="181">
        <v>744</v>
      </c>
      <c r="EB24" s="183">
        <v>744</v>
      </c>
      <c r="EC24" s="32"/>
    </row>
    <row r="25" spans="2:133" ht="21" customHeight="1" x14ac:dyDescent="0.2">
      <c r="B25" s="437" t="s">
        <v>22</v>
      </c>
      <c r="C25" s="177">
        <v>0</v>
      </c>
      <c r="D25" s="178">
        <v>0</v>
      </c>
      <c r="E25" s="178">
        <v>0</v>
      </c>
      <c r="F25" s="179">
        <v>3</v>
      </c>
      <c r="G25" s="180">
        <v>5</v>
      </c>
      <c r="H25" s="180">
        <v>51</v>
      </c>
      <c r="I25" s="180">
        <v>64</v>
      </c>
      <c r="J25" s="178">
        <v>34</v>
      </c>
      <c r="K25" s="181">
        <v>157</v>
      </c>
      <c r="L25" s="182">
        <v>157</v>
      </c>
      <c r="M25" s="177">
        <v>0</v>
      </c>
      <c r="N25" s="178">
        <v>0</v>
      </c>
      <c r="O25" s="181">
        <v>0</v>
      </c>
      <c r="P25" s="179">
        <v>3</v>
      </c>
      <c r="Q25" s="180">
        <v>5</v>
      </c>
      <c r="R25" s="180">
        <v>51</v>
      </c>
      <c r="S25" s="180">
        <v>64</v>
      </c>
      <c r="T25" s="178">
        <v>33</v>
      </c>
      <c r="U25" s="181">
        <v>156</v>
      </c>
      <c r="V25" s="183">
        <v>156</v>
      </c>
      <c r="W25" s="184">
        <v>0</v>
      </c>
      <c r="X25" s="178">
        <v>0</v>
      </c>
      <c r="Y25" s="181">
        <v>0</v>
      </c>
      <c r="Z25" s="184">
        <v>0</v>
      </c>
      <c r="AA25" s="180">
        <v>0</v>
      </c>
      <c r="AB25" s="180">
        <v>0</v>
      </c>
      <c r="AC25" s="180">
        <v>0</v>
      </c>
      <c r="AD25" s="178">
        <v>1</v>
      </c>
      <c r="AE25" s="181">
        <v>1</v>
      </c>
      <c r="AF25" s="185">
        <v>1</v>
      </c>
      <c r="AG25" s="184">
        <v>0</v>
      </c>
      <c r="AH25" s="178">
        <v>0</v>
      </c>
      <c r="AI25" s="181">
        <v>0</v>
      </c>
      <c r="AJ25" s="184">
        <v>9</v>
      </c>
      <c r="AK25" s="180">
        <v>24</v>
      </c>
      <c r="AL25" s="180">
        <v>25</v>
      </c>
      <c r="AM25" s="180">
        <v>37</v>
      </c>
      <c r="AN25" s="178">
        <v>17</v>
      </c>
      <c r="AO25" s="181">
        <v>112</v>
      </c>
      <c r="AP25" s="185">
        <v>112</v>
      </c>
      <c r="AQ25" s="184">
        <v>0</v>
      </c>
      <c r="AR25" s="178">
        <v>0</v>
      </c>
      <c r="AS25" s="181">
        <v>0</v>
      </c>
      <c r="AT25" s="179">
        <v>9</v>
      </c>
      <c r="AU25" s="180">
        <v>24</v>
      </c>
      <c r="AV25" s="180">
        <v>25</v>
      </c>
      <c r="AW25" s="180">
        <v>37</v>
      </c>
      <c r="AX25" s="178">
        <v>17</v>
      </c>
      <c r="AY25" s="181">
        <v>112</v>
      </c>
      <c r="AZ25" s="182">
        <v>112</v>
      </c>
      <c r="BA25" s="177">
        <v>0</v>
      </c>
      <c r="BB25" s="178">
        <v>0</v>
      </c>
      <c r="BC25" s="178">
        <v>0</v>
      </c>
      <c r="BD25" s="179">
        <v>0</v>
      </c>
      <c r="BE25" s="180">
        <v>0</v>
      </c>
      <c r="BF25" s="180">
        <v>0</v>
      </c>
      <c r="BG25" s="180">
        <v>0</v>
      </c>
      <c r="BH25" s="178">
        <v>0</v>
      </c>
      <c r="BI25" s="181">
        <v>0</v>
      </c>
      <c r="BJ25" s="183">
        <v>0</v>
      </c>
      <c r="BK25" s="184">
        <v>0</v>
      </c>
      <c r="BL25" s="178">
        <v>0</v>
      </c>
      <c r="BM25" s="178">
        <v>0</v>
      </c>
      <c r="BN25" s="179">
        <v>0</v>
      </c>
      <c r="BO25" s="180">
        <v>0</v>
      </c>
      <c r="BP25" s="180">
        <v>0</v>
      </c>
      <c r="BQ25" s="180">
        <v>0</v>
      </c>
      <c r="BR25" s="178">
        <v>0</v>
      </c>
      <c r="BS25" s="181">
        <v>0</v>
      </c>
      <c r="BT25" s="182">
        <v>0</v>
      </c>
      <c r="BU25" s="177">
        <v>0</v>
      </c>
      <c r="BV25" s="178">
        <v>0</v>
      </c>
      <c r="BW25" s="178">
        <v>0</v>
      </c>
      <c r="BX25" s="179">
        <v>0</v>
      </c>
      <c r="BY25" s="180">
        <v>0</v>
      </c>
      <c r="BZ25" s="180">
        <v>0</v>
      </c>
      <c r="CA25" s="180">
        <v>0</v>
      </c>
      <c r="CB25" s="178">
        <v>0</v>
      </c>
      <c r="CC25" s="181">
        <v>0</v>
      </c>
      <c r="CD25" s="183">
        <v>0</v>
      </c>
      <c r="CE25" s="184">
        <v>0</v>
      </c>
      <c r="CF25" s="178">
        <v>0</v>
      </c>
      <c r="CG25" s="178">
        <v>0</v>
      </c>
      <c r="CH25" s="179">
        <v>0</v>
      </c>
      <c r="CI25" s="180">
        <v>0</v>
      </c>
      <c r="CJ25" s="180">
        <v>0</v>
      </c>
      <c r="CK25" s="180">
        <v>0</v>
      </c>
      <c r="CL25" s="178">
        <v>0</v>
      </c>
      <c r="CM25" s="181">
        <v>0</v>
      </c>
      <c r="CN25" s="183">
        <v>0</v>
      </c>
      <c r="CO25" s="184">
        <v>0</v>
      </c>
      <c r="CP25" s="178">
        <v>0</v>
      </c>
      <c r="CQ25" s="178">
        <v>0</v>
      </c>
      <c r="CR25" s="179">
        <v>0</v>
      </c>
      <c r="CS25" s="180">
        <v>0</v>
      </c>
      <c r="CT25" s="180">
        <v>0</v>
      </c>
      <c r="CU25" s="180">
        <v>5</v>
      </c>
      <c r="CV25" s="178">
        <v>3</v>
      </c>
      <c r="CW25" s="181">
        <v>8</v>
      </c>
      <c r="CX25" s="182">
        <v>8</v>
      </c>
      <c r="CY25" s="177">
        <v>0</v>
      </c>
      <c r="CZ25" s="178">
        <v>0</v>
      </c>
      <c r="DA25" s="178">
        <v>0</v>
      </c>
      <c r="DB25" s="179">
        <v>0</v>
      </c>
      <c r="DC25" s="180">
        <v>0</v>
      </c>
      <c r="DD25" s="180">
        <v>0</v>
      </c>
      <c r="DE25" s="180">
        <v>5</v>
      </c>
      <c r="DF25" s="178">
        <v>1</v>
      </c>
      <c r="DG25" s="181">
        <v>6</v>
      </c>
      <c r="DH25" s="183">
        <v>6</v>
      </c>
      <c r="DI25" s="184">
        <v>0</v>
      </c>
      <c r="DJ25" s="178">
        <v>0</v>
      </c>
      <c r="DK25" s="178">
        <v>0</v>
      </c>
      <c r="DL25" s="179">
        <v>0</v>
      </c>
      <c r="DM25" s="180">
        <v>0</v>
      </c>
      <c r="DN25" s="180">
        <v>0</v>
      </c>
      <c r="DO25" s="180">
        <v>0</v>
      </c>
      <c r="DP25" s="178">
        <v>2</v>
      </c>
      <c r="DQ25" s="181">
        <v>2</v>
      </c>
      <c r="DR25" s="183">
        <v>2</v>
      </c>
      <c r="DS25" s="184">
        <v>0</v>
      </c>
      <c r="DT25" s="178">
        <v>0</v>
      </c>
      <c r="DU25" s="178">
        <v>0</v>
      </c>
      <c r="DV25" s="179">
        <v>12</v>
      </c>
      <c r="DW25" s="180">
        <v>29</v>
      </c>
      <c r="DX25" s="180">
        <v>76</v>
      </c>
      <c r="DY25" s="180">
        <v>106</v>
      </c>
      <c r="DZ25" s="178">
        <v>54</v>
      </c>
      <c r="EA25" s="181">
        <v>277</v>
      </c>
      <c r="EB25" s="183">
        <v>277</v>
      </c>
      <c r="EC25" s="32"/>
    </row>
    <row r="26" spans="2:133" ht="21" customHeight="1" x14ac:dyDescent="0.2">
      <c r="B26" s="437" t="s">
        <v>23</v>
      </c>
      <c r="C26" s="177">
        <v>0</v>
      </c>
      <c r="D26" s="178">
        <v>0</v>
      </c>
      <c r="E26" s="178">
        <v>0</v>
      </c>
      <c r="F26" s="179">
        <v>3</v>
      </c>
      <c r="G26" s="180">
        <v>13</v>
      </c>
      <c r="H26" s="180">
        <v>92</v>
      </c>
      <c r="I26" s="180">
        <v>132</v>
      </c>
      <c r="J26" s="178">
        <v>94</v>
      </c>
      <c r="K26" s="181">
        <v>334</v>
      </c>
      <c r="L26" s="182">
        <v>334</v>
      </c>
      <c r="M26" s="177">
        <v>0</v>
      </c>
      <c r="N26" s="178">
        <v>0</v>
      </c>
      <c r="O26" s="181">
        <v>0</v>
      </c>
      <c r="P26" s="179">
        <v>3</v>
      </c>
      <c r="Q26" s="180">
        <v>13</v>
      </c>
      <c r="R26" s="180">
        <v>92</v>
      </c>
      <c r="S26" s="180">
        <v>130</v>
      </c>
      <c r="T26" s="178">
        <v>94</v>
      </c>
      <c r="U26" s="181">
        <v>332</v>
      </c>
      <c r="V26" s="183">
        <v>332</v>
      </c>
      <c r="W26" s="184">
        <v>0</v>
      </c>
      <c r="X26" s="178">
        <v>0</v>
      </c>
      <c r="Y26" s="181">
        <v>0</v>
      </c>
      <c r="Z26" s="184">
        <v>0</v>
      </c>
      <c r="AA26" s="180">
        <v>0</v>
      </c>
      <c r="AB26" s="180">
        <v>0</v>
      </c>
      <c r="AC26" s="180">
        <v>2</v>
      </c>
      <c r="AD26" s="178">
        <v>0</v>
      </c>
      <c r="AE26" s="181">
        <v>2</v>
      </c>
      <c r="AF26" s="185">
        <v>2</v>
      </c>
      <c r="AG26" s="184">
        <v>0</v>
      </c>
      <c r="AH26" s="178">
        <v>0</v>
      </c>
      <c r="AI26" s="181">
        <v>0</v>
      </c>
      <c r="AJ26" s="184">
        <v>17</v>
      </c>
      <c r="AK26" s="180">
        <v>26</v>
      </c>
      <c r="AL26" s="180">
        <v>39</v>
      </c>
      <c r="AM26" s="180">
        <v>60</v>
      </c>
      <c r="AN26" s="178">
        <v>26</v>
      </c>
      <c r="AO26" s="181">
        <v>168</v>
      </c>
      <c r="AP26" s="185">
        <v>168</v>
      </c>
      <c r="AQ26" s="184">
        <v>0</v>
      </c>
      <c r="AR26" s="178">
        <v>0</v>
      </c>
      <c r="AS26" s="181">
        <v>0</v>
      </c>
      <c r="AT26" s="179">
        <v>17</v>
      </c>
      <c r="AU26" s="180">
        <v>26</v>
      </c>
      <c r="AV26" s="180">
        <v>38</v>
      </c>
      <c r="AW26" s="180">
        <v>60</v>
      </c>
      <c r="AX26" s="178">
        <v>25</v>
      </c>
      <c r="AY26" s="181">
        <v>166</v>
      </c>
      <c r="AZ26" s="182">
        <v>166</v>
      </c>
      <c r="BA26" s="177">
        <v>0</v>
      </c>
      <c r="BB26" s="178">
        <v>0</v>
      </c>
      <c r="BC26" s="178">
        <v>0</v>
      </c>
      <c r="BD26" s="179">
        <v>0</v>
      </c>
      <c r="BE26" s="180">
        <v>0</v>
      </c>
      <c r="BF26" s="180">
        <v>1</v>
      </c>
      <c r="BG26" s="180">
        <v>0</v>
      </c>
      <c r="BH26" s="178">
        <v>1</v>
      </c>
      <c r="BI26" s="181">
        <v>2</v>
      </c>
      <c r="BJ26" s="183">
        <v>2</v>
      </c>
      <c r="BK26" s="184">
        <v>0</v>
      </c>
      <c r="BL26" s="178">
        <v>0</v>
      </c>
      <c r="BM26" s="178">
        <v>0</v>
      </c>
      <c r="BN26" s="179">
        <v>0</v>
      </c>
      <c r="BO26" s="180">
        <v>0</v>
      </c>
      <c r="BP26" s="180">
        <v>0</v>
      </c>
      <c r="BQ26" s="180">
        <v>0</v>
      </c>
      <c r="BR26" s="178">
        <v>2</v>
      </c>
      <c r="BS26" s="181">
        <v>2</v>
      </c>
      <c r="BT26" s="182">
        <v>2</v>
      </c>
      <c r="BU26" s="177">
        <v>0</v>
      </c>
      <c r="BV26" s="178">
        <v>0</v>
      </c>
      <c r="BW26" s="178">
        <v>0</v>
      </c>
      <c r="BX26" s="179">
        <v>0</v>
      </c>
      <c r="BY26" s="180">
        <v>0</v>
      </c>
      <c r="BZ26" s="180">
        <v>0</v>
      </c>
      <c r="CA26" s="180">
        <v>0</v>
      </c>
      <c r="CB26" s="178">
        <v>2</v>
      </c>
      <c r="CC26" s="181">
        <v>2</v>
      </c>
      <c r="CD26" s="183">
        <v>2</v>
      </c>
      <c r="CE26" s="184">
        <v>0</v>
      </c>
      <c r="CF26" s="178">
        <v>0</v>
      </c>
      <c r="CG26" s="178">
        <v>0</v>
      </c>
      <c r="CH26" s="179">
        <v>0</v>
      </c>
      <c r="CI26" s="180">
        <v>0</v>
      </c>
      <c r="CJ26" s="180">
        <v>0</v>
      </c>
      <c r="CK26" s="180">
        <v>0</v>
      </c>
      <c r="CL26" s="178">
        <v>0</v>
      </c>
      <c r="CM26" s="181">
        <v>0</v>
      </c>
      <c r="CN26" s="183">
        <v>0</v>
      </c>
      <c r="CO26" s="184">
        <v>0</v>
      </c>
      <c r="CP26" s="178">
        <v>0</v>
      </c>
      <c r="CQ26" s="178">
        <v>0</v>
      </c>
      <c r="CR26" s="179">
        <v>0</v>
      </c>
      <c r="CS26" s="180">
        <v>0</v>
      </c>
      <c r="CT26" s="180">
        <v>0</v>
      </c>
      <c r="CU26" s="180">
        <v>4</v>
      </c>
      <c r="CV26" s="178">
        <v>9</v>
      </c>
      <c r="CW26" s="181">
        <v>13</v>
      </c>
      <c r="CX26" s="182">
        <v>13</v>
      </c>
      <c r="CY26" s="177">
        <v>0</v>
      </c>
      <c r="CZ26" s="178">
        <v>0</v>
      </c>
      <c r="DA26" s="178">
        <v>0</v>
      </c>
      <c r="DB26" s="179">
        <v>0</v>
      </c>
      <c r="DC26" s="180">
        <v>0</v>
      </c>
      <c r="DD26" s="180">
        <v>0</v>
      </c>
      <c r="DE26" s="180">
        <v>4</v>
      </c>
      <c r="DF26" s="178">
        <v>9</v>
      </c>
      <c r="DG26" s="181">
        <v>13</v>
      </c>
      <c r="DH26" s="183">
        <v>13</v>
      </c>
      <c r="DI26" s="184">
        <v>0</v>
      </c>
      <c r="DJ26" s="178">
        <v>0</v>
      </c>
      <c r="DK26" s="178">
        <v>0</v>
      </c>
      <c r="DL26" s="179">
        <v>0</v>
      </c>
      <c r="DM26" s="180">
        <v>0</v>
      </c>
      <c r="DN26" s="180">
        <v>0</v>
      </c>
      <c r="DO26" s="180">
        <v>0</v>
      </c>
      <c r="DP26" s="178">
        <v>0</v>
      </c>
      <c r="DQ26" s="181">
        <v>0</v>
      </c>
      <c r="DR26" s="183">
        <v>0</v>
      </c>
      <c r="DS26" s="184">
        <v>0</v>
      </c>
      <c r="DT26" s="178">
        <v>0</v>
      </c>
      <c r="DU26" s="178">
        <v>0</v>
      </c>
      <c r="DV26" s="179">
        <v>20</v>
      </c>
      <c r="DW26" s="180">
        <v>39</v>
      </c>
      <c r="DX26" s="180">
        <v>130</v>
      </c>
      <c r="DY26" s="180">
        <v>195</v>
      </c>
      <c r="DZ26" s="178">
        <v>130</v>
      </c>
      <c r="EA26" s="181">
        <v>514</v>
      </c>
      <c r="EB26" s="183">
        <v>514</v>
      </c>
      <c r="EC26" s="32"/>
    </row>
    <row r="27" spans="2:133" ht="21" customHeight="1" x14ac:dyDescent="0.2">
      <c r="B27" s="437" t="s">
        <v>24</v>
      </c>
      <c r="C27" s="177">
        <v>0</v>
      </c>
      <c r="D27" s="178">
        <v>0</v>
      </c>
      <c r="E27" s="178">
        <v>0</v>
      </c>
      <c r="F27" s="179">
        <v>0</v>
      </c>
      <c r="G27" s="180">
        <v>0</v>
      </c>
      <c r="H27" s="180">
        <v>31</v>
      </c>
      <c r="I27" s="180">
        <v>88</v>
      </c>
      <c r="J27" s="178">
        <v>54</v>
      </c>
      <c r="K27" s="181">
        <v>173</v>
      </c>
      <c r="L27" s="182">
        <v>173</v>
      </c>
      <c r="M27" s="177">
        <v>0</v>
      </c>
      <c r="N27" s="178">
        <v>0</v>
      </c>
      <c r="O27" s="181">
        <v>0</v>
      </c>
      <c r="P27" s="179">
        <v>0</v>
      </c>
      <c r="Q27" s="180">
        <v>0</v>
      </c>
      <c r="R27" s="180">
        <v>31</v>
      </c>
      <c r="S27" s="180">
        <v>88</v>
      </c>
      <c r="T27" s="178">
        <v>54</v>
      </c>
      <c r="U27" s="181">
        <v>173</v>
      </c>
      <c r="V27" s="183">
        <v>173</v>
      </c>
      <c r="W27" s="184">
        <v>0</v>
      </c>
      <c r="X27" s="178">
        <v>0</v>
      </c>
      <c r="Y27" s="181">
        <v>0</v>
      </c>
      <c r="Z27" s="184">
        <v>0</v>
      </c>
      <c r="AA27" s="180">
        <v>0</v>
      </c>
      <c r="AB27" s="180">
        <v>0</v>
      </c>
      <c r="AC27" s="180">
        <v>0</v>
      </c>
      <c r="AD27" s="178">
        <v>0</v>
      </c>
      <c r="AE27" s="181">
        <v>0</v>
      </c>
      <c r="AF27" s="185">
        <v>0</v>
      </c>
      <c r="AG27" s="184">
        <v>0</v>
      </c>
      <c r="AH27" s="178">
        <v>0</v>
      </c>
      <c r="AI27" s="181">
        <v>0</v>
      </c>
      <c r="AJ27" s="184">
        <v>14</v>
      </c>
      <c r="AK27" s="180">
        <v>10</v>
      </c>
      <c r="AL27" s="180">
        <v>25</v>
      </c>
      <c r="AM27" s="180">
        <v>28</v>
      </c>
      <c r="AN27" s="178">
        <v>11</v>
      </c>
      <c r="AO27" s="181">
        <v>88</v>
      </c>
      <c r="AP27" s="185">
        <v>88</v>
      </c>
      <c r="AQ27" s="184">
        <v>0</v>
      </c>
      <c r="AR27" s="178">
        <v>0</v>
      </c>
      <c r="AS27" s="181">
        <v>0</v>
      </c>
      <c r="AT27" s="179">
        <v>14</v>
      </c>
      <c r="AU27" s="180">
        <v>10</v>
      </c>
      <c r="AV27" s="180">
        <v>24</v>
      </c>
      <c r="AW27" s="180">
        <v>27</v>
      </c>
      <c r="AX27" s="178">
        <v>11</v>
      </c>
      <c r="AY27" s="181">
        <v>86</v>
      </c>
      <c r="AZ27" s="182">
        <v>86</v>
      </c>
      <c r="BA27" s="177">
        <v>0</v>
      </c>
      <c r="BB27" s="178">
        <v>0</v>
      </c>
      <c r="BC27" s="178">
        <v>0</v>
      </c>
      <c r="BD27" s="179">
        <v>0</v>
      </c>
      <c r="BE27" s="180">
        <v>0</v>
      </c>
      <c r="BF27" s="180">
        <v>1</v>
      </c>
      <c r="BG27" s="180">
        <v>1</v>
      </c>
      <c r="BH27" s="178">
        <v>0</v>
      </c>
      <c r="BI27" s="181">
        <v>2</v>
      </c>
      <c r="BJ27" s="183">
        <v>2</v>
      </c>
      <c r="BK27" s="184">
        <v>0</v>
      </c>
      <c r="BL27" s="178">
        <v>0</v>
      </c>
      <c r="BM27" s="178">
        <v>0</v>
      </c>
      <c r="BN27" s="179">
        <v>0</v>
      </c>
      <c r="BO27" s="180">
        <v>0</v>
      </c>
      <c r="BP27" s="180">
        <v>0</v>
      </c>
      <c r="BQ27" s="180">
        <v>0</v>
      </c>
      <c r="BR27" s="178">
        <v>0</v>
      </c>
      <c r="BS27" s="181">
        <v>0</v>
      </c>
      <c r="BT27" s="182">
        <v>0</v>
      </c>
      <c r="BU27" s="177">
        <v>0</v>
      </c>
      <c r="BV27" s="178">
        <v>0</v>
      </c>
      <c r="BW27" s="178">
        <v>0</v>
      </c>
      <c r="BX27" s="179">
        <v>0</v>
      </c>
      <c r="BY27" s="180">
        <v>0</v>
      </c>
      <c r="BZ27" s="180">
        <v>0</v>
      </c>
      <c r="CA27" s="180">
        <v>0</v>
      </c>
      <c r="CB27" s="178">
        <v>0</v>
      </c>
      <c r="CC27" s="181">
        <v>0</v>
      </c>
      <c r="CD27" s="183">
        <v>0</v>
      </c>
      <c r="CE27" s="184">
        <v>0</v>
      </c>
      <c r="CF27" s="178">
        <v>0</v>
      </c>
      <c r="CG27" s="178">
        <v>0</v>
      </c>
      <c r="CH27" s="179">
        <v>0</v>
      </c>
      <c r="CI27" s="180">
        <v>0</v>
      </c>
      <c r="CJ27" s="180">
        <v>0</v>
      </c>
      <c r="CK27" s="180">
        <v>0</v>
      </c>
      <c r="CL27" s="178">
        <v>0</v>
      </c>
      <c r="CM27" s="181">
        <v>0</v>
      </c>
      <c r="CN27" s="183">
        <v>0</v>
      </c>
      <c r="CO27" s="184">
        <v>0</v>
      </c>
      <c r="CP27" s="178">
        <v>0</v>
      </c>
      <c r="CQ27" s="178">
        <v>0</v>
      </c>
      <c r="CR27" s="179">
        <v>0</v>
      </c>
      <c r="CS27" s="180">
        <v>0</v>
      </c>
      <c r="CT27" s="180">
        <v>0</v>
      </c>
      <c r="CU27" s="180">
        <v>0</v>
      </c>
      <c r="CV27" s="178">
        <v>0</v>
      </c>
      <c r="CW27" s="181">
        <v>0</v>
      </c>
      <c r="CX27" s="182">
        <v>0</v>
      </c>
      <c r="CY27" s="177">
        <v>0</v>
      </c>
      <c r="CZ27" s="178">
        <v>0</v>
      </c>
      <c r="DA27" s="178">
        <v>0</v>
      </c>
      <c r="DB27" s="179">
        <v>0</v>
      </c>
      <c r="DC27" s="180">
        <v>0</v>
      </c>
      <c r="DD27" s="180">
        <v>0</v>
      </c>
      <c r="DE27" s="180">
        <v>0</v>
      </c>
      <c r="DF27" s="178">
        <v>0</v>
      </c>
      <c r="DG27" s="181">
        <v>0</v>
      </c>
      <c r="DH27" s="183">
        <v>0</v>
      </c>
      <c r="DI27" s="184">
        <v>0</v>
      </c>
      <c r="DJ27" s="178">
        <v>0</v>
      </c>
      <c r="DK27" s="178">
        <v>0</v>
      </c>
      <c r="DL27" s="179">
        <v>0</v>
      </c>
      <c r="DM27" s="180">
        <v>0</v>
      </c>
      <c r="DN27" s="180">
        <v>0</v>
      </c>
      <c r="DO27" s="180">
        <v>0</v>
      </c>
      <c r="DP27" s="178">
        <v>0</v>
      </c>
      <c r="DQ27" s="181">
        <v>0</v>
      </c>
      <c r="DR27" s="183">
        <v>0</v>
      </c>
      <c r="DS27" s="184">
        <v>0</v>
      </c>
      <c r="DT27" s="178">
        <v>0</v>
      </c>
      <c r="DU27" s="178">
        <v>0</v>
      </c>
      <c r="DV27" s="179">
        <v>14</v>
      </c>
      <c r="DW27" s="180">
        <v>10</v>
      </c>
      <c r="DX27" s="180">
        <v>54</v>
      </c>
      <c r="DY27" s="180">
        <v>116</v>
      </c>
      <c r="DZ27" s="178">
        <v>65</v>
      </c>
      <c r="EA27" s="181">
        <v>259</v>
      </c>
      <c r="EB27" s="183">
        <v>259</v>
      </c>
      <c r="EC27" s="32"/>
    </row>
    <row r="28" spans="2:133" ht="21" customHeight="1" x14ac:dyDescent="0.2">
      <c r="B28" s="437" t="s">
        <v>25</v>
      </c>
      <c r="C28" s="177">
        <v>0</v>
      </c>
      <c r="D28" s="178">
        <v>0</v>
      </c>
      <c r="E28" s="178">
        <v>0</v>
      </c>
      <c r="F28" s="179">
        <v>0</v>
      </c>
      <c r="G28" s="180">
        <v>5</v>
      </c>
      <c r="H28" s="180">
        <v>55</v>
      </c>
      <c r="I28" s="180">
        <v>85</v>
      </c>
      <c r="J28" s="178">
        <v>47</v>
      </c>
      <c r="K28" s="181">
        <v>192</v>
      </c>
      <c r="L28" s="182">
        <v>192</v>
      </c>
      <c r="M28" s="177">
        <v>0</v>
      </c>
      <c r="N28" s="178">
        <v>0</v>
      </c>
      <c r="O28" s="181">
        <v>0</v>
      </c>
      <c r="P28" s="179">
        <v>0</v>
      </c>
      <c r="Q28" s="180">
        <v>5</v>
      </c>
      <c r="R28" s="180">
        <v>55</v>
      </c>
      <c r="S28" s="180">
        <v>84</v>
      </c>
      <c r="T28" s="178">
        <v>42</v>
      </c>
      <c r="U28" s="181">
        <v>186</v>
      </c>
      <c r="V28" s="183">
        <v>186</v>
      </c>
      <c r="W28" s="184">
        <v>0</v>
      </c>
      <c r="X28" s="178">
        <v>0</v>
      </c>
      <c r="Y28" s="181">
        <v>0</v>
      </c>
      <c r="Z28" s="184">
        <v>0</v>
      </c>
      <c r="AA28" s="180">
        <v>0</v>
      </c>
      <c r="AB28" s="180">
        <v>0</v>
      </c>
      <c r="AC28" s="180">
        <v>1</v>
      </c>
      <c r="AD28" s="178">
        <v>5</v>
      </c>
      <c r="AE28" s="181">
        <v>6</v>
      </c>
      <c r="AF28" s="185">
        <v>6</v>
      </c>
      <c r="AG28" s="184">
        <v>0</v>
      </c>
      <c r="AH28" s="178">
        <v>0</v>
      </c>
      <c r="AI28" s="181">
        <v>0</v>
      </c>
      <c r="AJ28" s="184">
        <v>13</v>
      </c>
      <c r="AK28" s="180">
        <v>22</v>
      </c>
      <c r="AL28" s="180">
        <v>16</v>
      </c>
      <c r="AM28" s="180">
        <v>45</v>
      </c>
      <c r="AN28" s="178">
        <v>18</v>
      </c>
      <c r="AO28" s="181">
        <v>114</v>
      </c>
      <c r="AP28" s="185">
        <v>114</v>
      </c>
      <c r="AQ28" s="184">
        <v>0</v>
      </c>
      <c r="AR28" s="178">
        <v>0</v>
      </c>
      <c r="AS28" s="181">
        <v>0</v>
      </c>
      <c r="AT28" s="179">
        <v>13</v>
      </c>
      <c r="AU28" s="180">
        <v>22</v>
      </c>
      <c r="AV28" s="180">
        <v>16</v>
      </c>
      <c r="AW28" s="180">
        <v>44</v>
      </c>
      <c r="AX28" s="178">
        <v>18</v>
      </c>
      <c r="AY28" s="181">
        <v>113</v>
      </c>
      <c r="AZ28" s="182">
        <v>113</v>
      </c>
      <c r="BA28" s="177">
        <v>0</v>
      </c>
      <c r="BB28" s="178">
        <v>0</v>
      </c>
      <c r="BC28" s="178">
        <v>0</v>
      </c>
      <c r="BD28" s="179">
        <v>0</v>
      </c>
      <c r="BE28" s="180">
        <v>0</v>
      </c>
      <c r="BF28" s="180">
        <v>0</v>
      </c>
      <c r="BG28" s="180">
        <v>1</v>
      </c>
      <c r="BH28" s="178">
        <v>0</v>
      </c>
      <c r="BI28" s="181">
        <v>1</v>
      </c>
      <c r="BJ28" s="183">
        <v>1</v>
      </c>
      <c r="BK28" s="184">
        <v>0</v>
      </c>
      <c r="BL28" s="178">
        <v>0</v>
      </c>
      <c r="BM28" s="178">
        <v>0</v>
      </c>
      <c r="BN28" s="179">
        <v>0</v>
      </c>
      <c r="BO28" s="180">
        <v>0</v>
      </c>
      <c r="BP28" s="180">
        <v>0</v>
      </c>
      <c r="BQ28" s="180">
        <v>0</v>
      </c>
      <c r="BR28" s="178">
        <v>0</v>
      </c>
      <c r="BS28" s="181">
        <v>0</v>
      </c>
      <c r="BT28" s="182">
        <v>0</v>
      </c>
      <c r="BU28" s="177">
        <v>0</v>
      </c>
      <c r="BV28" s="178">
        <v>0</v>
      </c>
      <c r="BW28" s="178">
        <v>0</v>
      </c>
      <c r="BX28" s="179">
        <v>0</v>
      </c>
      <c r="BY28" s="180">
        <v>0</v>
      </c>
      <c r="BZ28" s="180">
        <v>0</v>
      </c>
      <c r="CA28" s="180">
        <v>0</v>
      </c>
      <c r="CB28" s="178">
        <v>0</v>
      </c>
      <c r="CC28" s="181">
        <v>0</v>
      </c>
      <c r="CD28" s="183">
        <v>0</v>
      </c>
      <c r="CE28" s="184">
        <v>0</v>
      </c>
      <c r="CF28" s="178">
        <v>0</v>
      </c>
      <c r="CG28" s="178">
        <v>0</v>
      </c>
      <c r="CH28" s="179">
        <v>0</v>
      </c>
      <c r="CI28" s="180">
        <v>0</v>
      </c>
      <c r="CJ28" s="180">
        <v>0</v>
      </c>
      <c r="CK28" s="180">
        <v>0</v>
      </c>
      <c r="CL28" s="178">
        <v>0</v>
      </c>
      <c r="CM28" s="181">
        <v>0</v>
      </c>
      <c r="CN28" s="183">
        <v>0</v>
      </c>
      <c r="CO28" s="184">
        <v>0</v>
      </c>
      <c r="CP28" s="178">
        <v>0</v>
      </c>
      <c r="CQ28" s="178">
        <v>0</v>
      </c>
      <c r="CR28" s="179">
        <v>0</v>
      </c>
      <c r="CS28" s="180">
        <v>0</v>
      </c>
      <c r="CT28" s="180">
        <v>0</v>
      </c>
      <c r="CU28" s="180">
        <v>0</v>
      </c>
      <c r="CV28" s="178">
        <v>3</v>
      </c>
      <c r="CW28" s="181">
        <v>3</v>
      </c>
      <c r="CX28" s="182">
        <v>3</v>
      </c>
      <c r="CY28" s="177">
        <v>0</v>
      </c>
      <c r="CZ28" s="178">
        <v>0</v>
      </c>
      <c r="DA28" s="178">
        <v>0</v>
      </c>
      <c r="DB28" s="179">
        <v>0</v>
      </c>
      <c r="DC28" s="180">
        <v>0</v>
      </c>
      <c r="DD28" s="180">
        <v>0</v>
      </c>
      <c r="DE28" s="180">
        <v>0</v>
      </c>
      <c r="DF28" s="178">
        <v>3</v>
      </c>
      <c r="DG28" s="181">
        <v>3</v>
      </c>
      <c r="DH28" s="183">
        <v>3</v>
      </c>
      <c r="DI28" s="184">
        <v>0</v>
      </c>
      <c r="DJ28" s="178">
        <v>0</v>
      </c>
      <c r="DK28" s="178">
        <v>0</v>
      </c>
      <c r="DL28" s="179">
        <v>0</v>
      </c>
      <c r="DM28" s="180">
        <v>0</v>
      </c>
      <c r="DN28" s="180">
        <v>0</v>
      </c>
      <c r="DO28" s="180">
        <v>0</v>
      </c>
      <c r="DP28" s="178">
        <v>0</v>
      </c>
      <c r="DQ28" s="181">
        <v>0</v>
      </c>
      <c r="DR28" s="183">
        <v>0</v>
      </c>
      <c r="DS28" s="184">
        <v>0</v>
      </c>
      <c r="DT28" s="178">
        <v>0</v>
      </c>
      <c r="DU28" s="178">
        <v>0</v>
      </c>
      <c r="DV28" s="179">
        <v>13</v>
      </c>
      <c r="DW28" s="180">
        <v>27</v>
      </c>
      <c r="DX28" s="180">
        <v>71</v>
      </c>
      <c r="DY28" s="180">
        <v>130</v>
      </c>
      <c r="DZ28" s="178">
        <v>68</v>
      </c>
      <c r="EA28" s="181">
        <v>309</v>
      </c>
      <c r="EB28" s="183">
        <v>309</v>
      </c>
      <c r="EC28" s="32"/>
    </row>
    <row r="29" spans="2:133" ht="21" customHeight="1" x14ac:dyDescent="0.2">
      <c r="B29" s="437" t="s">
        <v>26</v>
      </c>
      <c r="C29" s="177">
        <v>0</v>
      </c>
      <c r="D29" s="178">
        <v>0</v>
      </c>
      <c r="E29" s="178">
        <v>0</v>
      </c>
      <c r="F29" s="179">
        <v>2</v>
      </c>
      <c r="G29" s="180">
        <v>5</v>
      </c>
      <c r="H29" s="180">
        <v>35</v>
      </c>
      <c r="I29" s="180">
        <v>70</v>
      </c>
      <c r="J29" s="178">
        <v>53</v>
      </c>
      <c r="K29" s="181">
        <v>165</v>
      </c>
      <c r="L29" s="182">
        <v>165</v>
      </c>
      <c r="M29" s="177">
        <v>0</v>
      </c>
      <c r="N29" s="178">
        <v>0</v>
      </c>
      <c r="O29" s="181">
        <v>0</v>
      </c>
      <c r="P29" s="179">
        <v>2</v>
      </c>
      <c r="Q29" s="180">
        <v>5</v>
      </c>
      <c r="R29" s="180">
        <v>35</v>
      </c>
      <c r="S29" s="180">
        <v>68</v>
      </c>
      <c r="T29" s="178">
        <v>53</v>
      </c>
      <c r="U29" s="181">
        <v>163</v>
      </c>
      <c r="V29" s="183">
        <v>163</v>
      </c>
      <c r="W29" s="184">
        <v>0</v>
      </c>
      <c r="X29" s="178">
        <v>0</v>
      </c>
      <c r="Y29" s="181">
        <v>0</v>
      </c>
      <c r="Z29" s="184">
        <v>0</v>
      </c>
      <c r="AA29" s="180">
        <v>0</v>
      </c>
      <c r="AB29" s="180">
        <v>0</v>
      </c>
      <c r="AC29" s="180">
        <v>2</v>
      </c>
      <c r="AD29" s="178">
        <v>0</v>
      </c>
      <c r="AE29" s="181">
        <v>2</v>
      </c>
      <c r="AF29" s="185">
        <v>2</v>
      </c>
      <c r="AG29" s="184">
        <v>0</v>
      </c>
      <c r="AH29" s="178">
        <v>0</v>
      </c>
      <c r="AI29" s="181">
        <v>0</v>
      </c>
      <c r="AJ29" s="184">
        <v>6</v>
      </c>
      <c r="AK29" s="180">
        <v>19</v>
      </c>
      <c r="AL29" s="180">
        <v>29</v>
      </c>
      <c r="AM29" s="180">
        <v>18</v>
      </c>
      <c r="AN29" s="178">
        <v>14</v>
      </c>
      <c r="AO29" s="181">
        <v>86</v>
      </c>
      <c r="AP29" s="185">
        <v>86</v>
      </c>
      <c r="AQ29" s="184">
        <v>0</v>
      </c>
      <c r="AR29" s="178">
        <v>0</v>
      </c>
      <c r="AS29" s="181">
        <v>0</v>
      </c>
      <c r="AT29" s="179">
        <v>6</v>
      </c>
      <c r="AU29" s="180">
        <v>18</v>
      </c>
      <c r="AV29" s="180">
        <v>29</v>
      </c>
      <c r="AW29" s="180">
        <v>18</v>
      </c>
      <c r="AX29" s="178">
        <v>14</v>
      </c>
      <c r="AY29" s="181">
        <v>85</v>
      </c>
      <c r="AZ29" s="182">
        <v>85</v>
      </c>
      <c r="BA29" s="177">
        <v>0</v>
      </c>
      <c r="BB29" s="178">
        <v>0</v>
      </c>
      <c r="BC29" s="178">
        <v>0</v>
      </c>
      <c r="BD29" s="179">
        <v>0</v>
      </c>
      <c r="BE29" s="180">
        <v>1</v>
      </c>
      <c r="BF29" s="180">
        <v>0</v>
      </c>
      <c r="BG29" s="180">
        <v>0</v>
      </c>
      <c r="BH29" s="178">
        <v>0</v>
      </c>
      <c r="BI29" s="181">
        <v>1</v>
      </c>
      <c r="BJ29" s="183">
        <v>1</v>
      </c>
      <c r="BK29" s="184">
        <v>0</v>
      </c>
      <c r="BL29" s="178">
        <v>0</v>
      </c>
      <c r="BM29" s="178">
        <v>0</v>
      </c>
      <c r="BN29" s="179">
        <v>0</v>
      </c>
      <c r="BO29" s="180">
        <v>0</v>
      </c>
      <c r="BP29" s="180">
        <v>0</v>
      </c>
      <c r="BQ29" s="180">
        <v>0</v>
      </c>
      <c r="BR29" s="178">
        <v>0</v>
      </c>
      <c r="BS29" s="181">
        <v>0</v>
      </c>
      <c r="BT29" s="182">
        <v>0</v>
      </c>
      <c r="BU29" s="177">
        <v>0</v>
      </c>
      <c r="BV29" s="178">
        <v>0</v>
      </c>
      <c r="BW29" s="178">
        <v>0</v>
      </c>
      <c r="BX29" s="179">
        <v>0</v>
      </c>
      <c r="BY29" s="180">
        <v>0</v>
      </c>
      <c r="BZ29" s="180">
        <v>0</v>
      </c>
      <c r="CA29" s="180">
        <v>0</v>
      </c>
      <c r="CB29" s="178">
        <v>0</v>
      </c>
      <c r="CC29" s="181">
        <v>0</v>
      </c>
      <c r="CD29" s="183">
        <v>0</v>
      </c>
      <c r="CE29" s="184">
        <v>0</v>
      </c>
      <c r="CF29" s="178">
        <v>0</v>
      </c>
      <c r="CG29" s="178">
        <v>0</v>
      </c>
      <c r="CH29" s="179">
        <v>0</v>
      </c>
      <c r="CI29" s="180">
        <v>0</v>
      </c>
      <c r="CJ29" s="180">
        <v>0</v>
      </c>
      <c r="CK29" s="180">
        <v>0</v>
      </c>
      <c r="CL29" s="178">
        <v>0</v>
      </c>
      <c r="CM29" s="181">
        <v>0</v>
      </c>
      <c r="CN29" s="183">
        <v>0</v>
      </c>
      <c r="CO29" s="184">
        <v>0</v>
      </c>
      <c r="CP29" s="178">
        <v>0</v>
      </c>
      <c r="CQ29" s="178">
        <v>0</v>
      </c>
      <c r="CR29" s="179">
        <v>0</v>
      </c>
      <c r="CS29" s="180">
        <v>0</v>
      </c>
      <c r="CT29" s="180">
        <v>1</v>
      </c>
      <c r="CU29" s="180">
        <v>0</v>
      </c>
      <c r="CV29" s="178">
        <v>2</v>
      </c>
      <c r="CW29" s="181">
        <v>3</v>
      </c>
      <c r="CX29" s="182">
        <v>3</v>
      </c>
      <c r="CY29" s="177">
        <v>0</v>
      </c>
      <c r="CZ29" s="178">
        <v>0</v>
      </c>
      <c r="DA29" s="178">
        <v>0</v>
      </c>
      <c r="DB29" s="179">
        <v>0</v>
      </c>
      <c r="DC29" s="180">
        <v>0</v>
      </c>
      <c r="DD29" s="180">
        <v>1</v>
      </c>
      <c r="DE29" s="180">
        <v>0</v>
      </c>
      <c r="DF29" s="178">
        <v>2</v>
      </c>
      <c r="DG29" s="181">
        <v>3</v>
      </c>
      <c r="DH29" s="183">
        <v>3</v>
      </c>
      <c r="DI29" s="184">
        <v>0</v>
      </c>
      <c r="DJ29" s="178">
        <v>0</v>
      </c>
      <c r="DK29" s="178">
        <v>0</v>
      </c>
      <c r="DL29" s="179">
        <v>0</v>
      </c>
      <c r="DM29" s="180">
        <v>0</v>
      </c>
      <c r="DN29" s="180">
        <v>0</v>
      </c>
      <c r="DO29" s="180">
        <v>0</v>
      </c>
      <c r="DP29" s="178">
        <v>0</v>
      </c>
      <c r="DQ29" s="181">
        <v>0</v>
      </c>
      <c r="DR29" s="183">
        <v>0</v>
      </c>
      <c r="DS29" s="184">
        <v>0</v>
      </c>
      <c r="DT29" s="178">
        <v>0</v>
      </c>
      <c r="DU29" s="178">
        <v>0</v>
      </c>
      <c r="DV29" s="179">
        <v>8</v>
      </c>
      <c r="DW29" s="180">
        <v>24</v>
      </c>
      <c r="DX29" s="180">
        <v>65</v>
      </c>
      <c r="DY29" s="180">
        <v>86</v>
      </c>
      <c r="DZ29" s="178">
        <v>69</v>
      </c>
      <c r="EA29" s="181">
        <v>252</v>
      </c>
      <c r="EB29" s="183">
        <v>252</v>
      </c>
      <c r="EC29" s="32"/>
    </row>
    <row r="30" spans="2:133" ht="21" customHeight="1" x14ac:dyDescent="0.2">
      <c r="B30" s="437" t="s">
        <v>27</v>
      </c>
      <c r="C30" s="177">
        <v>0</v>
      </c>
      <c r="D30" s="178">
        <v>0</v>
      </c>
      <c r="E30" s="178">
        <v>0</v>
      </c>
      <c r="F30" s="179">
        <v>3</v>
      </c>
      <c r="G30" s="180">
        <v>2</v>
      </c>
      <c r="H30" s="180">
        <v>33</v>
      </c>
      <c r="I30" s="180">
        <v>61</v>
      </c>
      <c r="J30" s="178">
        <v>41</v>
      </c>
      <c r="K30" s="181">
        <v>140</v>
      </c>
      <c r="L30" s="182">
        <v>140</v>
      </c>
      <c r="M30" s="177">
        <v>0</v>
      </c>
      <c r="N30" s="178">
        <v>0</v>
      </c>
      <c r="O30" s="181">
        <v>0</v>
      </c>
      <c r="P30" s="179">
        <v>3</v>
      </c>
      <c r="Q30" s="180">
        <v>2</v>
      </c>
      <c r="R30" s="180">
        <v>32</v>
      </c>
      <c r="S30" s="180">
        <v>61</v>
      </c>
      <c r="T30" s="178">
        <v>41</v>
      </c>
      <c r="U30" s="181">
        <v>139</v>
      </c>
      <c r="V30" s="183">
        <v>139</v>
      </c>
      <c r="W30" s="184">
        <v>0</v>
      </c>
      <c r="X30" s="178">
        <v>0</v>
      </c>
      <c r="Y30" s="181">
        <v>0</v>
      </c>
      <c r="Z30" s="184">
        <v>0</v>
      </c>
      <c r="AA30" s="180">
        <v>0</v>
      </c>
      <c r="AB30" s="180">
        <v>1</v>
      </c>
      <c r="AC30" s="180">
        <v>0</v>
      </c>
      <c r="AD30" s="178">
        <v>0</v>
      </c>
      <c r="AE30" s="181">
        <v>1</v>
      </c>
      <c r="AF30" s="185">
        <v>1</v>
      </c>
      <c r="AG30" s="184">
        <v>0</v>
      </c>
      <c r="AH30" s="178">
        <v>0</v>
      </c>
      <c r="AI30" s="181">
        <v>0</v>
      </c>
      <c r="AJ30" s="184">
        <v>9</v>
      </c>
      <c r="AK30" s="180">
        <v>15</v>
      </c>
      <c r="AL30" s="180">
        <v>19</v>
      </c>
      <c r="AM30" s="180">
        <v>17</v>
      </c>
      <c r="AN30" s="178">
        <v>17</v>
      </c>
      <c r="AO30" s="181">
        <v>77</v>
      </c>
      <c r="AP30" s="185">
        <v>77</v>
      </c>
      <c r="AQ30" s="184">
        <v>0</v>
      </c>
      <c r="AR30" s="178">
        <v>0</v>
      </c>
      <c r="AS30" s="181">
        <v>0</v>
      </c>
      <c r="AT30" s="179">
        <v>9</v>
      </c>
      <c r="AU30" s="180">
        <v>13</v>
      </c>
      <c r="AV30" s="180">
        <v>18</v>
      </c>
      <c r="AW30" s="180">
        <v>16</v>
      </c>
      <c r="AX30" s="178">
        <v>17</v>
      </c>
      <c r="AY30" s="181">
        <v>73</v>
      </c>
      <c r="AZ30" s="182">
        <v>73</v>
      </c>
      <c r="BA30" s="177">
        <v>0</v>
      </c>
      <c r="BB30" s="178">
        <v>0</v>
      </c>
      <c r="BC30" s="178">
        <v>0</v>
      </c>
      <c r="BD30" s="179">
        <v>0</v>
      </c>
      <c r="BE30" s="180">
        <v>2</v>
      </c>
      <c r="BF30" s="180">
        <v>1</v>
      </c>
      <c r="BG30" s="180">
        <v>1</v>
      </c>
      <c r="BH30" s="178">
        <v>0</v>
      </c>
      <c r="BI30" s="181">
        <v>4</v>
      </c>
      <c r="BJ30" s="183">
        <v>4</v>
      </c>
      <c r="BK30" s="184">
        <v>0</v>
      </c>
      <c r="BL30" s="178">
        <v>0</v>
      </c>
      <c r="BM30" s="178">
        <v>0</v>
      </c>
      <c r="BN30" s="179">
        <v>0</v>
      </c>
      <c r="BO30" s="180">
        <v>0</v>
      </c>
      <c r="BP30" s="180">
        <v>0</v>
      </c>
      <c r="BQ30" s="180">
        <v>0</v>
      </c>
      <c r="BR30" s="178">
        <v>0</v>
      </c>
      <c r="BS30" s="181">
        <v>0</v>
      </c>
      <c r="BT30" s="182">
        <v>0</v>
      </c>
      <c r="BU30" s="177">
        <v>0</v>
      </c>
      <c r="BV30" s="178">
        <v>0</v>
      </c>
      <c r="BW30" s="178">
        <v>0</v>
      </c>
      <c r="BX30" s="179">
        <v>0</v>
      </c>
      <c r="BY30" s="180">
        <v>0</v>
      </c>
      <c r="BZ30" s="180">
        <v>0</v>
      </c>
      <c r="CA30" s="180">
        <v>0</v>
      </c>
      <c r="CB30" s="178">
        <v>0</v>
      </c>
      <c r="CC30" s="181">
        <v>0</v>
      </c>
      <c r="CD30" s="183">
        <v>0</v>
      </c>
      <c r="CE30" s="184">
        <v>0</v>
      </c>
      <c r="CF30" s="178">
        <v>0</v>
      </c>
      <c r="CG30" s="178">
        <v>0</v>
      </c>
      <c r="CH30" s="179">
        <v>0</v>
      </c>
      <c r="CI30" s="180">
        <v>0</v>
      </c>
      <c r="CJ30" s="180">
        <v>0</v>
      </c>
      <c r="CK30" s="180">
        <v>0</v>
      </c>
      <c r="CL30" s="178">
        <v>0</v>
      </c>
      <c r="CM30" s="181">
        <v>0</v>
      </c>
      <c r="CN30" s="183">
        <v>0</v>
      </c>
      <c r="CO30" s="184">
        <v>0</v>
      </c>
      <c r="CP30" s="178">
        <v>0</v>
      </c>
      <c r="CQ30" s="178">
        <v>0</v>
      </c>
      <c r="CR30" s="179">
        <v>0</v>
      </c>
      <c r="CS30" s="180">
        <v>0</v>
      </c>
      <c r="CT30" s="180">
        <v>0</v>
      </c>
      <c r="CU30" s="180">
        <v>2</v>
      </c>
      <c r="CV30" s="178">
        <v>2</v>
      </c>
      <c r="CW30" s="181">
        <v>4</v>
      </c>
      <c r="CX30" s="182">
        <v>4</v>
      </c>
      <c r="CY30" s="177">
        <v>0</v>
      </c>
      <c r="CZ30" s="178">
        <v>0</v>
      </c>
      <c r="DA30" s="178">
        <v>0</v>
      </c>
      <c r="DB30" s="179">
        <v>0</v>
      </c>
      <c r="DC30" s="180">
        <v>0</v>
      </c>
      <c r="DD30" s="180">
        <v>0</v>
      </c>
      <c r="DE30" s="180">
        <v>1</v>
      </c>
      <c r="DF30" s="178">
        <v>2</v>
      </c>
      <c r="DG30" s="181">
        <v>3</v>
      </c>
      <c r="DH30" s="183">
        <v>3</v>
      </c>
      <c r="DI30" s="184">
        <v>0</v>
      </c>
      <c r="DJ30" s="178">
        <v>0</v>
      </c>
      <c r="DK30" s="178">
        <v>0</v>
      </c>
      <c r="DL30" s="179">
        <v>0</v>
      </c>
      <c r="DM30" s="180">
        <v>0</v>
      </c>
      <c r="DN30" s="180">
        <v>0</v>
      </c>
      <c r="DO30" s="180">
        <v>1</v>
      </c>
      <c r="DP30" s="178">
        <v>0</v>
      </c>
      <c r="DQ30" s="181">
        <v>1</v>
      </c>
      <c r="DR30" s="183">
        <v>1</v>
      </c>
      <c r="DS30" s="184">
        <v>0</v>
      </c>
      <c r="DT30" s="178">
        <v>0</v>
      </c>
      <c r="DU30" s="178">
        <v>0</v>
      </c>
      <c r="DV30" s="179">
        <v>12</v>
      </c>
      <c r="DW30" s="180">
        <v>17</v>
      </c>
      <c r="DX30" s="180">
        <v>52</v>
      </c>
      <c r="DY30" s="180">
        <v>80</v>
      </c>
      <c r="DZ30" s="178">
        <v>60</v>
      </c>
      <c r="EA30" s="181">
        <v>221</v>
      </c>
      <c r="EB30" s="183">
        <v>221</v>
      </c>
      <c r="EC30" s="32"/>
    </row>
    <row r="31" spans="2:133" ht="21" customHeight="1" x14ac:dyDescent="0.2">
      <c r="B31" s="437" t="s">
        <v>28</v>
      </c>
      <c r="C31" s="177">
        <v>0</v>
      </c>
      <c r="D31" s="178">
        <v>0</v>
      </c>
      <c r="E31" s="178">
        <v>0</v>
      </c>
      <c r="F31" s="179">
        <v>0</v>
      </c>
      <c r="G31" s="180">
        <v>2</v>
      </c>
      <c r="H31" s="180">
        <v>13</v>
      </c>
      <c r="I31" s="180">
        <v>16</v>
      </c>
      <c r="J31" s="178">
        <v>17</v>
      </c>
      <c r="K31" s="181">
        <v>48</v>
      </c>
      <c r="L31" s="182">
        <v>48</v>
      </c>
      <c r="M31" s="177">
        <v>0</v>
      </c>
      <c r="N31" s="178">
        <v>0</v>
      </c>
      <c r="O31" s="181">
        <v>0</v>
      </c>
      <c r="P31" s="179">
        <v>0</v>
      </c>
      <c r="Q31" s="180">
        <v>2</v>
      </c>
      <c r="R31" s="180">
        <v>13</v>
      </c>
      <c r="S31" s="180">
        <v>16</v>
      </c>
      <c r="T31" s="178">
        <v>16</v>
      </c>
      <c r="U31" s="181">
        <v>47</v>
      </c>
      <c r="V31" s="183">
        <v>47</v>
      </c>
      <c r="W31" s="184">
        <v>0</v>
      </c>
      <c r="X31" s="178">
        <v>0</v>
      </c>
      <c r="Y31" s="181">
        <v>0</v>
      </c>
      <c r="Z31" s="184">
        <v>0</v>
      </c>
      <c r="AA31" s="180">
        <v>0</v>
      </c>
      <c r="AB31" s="180">
        <v>0</v>
      </c>
      <c r="AC31" s="180">
        <v>0</v>
      </c>
      <c r="AD31" s="178">
        <v>1</v>
      </c>
      <c r="AE31" s="181">
        <v>1</v>
      </c>
      <c r="AF31" s="185">
        <v>1</v>
      </c>
      <c r="AG31" s="184">
        <v>0</v>
      </c>
      <c r="AH31" s="178">
        <v>0</v>
      </c>
      <c r="AI31" s="181">
        <v>0</v>
      </c>
      <c r="AJ31" s="184">
        <v>4</v>
      </c>
      <c r="AK31" s="180">
        <v>9</v>
      </c>
      <c r="AL31" s="180">
        <v>11</v>
      </c>
      <c r="AM31" s="180">
        <v>6</v>
      </c>
      <c r="AN31" s="178">
        <v>3</v>
      </c>
      <c r="AO31" s="181">
        <v>33</v>
      </c>
      <c r="AP31" s="185">
        <v>33</v>
      </c>
      <c r="AQ31" s="184">
        <v>0</v>
      </c>
      <c r="AR31" s="178">
        <v>0</v>
      </c>
      <c r="AS31" s="181">
        <v>0</v>
      </c>
      <c r="AT31" s="179">
        <v>4</v>
      </c>
      <c r="AU31" s="180">
        <v>9</v>
      </c>
      <c r="AV31" s="180">
        <v>11</v>
      </c>
      <c r="AW31" s="180">
        <v>6</v>
      </c>
      <c r="AX31" s="178">
        <v>3</v>
      </c>
      <c r="AY31" s="181">
        <v>33</v>
      </c>
      <c r="AZ31" s="182">
        <v>33</v>
      </c>
      <c r="BA31" s="177">
        <v>0</v>
      </c>
      <c r="BB31" s="178">
        <v>0</v>
      </c>
      <c r="BC31" s="178">
        <v>0</v>
      </c>
      <c r="BD31" s="179">
        <v>0</v>
      </c>
      <c r="BE31" s="180">
        <v>0</v>
      </c>
      <c r="BF31" s="180">
        <v>0</v>
      </c>
      <c r="BG31" s="180">
        <v>0</v>
      </c>
      <c r="BH31" s="178">
        <v>0</v>
      </c>
      <c r="BI31" s="181">
        <v>0</v>
      </c>
      <c r="BJ31" s="183">
        <v>0</v>
      </c>
      <c r="BK31" s="184">
        <v>0</v>
      </c>
      <c r="BL31" s="178">
        <v>0</v>
      </c>
      <c r="BM31" s="178">
        <v>0</v>
      </c>
      <c r="BN31" s="179">
        <v>0</v>
      </c>
      <c r="BO31" s="180">
        <v>0</v>
      </c>
      <c r="BP31" s="180">
        <v>0</v>
      </c>
      <c r="BQ31" s="180">
        <v>0</v>
      </c>
      <c r="BR31" s="178">
        <v>0</v>
      </c>
      <c r="BS31" s="181">
        <v>0</v>
      </c>
      <c r="BT31" s="182">
        <v>0</v>
      </c>
      <c r="BU31" s="177">
        <v>0</v>
      </c>
      <c r="BV31" s="178">
        <v>0</v>
      </c>
      <c r="BW31" s="178">
        <v>0</v>
      </c>
      <c r="BX31" s="179">
        <v>0</v>
      </c>
      <c r="BY31" s="180">
        <v>0</v>
      </c>
      <c r="BZ31" s="180">
        <v>0</v>
      </c>
      <c r="CA31" s="180">
        <v>0</v>
      </c>
      <c r="CB31" s="178">
        <v>0</v>
      </c>
      <c r="CC31" s="181">
        <v>0</v>
      </c>
      <c r="CD31" s="183">
        <v>0</v>
      </c>
      <c r="CE31" s="184">
        <v>0</v>
      </c>
      <c r="CF31" s="178">
        <v>0</v>
      </c>
      <c r="CG31" s="178">
        <v>0</v>
      </c>
      <c r="CH31" s="179">
        <v>0</v>
      </c>
      <c r="CI31" s="180">
        <v>0</v>
      </c>
      <c r="CJ31" s="180">
        <v>0</v>
      </c>
      <c r="CK31" s="180">
        <v>0</v>
      </c>
      <c r="CL31" s="178">
        <v>0</v>
      </c>
      <c r="CM31" s="181">
        <v>0</v>
      </c>
      <c r="CN31" s="183">
        <v>0</v>
      </c>
      <c r="CO31" s="184">
        <v>0</v>
      </c>
      <c r="CP31" s="178">
        <v>0</v>
      </c>
      <c r="CQ31" s="178">
        <v>0</v>
      </c>
      <c r="CR31" s="179">
        <v>0</v>
      </c>
      <c r="CS31" s="180">
        <v>0</v>
      </c>
      <c r="CT31" s="180">
        <v>0</v>
      </c>
      <c r="CU31" s="180">
        <v>0</v>
      </c>
      <c r="CV31" s="178">
        <v>0</v>
      </c>
      <c r="CW31" s="181">
        <v>0</v>
      </c>
      <c r="CX31" s="182">
        <v>0</v>
      </c>
      <c r="CY31" s="177">
        <v>0</v>
      </c>
      <c r="CZ31" s="178">
        <v>0</v>
      </c>
      <c r="DA31" s="178">
        <v>0</v>
      </c>
      <c r="DB31" s="179">
        <v>0</v>
      </c>
      <c r="DC31" s="180">
        <v>0</v>
      </c>
      <c r="DD31" s="180">
        <v>0</v>
      </c>
      <c r="DE31" s="180">
        <v>0</v>
      </c>
      <c r="DF31" s="178">
        <v>0</v>
      </c>
      <c r="DG31" s="181">
        <v>0</v>
      </c>
      <c r="DH31" s="183">
        <v>0</v>
      </c>
      <c r="DI31" s="184">
        <v>0</v>
      </c>
      <c r="DJ31" s="178">
        <v>0</v>
      </c>
      <c r="DK31" s="178">
        <v>0</v>
      </c>
      <c r="DL31" s="179">
        <v>0</v>
      </c>
      <c r="DM31" s="180">
        <v>0</v>
      </c>
      <c r="DN31" s="180">
        <v>0</v>
      </c>
      <c r="DO31" s="180">
        <v>0</v>
      </c>
      <c r="DP31" s="178">
        <v>0</v>
      </c>
      <c r="DQ31" s="181">
        <v>0</v>
      </c>
      <c r="DR31" s="183">
        <v>0</v>
      </c>
      <c r="DS31" s="184">
        <v>0</v>
      </c>
      <c r="DT31" s="178">
        <v>0</v>
      </c>
      <c r="DU31" s="178">
        <v>0</v>
      </c>
      <c r="DV31" s="179">
        <v>4</v>
      </c>
      <c r="DW31" s="180">
        <v>11</v>
      </c>
      <c r="DX31" s="180">
        <v>24</v>
      </c>
      <c r="DY31" s="180">
        <v>22</v>
      </c>
      <c r="DZ31" s="178">
        <v>20</v>
      </c>
      <c r="EA31" s="181">
        <v>81</v>
      </c>
      <c r="EB31" s="183">
        <v>81</v>
      </c>
      <c r="EC31" s="32"/>
    </row>
    <row r="32" spans="2:133" ht="21" customHeight="1" x14ac:dyDescent="0.2">
      <c r="B32" s="437" t="s">
        <v>29</v>
      </c>
      <c r="C32" s="177">
        <v>0</v>
      </c>
      <c r="D32" s="178">
        <v>0</v>
      </c>
      <c r="E32" s="178">
        <v>0</v>
      </c>
      <c r="F32" s="179">
        <v>0</v>
      </c>
      <c r="G32" s="180">
        <v>2</v>
      </c>
      <c r="H32" s="180">
        <v>12</v>
      </c>
      <c r="I32" s="180">
        <v>27</v>
      </c>
      <c r="J32" s="178">
        <v>19</v>
      </c>
      <c r="K32" s="181">
        <v>60</v>
      </c>
      <c r="L32" s="182">
        <v>60</v>
      </c>
      <c r="M32" s="177">
        <v>0</v>
      </c>
      <c r="N32" s="178">
        <v>0</v>
      </c>
      <c r="O32" s="181">
        <v>0</v>
      </c>
      <c r="P32" s="179">
        <v>0</v>
      </c>
      <c r="Q32" s="180">
        <v>2</v>
      </c>
      <c r="R32" s="180">
        <v>12</v>
      </c>
      <c r="S32" s="180">
        <v>27</v>
      </c>
      <c r="T32" s="178">
        <v>19</v>
      </c>
      <c r="U32" s="181">
        <v>60</v>
      </c>
      <c r="V32" s="183">
        <v>60</v>
      </c>
      <c r="W32" s="184">
        <v>0</v>
      </c>
      <c r="X32" s="178">
        <v>0</v>
      </c>
      <c r="Y32" s="181">
        <v>0</v>
      </c>
      <c r="Z32" s="184">
        <v>0</v>
      </c>
      <c r="AA32" s="180">
        <v>0</v>
      </c>
      <c r="AB32" s="180">
        <v>0</v>
      </c>
      <c r="AC32" s="180">
        <v>0</v>
      </c>
      <c r="AD32" s="178">
        <v>0</v>
      </c>
      <c r="AE32" s="181">
        <v>0</v>
      </c>
      <c r="AF32" s="185">
        <v>0</v>
      </c>
      <c r="AG32" s="184">
        <v>0</v>
      </c>
      <c r="AH32" s="178">
        <v>0</v>
      </c>
      <c r="AI32" s="181">
        <v>0</v>
      </c>
      <c r="AJ32" s="184">
        <v>3</v>
      </c>
      <c r="AK32" s="180">
        <v>9</v>
      </c>
      <c r="AL32" s="180">
        <v>10</v>
      </c>
      <c r="AM32" s="180">
        <v>14</v>
      </c>
      <c r="AN32" s="178">
        <v>8</v>
      </c>
      <c r="AO32" s="181">
        <v>44</v>
      </c>
      <c r="AP32" s="185">
        <v>44</v>
      </c>
      <c r="AQ32" s="184">
        <v>0</v>
      </c>
      <c r="AR32" s="178">
        <v>0</v>
      </c>
      <c r="AS32" s="181">
        <v>0</v>
      </c>
      <c r="AT32" s="179">
        <v>3</v>
      </c>
      <c r="AU32" s="180">
        <v>9</v>
      </c>
      <c r="AV32" s="180">
        <v>10</v>
      </c>
      <c r="AW32" s="180">
        <v>14</v>
      </c>
      <c r="AX32" s="178">
        <v>8</v>
      </c>
      <c r="AY32" s="181">
        <v>44</v>
      </c>
      <c r="AZ32" s="182">
        <v>44</v>
      </c>
      <c r="BA32" s="177">
        <v>0</v>
      </c>
      <c r="BB32" s="178">
        <v>0</v>
      </c>
      <c r="BC32" s="178">
        <v>0</v>
      </c>
      <c r="BD32" s="179">
        <v>0</v>
      </c>
      <c r="BE32" s="180">
        <v>0</v>
      </c>
      <c r="BF32" s="180">
        <v>0</v>
      </c>
      <c r="BG32" s="180">
        <v>0</v>
      </c>
      <c r="BH32" s="178">
        <v>0</v>
      </c>
      <c r="BI32" s="181">
        <v>0</v>
      </c>
      <c r="BJ32" s="183">
        <v>0</v>
      </c>
      <c r="BK32" s="184">
        <v>0</v>
      </c>
      <c r="BL32" s="178">
        <v>0</v>
      </c>
      <c r="BM32" s="178">
        <v>0</v>
      </c>
      <c r="BN32" s="179">
        <v>0</v>
      </c>
      <c r="BO32" s="180">
        <v>0</v>
      </c>
      <c r="BP32" s="180">
        <v>0</v>
      </c>
      <c r="BQ32" s="180">
        <v>0</v>
      </c>
      <c r="BR32" s="178">
        <v>0</v>
      </c>
      <c r="BS32" s="181">
        <v>0</v>
      </c>
      <c r="BT32" s="182">
        <v>0</v>
      </c>
      <c r="BU32" s="177">
        <v>0</v>
      </c>
      <c r="BV32" s="178">
        <v>0</v>
      </c>
      <c r="BW32" s="178">
        <v>0</v>
      </c>
      <c r="BX32" s="179">
        <v>0</v>
      </c>
      <c r="BY32" s="180">
        <v>0</v>
      </c>
      <c r="BZ32" s="180">
        <v>0</v>
      </c>
      <c r="CA32" s="180">
        <v>0</v>
      </c>
      <c r="CB32" s="178">
        <v>0</v>
      </c>
      <c r="CC32" s="181">
        <v>0</v>
      </c>
      <c r="CD32" s="183">
        <v>0</v>
      </c>
      <c r="CE32" s="184">
        <v>0</v>
      </c>
      <c r="CF32" s="178">
        <v>0</v>
      </c>
      <c r="CG32" s="178">
        <v>0</v>
      </c>
      <c r="CH32" s="179">
        <v>0</v>
      </c>
      <c r="CI32" s="180">
        <v>0</v>
      </c>
      <c r="CJ32" s="180">
        <v>0</v>
      </c>
      <c r="CK32" s="180">
        <v>0</v>
      </c>
      <c r="CL32" s="178">
        <v>0</v>
      </c>
      <c r="CM32" s="181">
        <v>0</v>
      </c>
      <c r="CN32" s="183">
        <v>0</v>
      </c>
      <c r="CO32" s="184">
        <v>0</v>
      </c>
      <c r="CP32" s="178">
        <v>0</v>
      </c>
      <c r="CQ32" s="178">
        <v>0</v>
      </c>
      <c r="CR32" s="179">
        <v>0</v>
      </c>
      <c r="CS32" s="180">
        <v>0</v>
      </c>
      <c r="CT32" s="180">
        <v>0</v>
      </c>
      <c r="CU32" s="180">
        <v>0</v>
      </c>
      <c r="CV32" s="178">
        <v>0</v>
      </c>
      <c r="CW32" s="181">
        <v>0</v>
      </c>
      <c r="CX32" s="182">
        <v>0</v>
      </c>
      <c r="CY32" s="177">
        <v>0</v>
      </c>
      <c r="CZ32" s="178">
        <v>0</v>
      </c>
      <c r="DA32" s="178">
        <v>0</v>
      </c>
      <c r="DB32" s="179">
        <v>0</v>
      </c>
      <c r="DC32" s="180">
        <v>0</v>
      </c>
      <c r="DD32" s="180">
        <v>0</v>
      </c>
      <c r="DE32" s="180">
        <v>0</v>
      </c>
      <c r="DF32" s="178">
        <v>0</v>
      </c>
      <c r="DG32" s="181">
        <v>0</v>
      </c>
      <c r="DH32" s="183">
        <v>0</v>
      </c>
      <c r="DI32" s="184">
        <v>0</v>
      </c>
      <c r="DJ32" s="178">
        <v>0</v>
      </c>
      <c r="DK32" s="178">
        <v>0</v>
      </c>
      <c r="DL32" s="179">
        <v>0</v>
      </c>
      <c r="DM32" s="180">
        <v>0</v>
      </c>
      <c r="DN32" s="180">
        <v>0</v>
      </c>
      <c r="DO32" s="180">
        <v>0</v>
      </c>
      <c r="DP32" s="178">
        <v>0</v>
      </c>
      <c r="DQ32" s="181">
        <v>0</v>
      </c>
      <c r="DR32" s="183">
        <v>0</v>
      </c>
      <c r="DS32" s="184">
        <v>0</v>
      </c>
      <c r="DT32" s="178">
        <v>0</v>
      </c>
      <c r="DU32" s="178">
        <v>0</v>
      </c>
      <c r="DV32" s="179">
        <v>3</v>
      </c>
      <c r="DW32" s="180">
        <v>11</v>
      </c>
      <c r="DX32" s="180">
        <v>22</v>
      </c>
      <c r="DY32" s="180">
        <v>41</v>
      </c>
      <c r="DZ32" s="178">
        <v>27</v>
      </c>
      <c r="EA32" s="181">
        <v>104</v>
      </c>
      <c r="EB32" s="183">
        <v>104</v>
      </c>
      <c r="EC32" s="32"/>
    </row>
    <row r="33" spans="2:133" ht="21" customHeight="1" x14ac:dyDescent="0.2">
      <c r="B33" s="437" t="s">
        <v>30</v>
      </c>
      <c r="C33" s="177">
        <v>0</v>
      </c>
      <c r="D33" s="178">
        <v>0</v>
      </c>
      <c r="E33" s="178">
        <v>0</v>
      </c>
      <c r="F33" s="179">
        <v>1</v>
      </c>
      <c r="G33" s="180">
        <v>1</v>
      </c>
      <c r="H33" s="180">
        <v>23</v>
      </c>
      <c r="I33" s="180">
        <v>32</v>
      </c>
      <c r="J33" s="178">
        <v>21</v>
      </c>
      <c r="K33" s="181">
        <v>78</v>
      </c>
      <c r="L33" s="182">
        <v>78</v>
      </c>
      <c r="M33" s="177">
        <v>0</v>
      </c>
      <c r="N33" s="178">
        <v>0</v>
      </c>
      <c r="O33" s="181">
        <v>0</v>
      </c>
      <c r="P33" s="179">
        <v>1</v>
      </c>
      <c r="Q33" s="180">
        <v>1</v>
      </c>
      <c r="R33" s="180">
        <v>23</v>
      </c>
      <c r="S33" s="180">
        <v>32</v>
      </c>
      <c r="T33" s="178">
        <v>21</v>
      </c>
      <c r="U33" s="181">
        <v>78</v>
      </c>
      <c r="V33" s="183">
        <v>78</v>
      </c>
      <c r="W33" s="184">
        <v>0</v>
      </c>
      <c r="X33" s="178">
        <v>0</v>
      </c>
      <c r="Y33" s="181">
        <v>0</v>
      </c>
      <c r="Z33" s="184">
        <v>0</v>
      </c>
      <c r="AA33" s="180">
        <v>0</v>
      </c>
      <c r="AB33" s="180">
        <v>0</v>
      </c>
      <c r="AC33" s="180">
        <v>0</v>
      </c>
      <c r="AD33" s="178">
        <v>0</v>
      </c>
      <c r="AE33" s="181">
        <v>0</v>
      </c>
      <c r="AF33" s="185">
        <v>0</v>
      </c>
      <c r="AG33" s="184">
        <v>0</v>
      </c>
      <c r="AH33" s="178">
        <v>0</v>
      </c>
      <c r="AI33" s="181">
        <v>0</v>
      </c>
      <c r="AJ33" s="184">
        <v>12</v>
      </c>
      <c r="AK33" s="180">
        <v>3</v>
      </c>
      <c r="AL33" s="180">
        <v>11</v>
      </c>
      <c r="AM33" s="180">
        <v>17</v>
      </c>
      <c r="AN33" s="178">
        <v>8</v>
      </c>
      <c r="AO33" s="181">
        <v>51</v>
      </c>
      <c r="AP33" s="185">
        <v>51</v>
      </c>
      <c r="AQ33" s="184">
        <v>0</v>
      </c>
      <c r="AR33" s="178">
        <v>0</v>
      </c>
      <c r="AS33" s="181">
        <v>0</v>
      </c>
      <c r="AT33" s="179">
        <v>12</v>
      </c>
      <c r="AU33" s="180">
        <v>3</v>
      </c>
      <c r="AV33" s="180">
        <v>10</v>
      </c>
      <c r="AW33" s="180">
        <v>17</v>
      </c>
      <c r="AX33" s="178">
        <v>8</v>
      </c>
      <c r="AY33" s="181">
        <v>50</v>
      </c>
      <c r="AZ33" s="182">
        <v>50</v>
      </c>
      <c r="BA33" s="177">
        <v>0</v>
      </c>
      <c r="BB33" s="178">
        <v>0</v>
      </c>
      <c r="BC33" s="178">
        <v>0</v>
      </c>
      <c r="BD33" s="179">
        <v>0</v>
      </c>
      <c r="BE33" s="180">
        <v>0</v>
      </c>
      <c r="BF33" s="180">
        <v>1</v>
      </c>
      <c r="BG33" s="180">
        <v>0</v>
      </c>
      <c r="BH33" s="178">
        <v>0</v>
      </c>
      <c r="BI33" s="181">
        <v>1</v>
      </c>
      <c r="BJ33" s="183">
        <v>1</v>
      </c>
      <c r="BK33" s="184">
        <v>0</v>
      </c>
      <c r="BL33" s="178">
        <v>0</v>
      </c>
      <c r="BM33" s="178">
        <v>0</v>
      </c>
      <c r="BN33" s="179">
        <v>0</v>
      </c>
      <c r="BO33" s="180">
        <v>0</v>
      </c>
      <c r="BP33" s="180">
        <v>0</v>
      </c>
      <c r="BQ33" s="180">
        <v>0</v>
      </c>
      <c r="BR33" s="178">
        <v>0</v>
      </c>
      <c r="BS33" s="181">
        <v>0</v>
      </c>
      <c r="BT33" s="182">
        <v>0</v>
      </c>
      <c r="BU33" s="177">
        <v>0</v>
      </c>
      <c r="BV33" s="178">
        <v>0</v>
      </c>
      <c r="BW33" s="178">
        <v>0</v>
      </c>
      <c r="BX33" s="179">
        <v>0</v>
      </c>
      <c r="BY33" s="180">
        <v>0</v>
      </c>
      <c r="BZ33" s="180">
        <v>0</v>
      </c>
      <c r="CA33" s="180">
        <v>0</v>
      </c>
      <c r="CB33" s="178">
        <v>0</v>
      </c>
      <c r="CC33" s="181">
        <v>0</v>
      </c>
      <c r="CD33" s="183">
        <v>0</v>
      </c>
      <c r="CE33" s="184">
        <v>0</v>
      </c>
      <c r="CF33" s="178">
        <v>0</v>
      </c>
      <c r="CG33" s="178">
        <v>0</v>
      </c>
      <c r="CH33" s="179">
        <v>0</v>
      </c>
      <c r="CI33" s="180">
        <v>0</v>
      </c>
      <c r="CJ33" s="180">
        <v>0</v>
      </c>
      <c r="CK33" s="180">
        <v>0</v>
      </c>
      <c r="CL33" s="178">
        <v>0</v>
      </c>
      <c r="CM33" s="181">
        <v>0</v>
      </c>
      <c r="CN33" s="183">
        <v>0</v>
      </c>
      <c r="CO33" s="184">
        <v>0</v>
      </c>
      <c r="CP33" s="178">
        <v>0</v>
      </c>
      <c r="CQ33" s="178">
        <v>0</v>
      </c>
      <c r="CR33" s="179">
        <v>0</v>
      </c>
      <c r="CS33" s="180">
        <v>0</v>
      </c>
      <c r="CT33" s="180">
        <v>0</v>
      </c>
      <c r="CU33" s="180">
        <v>1</v>
      </c>
      <c r="CV33" s="178">
        <v>3</v>
      </c>
      <c r="CW33" s="181">
        <v>4</v>
      </c>
      <c r="CX33" s="182">
        <v>4</v>
      </c>
      <c r="CY33" s="177">
        <v>0</v>
      </c>
      <c r="CZ33" s="178">
        <v>0</v>
      </c>
      <c r="DA33" s="178">
        <v>0</v>
      </c>
      <c r="DB33" s="179">
        <v>0</v>
      </c>
      <c r="DC33" s="180">
        <v>0</v>
      </c>
      <c r="DD33" s="180">
        <v>0</v>
      </c>
      <c r="DE33" s="180">
        <v>1</v>
      </c>
      <c r="DF33" s="178">
        <v>2</v>
      </c>
      <c r="DG33" s="181">
        <v>3</v>
      </c>
      <c r="DH33" s="183">
        <v>3</v>
      </c>
      <c r="DI33" s="184">
        <v>0</v>
      </c>
      <c r="DJ33" s="178">
        <v>0</v>
      </c>
      <c r="DK33" s="178">
        <v>0</v>
      </c>
      <c r="DL33" s="179">
        <v>0</v>
      </c>
      <c r="DM33" s="180">
        <v>0</v>
      </c>
      <c r="DN33" s="180">
        <v>0</v>
      </c>
      <c r="DO33" s="180">
        <v>0</v>
      </c>
      <c r="DP33" s="178">
        <v>1</v>
      </c>
      <c r="DQ33" s="181">
        <v>1</v>
      </c>
      <c r="DR33" s="183">
        <v>1</v>
      </c>
      <c r="DS33" s="184">
        <v>0</v>
      </c>
      <c r="DT33" s="178">
        <v>0</v>
      </c>
      <c r="DU33" s="178">
        <v>0</v>
      </c>
      <c r="DV33" s="179">
        <v>13</v>
      </c>
      <c r="DW33" s="180">
        <v>4</v>
      </c>
      <c r="DX33" s="180">
        <v>34</v>
      </c>
      <c r="DY33" s="180">
        <v>50</v>
      </c>
      <c r="DZ33" s="178">
        <v>31</v>
      </c>
      <c r="EA33" s="181">
        <v>132</v>
      </c>
      <c r="EB33" s="183">
        <v>132</v>
      </c>
      <c r="EC33" s="32"/>
    </row>
    <row r="34" spans="2:133" ht="21" customHeight="1" x14ac:dyDescent="0.2">
      <c r="B34" s="437" t="s">
        <v>31</v>
      </c>
      <c r="C34" s="177">
        <v>0</v>
      </c>
      <c r="D34" s="178">
        <v>0</v>
      </c>
      <c r="E34" s="178">
        <v>0</v>
      </c>
      <c r="F34" s="179">
        <v>2</v>
      </c>
      <c r="G34" s="180">
        <v>3</v>
      </c>
      <c r="H34" s="180">
        <v>27</v>
      </c>
      <c r="I34" s="180">
        <v>40</v>
      </c>
      <c r="J34" s="178">
        <v>22</v>
      </c>
      <c r="K34" s="181">
        <v>94</v>
      </c>
      <c r="L34" s="182">
        <v>94</v>
      </c>
      <c r="M34" s="177">
        <v>0</v>
      </c>
      <c r="N34" s="178">
        <v>0</v>
      </c>
      <c r="O34" s="181">
        <v>0</v>
      </c>
      <c r="P34" s="179">
        <v>2</v>
      </c>
      <c r="Q34" s="180">
        <v>3</v>
      </c>
      <c r="R34" s="180">
        <v>27</v>
      </c>
      <c r="S34" s="180">
        <v>40</v>
      </c>
      <c r="T34" s="178">
        <v>22</v>
      </c>
      <c r="U34" s="181">
        <v>94</v>
      </c>
      <c r="V34" s="183">
        <v>94</v>
      </c>
      <c r="W34" s="184">
        <v>0</v>
      </c>
      <c r="X34" s="178">
        <v>0</v>
      </c>
      <c r="Y34" s="181">
        <v>0</v>
      </c>
      <c r="Z34" s="184">
        <v>0</v>
      </c>
      <c r="AA34" s="180">
        <v>0</v>
      </c>
      <c r="AB34" s="180">
        <v>0</v>
      </c>
      <c r="AC34" s="180">
        <v>0</v>
      </c>
      <c r="AD34" s="178">
        <v>0</v>
      </c>
      <c r="AE34" s="181">
        <v>0</v>
      </c>
      <c r="AF34" s="185">
        <v>0</v>
      </c>
      <c r="AG34" s="184">
        <v>0</v>
      </c>
      <c r="AH34" s="178">
        <v>0</v>
      </c>
      <c r="AI34" s="181">
        <v>0</v>
      </c>
      <c r="AJ34" s="184">
        <v>3</v>
      </c>
      <c r="AK34" s="180">
        <v>8</v>
      </c>
      <c r="AL34" s="180">
        <v>10</v>
      </c>
      <c r="AM34" s="180">
        <v>10</v>
      </c>
      <c r="AN34" s="178">
        <v>3</v>
      </c>
      <c r="AO34" s="181">
        <v>34</v>
      </c>
      <c r="AP34" s="185">
        <v>34</v>
      </c>
      <c r="AQ34" s="184">
        <v>0</v>
      </c>
      <c r="AR34" s="178">
        <v>0</v>
      </c>
      <c r="AS34" s="181">
        <v>0</v>
      </c>
      <c r="AT34" s="179">
        <v>3</v>
      </c>
      <c r="AU34" s="180">
        <v>8</v>
      </c>
      <c r="AV34" s="180">
        <v>10</v>
      </c>
      <c r="AW34" s="180">
        <v>10</v>
      </c>
      <c r="AX34" s="178">
        <v>3</v>
      </c>
      <c r="AY34" s="181">
        <v>34</v>
      </c>
      <c r="AZ34" s="182">
        <v>34</v>
      </c>
      <c r="BA34" s="177">
        <v>0</v>
      </c>
      <c r="BB34" s="178">
        <v>0</v>
      </c>
      <c r="BC34" s="178">
        <v>0</v>
      </c>
      <c r="BD34" s="179">
        <v>0</v>
      </c>
      <c r="BE34" s="180">
        <v>0</v>
      </c>
      <c r="BF34" s="180">
        <v>0</v>
      </c>
      <c r="BG34" s="180">
        <v>0</v>
      </c>
      <c r="BH34" s="178">
        <v>0</v>
      </c>
      <c r="BI34" s="181">
        <v>0</v>
      </c>
      <c r="BJ34" s="183">
        <v>0</v>
      </c>
      <c r="BK34" s="184">
        <v>0</v>
      </c>
      <c r="BL34" s="178">
        <v>0</v>
      </c>
      <c r="BM34" s="178">
        <v>0</v>
      </c>
      <c r="BN34" s="179">
        <v>0</v>
      </c>
      <c r="BO34" s="180">
        <v>0</v>
      </c>
      <c r="BP34" s="180">
        <v>0</v>
      </c>
      <c r="BQ34" s="180">
        <v>0</v>
      </c>
      <c r="BR34" s="178">
        <v>0</v>
      </c>
      <c r="BS34" s="181">
        <v>0</v>
      </c>
      <c r="BT34" s="182">
        <v>0</v>
      </c>
      <c r="BU34" s="177">
        <v>0</v>
      </c>
      <c r="BV34" s="178">
        <v>0</v>
      </c>
      <c r="BW34" s="178">
        <v>0</v>
      </c>
      <c r="BX34" s="179">
        <v>0</v>
      </c>
      <c r="BY34" s="180">
        <v>0</v>
      </c>
      <c r="BZ34" s="180">
        <v>0</v>
      </c>
      <c r="CA34" s="180">
        <v>0</v>
      </c>
      <c r="CB34" s="178">
        <v>0</v>
      </c>
      <c r="CC34" s="181">
        <v>0</v>
      </c>
      <c r="CD34" s="183">
        <v>0</v>
      </c>
      <c r="CE34" s="184">
        <v>0</v>
      </c>
      <c r="CF34" s="178">
        <v>0</v>
      </c>
      <c r="CG34" s="178">
        <v>0</v>
      </c>
      <c r="CH34" s="179">
        <v>0</v>
      </c>
      <c r="CI34" s="180">
        <v>0</v>
      </c>
      <c r="CJ34" s="180">
        <v>0</v>
      </c>
      <c r="CK34" s="180">
        <v>0</v>
      </c>
      <c r="CL34" s="178">
        <v>0</v>
      </c>
      <c r="CM34" s="181">
        <v>0</v>
      </c>
      <c r="CN34" s="183">
        <v>0</v>
      </c>
      <c r="CO34" s="184">
        <v>0</v>
      </c>
      <c r="CP34" s="178">
        <v>0</v>
      </c>
      <c r="CQ34" s="178">
        <v>0</v>
      </c>
      <c r="CR34" s="179">
        <v>1</v>
      </c>
      <c r="CS34" s="180">
        <v>0</v>
      </c>
      <c r="CT34" s="180">
        <v>0</v>
      </c>
      <c r="CU34" s="180">
        <v>2</v>
      </c>
      <c r="CV34" s="178">
        <v>2</v>
      </c>
      <c r="CW34" s="181">
        <v>5</v>
      </c>
      <c r="CX34" s="182">
        <v>5</v>
      </c>
      <c r="CY34" s="177">
        <v>0</v>
      </c>
      <c r="CZ34" s="178">
        <v>0</v>
      </c>
      <c r="DA34" s="178">
        <v>0</v>
      </c>
      <c r="DB34" s="179">
        <v>1</v>
      </c>
      <c r="DC34" s="180">
        <v>0</v>
      </c>
      <c r="DD34" s="180">
        <v>0</v>
      </c>
      <c r="DE34" s="180">
        <v>2</v>
      </c>
      <c r="DF34" s="178">
        <v>2</v>
      </c>
      <c r="DG34" s="181">
        <v>5</v>
      </c>
      <c r="DH34" s="183">
        <v>5</v>
      </c>
      <c r="DI34" s="184">
        <v>0</v>
      </c>
      <c r="DJ34" s="178">
        <v>0</v>
      </c>
      <c r="DK34" s="178">
        <v>0</v>
      </c>
      <c r="DL34" s="179">
        <v>0</v>
      </c>
      <c r="DM34" s="180">
        <v>0</v>
      </c>
      <c r="DN34" s="180">
        <v>0</v>
      </c>
      <c r="DO34" s="180">
        <v>0</v>
      </c>
      <c r="DP34" s="178">
        <v>0</v>
      </c>
      <c r="DQ34" s="181">
        <v>0</v>
      </c>
      <c r="DR34" s="183">
        <v>0</v>
      </c>
      <c r="DS34" s="184">
        <v>0</v>
      </c>
      <c r="DT34" s="178">
        <v>0</v>
      </c>
      <c r="DU34" s="178">
        <v>0</v>
      </c>
      <c r="DV34" s="179">
        <v>6</v>
      </c>
      <c r="DW34" s="180">
        <v>11</v>
      </c>
      <c r="DX34" s="180">
        <v>37</v>
      </c>
      <c r="DY34" s="180">
        <v>52</v>
      </c>
      <c r="DZ34" s="178">
        <v>27</v>
      </c>
      <c r="EA34" s="181">
        <v>133</v>
      </c>
      <c r="EB34" s="183">
        <v>133</v>
      </c>
      <c r="EC34" s="32"/>
    </row>
    <row r="35" spans="2:133" ht="21" customHeight="1" x14ac:dyDescent="0.2">
      <c r="B35" s="437" t="s">
        <v>32</v>
      </c>
      <c r="C35" s="177">
        <v>0</v>
      </c>
      <c r="D35" s="178">
        <v>0</v>
      </c>
      <c r="E35" s="178">
        <v>0</v>
      </c>
      <c r="F35" s="179">
        <v>2</v>
      </c>
      <c r="G35" s="180">
        <v>0</v>
      </c>
      <c r="H35" s="180">
        <v>11</v>
      </c>
      <c r="I35" s="180">
        <v>26</v>
      </c>
      <c r="J35" s="178">
        <v>19</v>
      </c>
      <c r="K35" s="181">
        <v>58</v>
      </c>
      <c r="L35" s="182">
        <v>58</v>
      </c>
      <c r="M35" s="177">
        <v>0</v>
      </c>
      <c r="N35" s="178">
        <v>0</v>
      </c>
      <c r="O35" s="181">
        <v>0</v>
      </c>
      <c r="P35" s="179">
        <v>2</v>
      </c>
      <c r="Q35" s="180">
        <v>0</v>
      </c>
      <c r="R35" s="180">
        <v>11</v>
      </c>
      <c r="S35" s="180">
        <v>25</v>
      </c>
      <c r="T35" s="178">
        <v>18</v>
      </c>
      <c r="U35" s="181">
        <v>56</v>
      </c>
      <c r="V35" s="183">
        <v>56</v>
      </c>
      <c r="W35" s="184">
        <v>0</v>
      </c>
      <c r="X35" s="178">
        <v>0</v>
      </c>
      <c r="Y35" s="181">
        <v>0</v>
      </c>
      <c r="Z35" s="184">
        <v>0</v>
      </c>
      <c r="AA35" s="180">
        <v>0</v>
      </c>
      <c r="AB35" s="180">
        <v>0</v>
      </c>
      <c r="AC35" s="180">
        <v>1</v>
      </c>
      <c r="AD35" s="178">
        <v>1</v>
      </c>
      <c r="AE35" s="181">
        <v>2</v>
      </c>
      <c r="AF35" s="185">
        <v>2</v>
      </c>
      <c r="AG35" s="184">
        <v>0</v>
      </c>
      <c r="AH35" s="178">
        <v>0</v>
      </c>
      <c r="AI35" s="181">
        <v>0</v>
      </c>
      <c r="AJ35" s="184">
        <v>4</v>
      </c>
      <c r="AK35" s="180">
        <v>4</v>
      </c>
      <c r="AL35" s="180">
        <v>11</v>
      </c>
      <c r="AM35" s="180">
        <v>18</v>
      </c>
      <c r="AN35" s="178">
        <v>11</v>
      </c>
      <c r="AO35" s="181">
        <v>48</v>
      </c>
      <c r="AP35" s="185">
        <v>48</v>
      </c>
      <c r="AQ35" s="184">
        <v>0</v>
      </c>
      <c r="AR35" s="178">
        <v>0</v>
      </c>
      <c r="AS35" s="181">
        <v>0</v>
      </c>
      <c r="AT35" s="179">
        <v>4</v>
      </c>
      <c r="AU35" s="180">
        <v>4</v>
      </c>
      <c r="AV35" s="180">
        <v>11</v>
      </c>
      <c r="AW35" s="180">
        <v>18</v>
      </c>
      <c r="AX35" s="178">
        <v>11</v>
      </c>
      <c r="AY35" s="181">
        <v>48</v>
      </c>
      <c r="AZ35" s="182">
        <v>48</v>
      </c>
      <c r="BA35" s="177">
        <v>0</v>
      </c>
      <c r="BB35" s="178">
        <v>0</v>
      </c>
      <c r="BC35" s="178">
        <v>0</v>
      </c>
      <c r="BD35" s="179">
        <v>0</v>
      </c>
      <c r="BE35" s="180">
        <v>0</v>
      </c>
      <c r="BF35" s="180">
        <v>0</v>
      </c>
      <c r="BG35" s="180">
        <v>0</v>
      </c>
      <c r="BH35" s="178">
        <v>0</v>
      </c>
      <c r="BI35" s="181">
        <v>0</v>
      </c>
      <c r="BJ35" s="183">
        <v>0</v>
      </c>
      <c r="BK35" s="184">
        <v>0</v>
      </c>
      <c r="BL35" s="178">
        <v>0</v>
      </c>
      <c r="BM35" s="178">
        <v>0</v>
      </c>
      <c r="BN35" s="179">
        <v>0</v>
      </c>
      <c r="BO35" s="180">
        <v>0</v>
      </c>
      <c r="BP35" s="180">
        <v>0</v>
      </c>
      <c r="BQ35" s="180">
        <v>0</v>
      </c>
      <c r="BR35" s="178">
        <v>0</v>
      </c>
      <c r="BS35" s="181">
        <v>0</v>
      </c>
      <c r="BT35" s="182">
        <v>0</v>
      </c>
      <c r="BU35" s="177">
        <v>0</v>
      </c>
      <c r="BV35" s="178">
        <v>0</v>
      </c>
      <c r="BW35" s="178">
        <v>0</v>
      </c>
      <c r="BX35" s="179">
        <v>0</v>
      </c>
      <c r="BY35" s="180">
        <v>0</v>
      </c>
      <c r="BZ35" s="180">
        <v>0</v>
      </c>
      <c r="CA35" s="180">
        <v>0</v>
      </c>
      <c r="CB35" s="178">
        <v>0</v>
      </c>
      <c r="CC35" s="181">
        <v>0</v>
      </c>
      <c r="CD35" s="183">
        <v>0</v>
      </c>
      <c r="CE35" s="184">
        <v>0</v>
      </c>
      <c r="CF35" s="178">
        <v>0</v>
      </c>
      <c r="CG35" s="178">
        <v>0</v>
      </c>
      <c r="CH35" s="179">
        <v>0</v>
      </c>
      <c r="CI35" s="180">
        <v>0</v>
      </c>
      <c r="CJ35" s="180">
        <v>0</v>
      </c>
      <c r="CK35" s="180">
        <v>0</v>
      </c>
      <c r="CL35" s="178">
        <v>0</v>
      </c>
      <c r="CM35" s="181">
        <v>0</v>
      </c>
      <c r="CN35" s="183">
        <v>0</v>
      </c>
      <c r="CO35" s="184">
        <v>0</v>
      </c>
      <c r="CP35" s="178">
        <v>0</v>
      </c>
      <c r="CQ35" s="178">
        <v>0</v>
      </c>
      <c r="CR35" s="179">
        <v>0</v>
      </c>
      <c r="CS35" s="180">
        <v>2</v>
      </c>
      <c r="CT35" s="180">
        <v>2</v>
      </c>
      <c r="CU35" s="180">
        <v>0</v>
      </c>
      <c r="CV35" s="178">
        <v>1</v>
      </c>
      <c r="CW35" s="181">
        <v>5</v>
      </c>
      <c r="CX35" s="182">
        <v>5</v>
      </c>
      <c r="CY35" s="177">
        <v>0</v>
      </c>
      <c r="CZ35" s="178">
        <v>0</v>
      </c>
      <c r="DA35" s="178">
        <v>0</v>
      </c>
      <c r="DB35" s="179">
        <v>0</v>
      </c>
      <c r="DC35" s="180">
        <v>2</v>
      </c>
      <c r="DD35" s="180">
        <v>2</v>
      </c>
      <c r="DE35" s="180">
        <v>0</v>
      </c>
      <c r="DF35" s="178">
        <v>1</v>
      </c>
      <c r="DG35" s="181">
        <v>5</v>
      </c>
      <c r="DH35" s="183">
        <v>5</v>
      </c>
      <c r="DI35" s="184">
        <v>0</v>
      </c>
      <c r="DJ35" s="178">
        <v>0</v>
      </c>
      <c r="DK35" s="178">
        <v>0</v>
      </c>
      <c r="DL35" s="179">
        <v>0</v>
      </c>
      <c r="DM35" s="180">
        <v>0</v>
      </c>
      <c r="DN35" s="180">
        <v>0</v>
      </c>
      <c r="DO35" s="180">
        <v>0</v>
      </c>
      <c r="DP35" s="178">
        <v>0</v>
      </c>
      <c r="DQ35" s="181">
        <v>0</v>
      </c>
      <c r="DR35" s="183">
        <v>0</v>
      </c>
      <c r="DS35" s="184">
        <v>0</v>
      </c>
      <c r="DT35" s="178">
        <v>0</v>
      </c>
      <c r="DU35" s="178">
        <v>0</v>
      </c>
      <c r="DV35" s="179">
        <v>6</v>
      </c>
      <c r="DW35" s="180">
        <v>6</v>
      </c>
      <c r="DX35" s="180">
        <v>24</v>
      </c>
      <c r="DY35" s="180">
        <v>44</v>
      </c>
      <c r="DZ35" s="178">
        <v>31</v>
      </c>
      <c r="EA35" s="181">
        <v>111</v>
      </c>
      <c r="EB35" s="183">
        <v>111</v>
      </c>
      <c r="EC35" s="32"/>
    </row>
    <row r="36" spans="2:133" ht="21" customHeight="1" x14ac:dyDescent="0.2">
      <c r="B36" s="437" t="s">
        <v>33</v>
      </c>
      <c r="C36" s="177">
        <v>0</v>
      </c>
      <c r="D36" s="178">
        <v>0</v>
      </c>
      <c r="E36" s="178">
        <v>0</v>
      </c>
      <c r="F36" s="179">
        <v>0</v>
      </c>
      <c r="G36" s="180">
        <v>5</v>
      </c>
      <c r="H36" s="180">
        <v>23</v>
      </c>
      <c r="I36" s="180">
        <v>34</v>
      </c>
      <c r="J36" s="178">
        <v>25</v>
      </c>
      <c r="K36" s="181">
        <v>87</v>
      </c>
      <c r="L36" s="182">
        <v>87</v>
      </c>
      <c r="M36" s="177">
        <v>0</v>
      </c>
      <c r="N36" s="178">
        <v>0</v>
      </c>
      <c r="O36" s="181">
        <v>0</v>
      </c>
      <c r="P36" s="179">
        <v>0</v>
      </c>
      <c r="Q36" s="180">
        <v>5</v>
      </c>
      <c r="R36" s="180">
        <v>23</v>
      </c>
      <c r="S36" s="180">
        <v>34</v>
      </c>
      <c r="T36" s="178">
        <v>25</v>
      </c>
      <c r="U36" s="181">
        <v>87</v>
      </c>
      <c r="V36" s="183">
        <v>87</v>
      </c>
      <c r="W36" s="184">
        <v>0</v>
      </c>
      <c r="X36" s="178">
        <v>0</v>
      </c>
      <c r="Y36" s="181">
        <v>0</v>
      </c>
      <c r="Z36" s="184">
        <v>0</v>
      </c>
      <c r="AA36" s="180">
        <v>0</v>
      </c>
      <c r="AB36" s="180">
        <v>0</v>
      </c>
      <c r="AC36" s="180">
        <v>0</v>
      </c>
      <c r="AD36" s="178">
        <v>0</v>
      </c>
      <c r="AE36" s="181">
        <v>0</v>
      </c>
      <c r="AF36" s="185">
        <v>0</v>
      </c>
      <c r="AG36" s="184">
        <v>0</v>
      </c>
      <c r="AH36" s="178">
        <v>0</v>
      </c>
      <c r="AI36" s="181">
        <v>0</v>
      </c>
      <c r="AJ36" s="184">
        <v>6</v>
      </c>
      <c r="AK36" s="180">
        <v>9</v>
      </c>
      <c r="AL36" s="180">
        <v>12</v>
      </c>
      <c r="AM36" s="180">
        <v>21</v>
      </c>
      <c r="AN36" s="178">
        <v>6</v>
      </c>
      <c r="AO36" s="181">
        <v>54</v>
      </c>
      <c r="AP36" s="185">
        <v>54</v>
      </c>
      <c r="AQ36" s="184">
        <v>0</v>
      </c>
      <c r="AR36" s="178">
        <v>0</v>
      </c>
      <c r="AS36" s="181">
        <v>0</v>
      </c>
      <c r="AT36" s="179">
        <v>6</v>
      </c>
      <c r="AU36" s="180">
        <v>9</v>
      </c>
      <c r="AV36" s="180">
        <v>12</v>
      </c>
      <c r="AW36" s="180">
        <v>21</v>
      </c>
      <c r="AX36" s="178">
        <v>6</v>
      </c>
      <c r="AY36" s="181">
        <v>54</v>
      </c>
      <c r="AZ36" s="182">
        <v>54</v>
      </c>
      <c r="BA36" s="177">
        <v>0</v>
      </c>
      <c r="BB36" s="178">
        <v>0</v>
      </c>
      <c r="BC36" s="178">
        <v>0</v>
      </c>
      <c r="BD36" s="179">
        <v>0</v>
      </c>
      <c r="BE36" s="180">
        <v>0</v>
      </c>
      <c r="BF36" s="180">
        <v>0</v>
      </c>
      <c r="BG36" s="180">
        <v>0</v>
      </c>
      <c r="BH36" s="178">
        <v>0</v>
      </c>
      <c r="BI36" s="181">
        <v>0</v>
      </c>
      <c r="BJ36" s="183">
        <v>0</v>
      </c>
      <c r="BK36" s="184">
        <v>0</v>
      </c>
      <c r="BL36" s="178">
        <v>0</v>
      </c>
      <c r="BM36" s="178">
        <v>0</v>
      </c>
      <c r="BN36" s="179">
        <v>0</v>
      </c>
      <c r="BO36" s="180">
        <v>0</v>
      </c>
      <c r="BP36" s="180">
        <v>0</v>
      </c>
      <c r="BQ36" s="180">
        <v>0</v>
      </c>
      <c r="BR36" s="178">
        <v>0</v>
      </c>
      <c r="BS36" s="181">
        <v>0</v>
      </c>
      <c r="BT36" s="182">
        <v>0</v>
      </c>
      <c r="BU36" s="177">
        <v>0</v>
      </c>
      <c r="BV36" s="178">
        <v>0</v>
      </c>
      <c r="BW36" s="178">
        <v>0</v>
      </c>
      <c r="BX36" s="179">
        <v>0</v>
      </c>
      <c r="BY36" s="180">
        <v>0</v>
      </c>
      <c r="BZ36" s="180">
        <v>0</v>
      </c>
      <c r="CA36" s="180">
        <v>0</v>
      </c>
      <c r="CB36" s="178">
        <v>0</v>
      </c>
      <c r="CC36" s="181">
        <v>0</v>
      </c>
      <c r="CD36" s="183">
        <v>0</v>
      </c>
      <c r="CE36" s="184">
        <v>0</v>
      </c>
      <c r="CF36" s="178">
        <v>0</v>
      </c>
      <c r="CG36" s="178">
        <v>0</v>
      </c>
      <c r="CH36" s="179">
        <v>0</v>
      </c>
      <c r="CI36" s="180">
        <v>0</v>
      </c>
      <c r="CJ36" s="180">
        <v>0</v>
      </c>
      <c r="CK36" s="180">
        <v>0</v>
      </c>
      <c r="CL36" s="178">
        <v>0</v>
      </c>
      <c r="CM36" s="181">
        <v>0</v>
      </c>
      <c r="CN36" s="183">
        <v>0</v>
      </c>
      <c r="CO36" s="184">
        <v>0</v>
      </c>
      <c r="CP36" s="178">
        <v>0</v>
      </c>
      <c r="CQ36" s="178">
        <v>0</v>
      </c>
      <c r="CR36" s="179">
        <v>2</v>
      </c>
      <c r="CS36" s="180">
        <v>10</v>
      </c>
      <c r="CT36" s="180">
        <v>6</v>
      </c>
      <c r="CU36" s="180">
        <v>9</v>
      </c>
      <c r="CV36" s="178">
        <v>10</v>
      </c>
      <c r="CW36" s="181">
        <v>37</v>
      </c>
      <c r="CX36" s="182">
        <v>37</v>
      </c>
      <c r="CY36" s="177">
        <v>0</v>
      </c>
      <c r="CZ36" s="178">
        <v>0</v>
      </c>
      <c r="DA36" s="178">
        <v>0</v>
      </c>
      <c r="DB36" s="179">
        <v>2</v>
      </c>
      <c r="DC36" s="180">
        <v>10</v>
      </c>
      <c r="DD36" s="180">
        <v>6</v>
      </c>
      <c r="DE36" s="180">
        <v>9</v>
      </c>
      <c r="DF36" s="178">
        <v>10</v>
      </c>
      <c r="DG36" s="181">
        <v>37</v>
      </c>
      <c r="DH36" s="183">
        <v>37</v>
      </c>
      <c r="DI36" s="184">
        <v>0</v>
      </c>
      <c r="DJ36" s="178">
        <v>0</v>
      </c>
      <c r="DK36" s="178">
        <v>0</v>
      </c>
      <c r="DL36" s="179">
        <v>0</v>
      </c>
      <c r="DM36" s="180">
        <v>0</v>
      </c>
      <c r="DN36" s="180">
        <v>0</v>
      </c>
      <c r="DO36" s="180">
        <v>0</v>
      </c>
      <c r="DP36" s="178">
        <v>0</v>
      </c>
      <c r="DQ36" s="181">
        <v>0</v>
      </c>
      <c r="DR36" s="183">
        <v>0</v>
      </c>
      <c r="DS36" s="184">
        <v>0</v>
      </c>
      <c r="DT36" s="178">
        <v>0</v>
      </c>
      <c r="DU36" s="178">
        <v>0</v>
      </c>
      <c r="DV36" s="179">
        <v>8</v>
      </c>
      <c r="DW36" s="180">
        <v>24</v>
      </c>
      <c r="DX36" s="180">
        <v>41</v>
      </c>
      <c r="DY36" s="180">
        <v>64</v>
      </c>
      <c r="DZ36" s="178">
        <v>41</v>
      </c>
      <c r="EA36" s="181">
        <v>178</v>
      </c>
      <c r="EB36" s="183">
        <v>178</v>
      </c>
      <c r="EC36" s="32"/>
    </row>
    <row r="37" spans="2:133" ht="21" customHeight="1" x14ac:dyDescent="0.2">
      <c r="B37" s="437" t="s">
        <v>34</v>
      </c>
      <c r="C37" s="177">
        <v>0</v>
      </c>
      <c r="D37" s="178">
        <v>0</v>
      </c>
      <c r="E37" s="178">
        <v>0</v>
      </c>
      <c r="F37" s="179">
        <v>0</v>
      </c>
      <c r="G37" s="180">
        <v>0</v>
      </c>
      <c r="H37" s="180">
        <v>9</v>
      </c>
      <c r="I37" s="180">
        <v>21</v>
      </c>
      <c r="J37" s="178">
        <v>11</v>
      </c>
      <c r="K37" s="181">
        <v>41</v>
      </c>
      <c r="L37" s="182">
        <v>41</v>
      </c>
      <c r="M37" s="177">
        <v>0</v>
      </c>
      <c r="N37" s="178">
        <v>0</v>
      </c>
      <c r="O37" s="181">
        <v>0</v>
      </c>
      <c r="P37" s="179">
        <v>0</v>
      </c>
      <c r="Q37" s="180">
        <v>0</v>
      </c>
      <c r="R37" s="180">
        <v>9</v>
      </c>
      <c r="S37" s="180">
        <v>21</v>
      </c>
      <c r="T37" s="178">
        <v>11</v>
      </c>
      <c r="U37" s="181">
        <v>41</v>
      </c>
      <c r="V37" s="183">
        <v>41</v>
      </c>
      <c r="W37" s="184">
        <v>0</v>
      </c>
      <c r="X37" s="178">
        <v>0</v>
      </c>
      <c r="Y37" s="181">
        <v>0</v>
      </c>
      <c r="Z37" s="184">
        <v>0</v>
      </c>
      <c r="AA37" s="180">
        <v>0</v>
      </c>
      <c r="AB37" s="180">
        <v>0</v>
      </c>
      <c r="AC37" s="180">
        <v>0</v>
      </c>
      <c r="AD37" s="178">
        <v>0</v>
      </c>
      <c r="AE37" s="181">
        <v>0</v>
      </c>
      <c r="AF37" s="185">
        <v>0</v>
      </c>
      <c r="AG37" s="184">
        <v>0</v>
      </c>
      <c r="AH37" s="178">
        <v>0</v>
      </c>
      <c r="AI37" s="181">
        <v>0</v>
      </c>
      <c r="AJ37" s="184">
        <v>8</v>
      </c>
      <c r="AK37" s="180">
        <v>11</v>
      </c>
      <c r="AL37" s="180">
        <v>7</v>
      </c>
      <c r="AM37" s="180">
        <v>10</v>
      </c>
      <c r="AN37" s="178">
        <v>3</v>
      </c>
      <c r="AO37" s="181">
        <v>39</v>
      </c>
      <c r="AP37" s="185">
        <v>39</v>
      </c>
      <c r="AQ37" s="184">
        <v>0</v>
      </c>
      <c r="AR37" s="178">
        <v>0</v>
      </c>
      <c r="AS37" s="181">
        <v>0</v>
      </c>
      <c r="AT37" s="179">
        <v>8</v>
      </c>
      <c r="AU37" s="180">
        <v>10</v>
      </c>
      <c r="AV37" s="180">
        <v>7</v>
      </c>
      <c r="AW37" s="180">
        <v>10</v>
      </c>
      <c r="AX37" s="178">
        <v>3</v>
      </c>
      <c r="AY37" s="181">
        <v>38</v>
      </c>
      <c r="AZ37" s="182">
        <v>38</v>
      </c>
      <c r="BA37" s="177">
        <v>0</v>
      </c>
      <c r="BB37" s="178">
        <v>0</v>
      </c>
      <c r="BC37" s="178">
        <v>0</v>
      </c>
      <c r="BD37" s="179">
        <v>0</v>
      </c>
      <c r="BE37" s="180">
        <v>1</v>
      </c>
      <c r="BF37" s="180">
        <v>0</v>
      </c>
      <c r="BG37" s="180">
        <v>0</v>
      </c>
      <c r="BH37" s="178">
        <v>0</v>
      </c>
      <c r="BI37" s="181">
        <v>1</v>
      </c>
      <c r="BJ37" s="183">
        <v>1</v>
      </c>
      <c r="BK37" s="184">
        <v>0</v>
      </c>
      <c r="BL37" s="178">
        <v>0</v>
      </c>
      <c r="BM37" s="178">
        <v>0</v>
      </c>
      <c r="BN37" s="179">
        <v>0</v>
      </c>
      <c r="BO37" s="180">
        <v>0</v>
      </c>
      <c r="BP37" s="180">
        <v>0</v>
      </c>
      <c r="BQ37" s="180">
        <v>0</v>
      </c>
      <c r="BR37" s="178">
        <v>0</v>
      </c>
      <c r="BS37" s="181">
        <v>0</v>
      </c>
      <c r="BT37" s="182">
        <v>0</v>
      </c>
      <c r="BU37" s="177">
        <v>0</v>
      </c>
      <c r="BV37" s="178">
        <v>0</v>
      </c>
      <c r="BW37" s="178">
        <v>0</v>
      </c>
      <c r="BX37" s="179">
        <v>0</v>
      </c>
      <c r="BY37" s="180">
        <v>0</v>
      </c>
      <c r="BZ37" s="180">
        <v>0</v>
      </c>
      <c r="CA37" s="180">
        <v>0</v>
      </c>
      <c r="CB37" s="178">
        <v>0</v>
      </c>
      <c r="CC37" s="181">
        <v>0</v>
      </c>
      <c r="CD37" s="183">
        <v>0</v>
      </c>
      <c r="CE37" s="184">
        <v>0</v>
      </c>
      <c r="CF37" s="178">
        <v>0</v>
      </c>
      <c r="CG37" s="178">
        <v>0</v>
      </c>
      <c r="CH37" s="179">
        <v>0</v>
      </c>
      <c r="CI37" s="180">
        <v>0</v>
      </c>
      <c r="CJ37" s="180">
        <v>0</v>
      </c>
      <c r="CK37" s="180">
        <v>0</v>
      </c>
      <c r="CL37" s="178">
        <v>0</v>
      </c>
      <c r="CM37" s="181">
        <v>0</v>
      </c>
      <c r="CN37" s="183">
        <v>0</v>
      </c>
      <c r="CO37" s="184">
        <v>0</v>
      </c>
      <c r="CP37" s="178">
        <v>0</v>
      </c>
      <c r="CQ37" s="178">
        <v>0</v>
      </c>
      <c r="CR37" s="179">
        <v>0</v>
      </c>
      <c r="CS37" s="180">
        <v>0</v>
      </c>
      <c r="CT37" s="180">
        <v>0</v>
      </c>
      <c r="CU37" s="180">
        <v>2</v>
      </c>
      <c r="CV37" s="178">
        <v>1</v>
      </c>
      <c r="CW37" s="181">
        <v>3</v>
      </c>
      <c r="CX37" s="182">
        <v>3</v>
      </c>
      <c r="CY37" s="177">
        <v>0</v>
      </c>
      <c r="CZ37" s="178">
        <v>0</v>
      </c>
      <c r="DA37" s="178">
        <v>0</v>
      </c>
      <c r="DB37" s="179">
        <v>0</v>
      </c>
      <c r="DC37" s="180">
        <v>0</v>
      </c>
      <c r="DD37" s="180">
        <v>0</v>
      </c>
      <c r="DE37" s="180">
        <v>2</v>
      </c>
      <c r="DF37" s="178">
        <v>0</v>
      </c>
      <c r="DG37" s="181">
        <v>2</v>
      </c>
      <c r="DH37" s="183">
        <v>2</v>
      </c>
      <c r="DI37" s="184">
        <v>0</v>
      </c>
      <c r="DJ37" s="178">
        <v>0</v>
      </c>
      <c r="DK37" s="178">
        <v>0</v>
      </c>
      <c r="DL37" s="179">
        <v>0</v>
      </c>
      <c r="DM37" s="180">
        <v>0</v>
      </c>
      <c r="DN37" s="180">
        <v>0</v>
      </c>
      <c r="DO37" s="180">
        <v>0</v>
      </c>
      <c r="DP37" s="178">
        <v>1</v>
      </c>
      <c r="DQ37" s="181">
        <v>1</v>
      </c>
      <c r="DR37" s="183">
        <v>1</v>
      </c>
      <c r="DS37" s="184">
        <v>0</v>
      </c>
      <c r="DT37" s="178">
        <v>0</v>
      </c>
      <c r="DU37" s="178">
        <v>0</v>
      </c>
      <c r="DV37" s="179">
        <v>8</v>
      </c>
      <c r="DW37" s="180">
        <v>11</v>
      </c>
      <c r="DX37" s="180">
        <v>16</v>
      </c>
      <c r="DY37" s="180">
        <v>33</v>
      </c>
      <c r="DZ37" s="178">
        <v>15</v>
      </c>
      <c r="EA37" s="181">
        <v>83</v>
      </c>
      <c r="EB37" s="183">
        <v>83</v>
      </c>
      <c r="EC37" s="32"/>
    </row>
    <row r="38" spans="2:133" ht="21" customHeight="1" x14ac:dyDescent="0.2">
      <c r="B38" s="437" t="s">
        <v>35</v>
      </c>
      <c r="C38" s="177">
        <v>0</v>
      </c>
      <c r="D38" s="178">
        <v>0</v>
      </c>
      <c r="E38" s="178">
        <v>0</v>
      </c>
      <c r="F38" s="179">
        <v>1</v>
      </c>
      <c r="G38" s="180">
        <v>1</v>
      </c>
      <c r="H38" s="180">
        <v>21</v>
      </c>
      <c r="I38" s="180">
        <v>50</v>
      </c>
      <c r="J38" s="178">
        <v>31</v>
      </c>
      <c r="K38" s="181">
        <v>104</v>
      </c>
      <c r="L38" s="182">
        <v>104</v>
      </c>
      <c r="M38" s="177">
        <v>0</v>
      </c>
      <c r="N38" s="178">
        <v>0</v>
      </c>
      <c r="O38" s="181">
        <v>0</v>
      </c>
      <c r="P38" s="179">
        <v>1</v>
      </c>
      <c r="Q38" s="180">
        <v>1</v>
      </c>
      <c r="R38" s="180">
        <v>21</v>
      </c>
      <c r="S38" s="180">
        <v>50</v>
      </c>
      <c r="T38" s="178">
        <v>31</v>
      </c>
      <c r="U38" s="181">
        <v>104</v>
      </c>
      <c r="V38" s="183">
        <v>104</v>
      </c>
      <c r="W38" s="184">
        <v>0</v>
      </c>
      <c r="X38" s="178">
        <v>0</v>
      </c>
      <c r="Y38" s="181">
        <v>0</v>
      </c>
      <c r="Z38" s="184">
        <v>0</v>
      </c>
      <c r="AA38" s="180">
        <v>0</v>
      </c>
      <c r="AB38" s="180">
        <v>0</v>
      </c>
      <c r="AC38" s="180">
        <v>0</v>
      </c>
      <c r="AD38" s="178">
        <v>0</v>
      </c>
      <c r="AE38" s="181">
        <v>0</v>
      </c>
      <c r="AF38" s="185">
        <v>0</v>
      </c>
      <c r="AG38" s="184">
        <v>0</v>
      </c>
      <c r="AH38" s="178">
        <v>0</v>
      </c>
      <c r="AI38" s="181">
        <v>0</v>
      </c>
      <c r="AJ38" s="184">
        <v>21</v>
      </c>
      <c r="AK38" s="180">
        <v>27</v>
      </c>
      <c r="AL38" s="180">
        <v>27</v>
      </c>
      <c r="AM38" s="180">
        <v>11</v>
      </c>
      <c r="AN38" s="178">
        <v>11</v>
      </c>
      <c r="AO38" s="181">
        <v>97</v>
      </c>
      <c r="AP38" s="185">
        <v>97</v>
      </c>
      <c r="AQ38" s="184">
        <v>0</v>
      </c>
      <c r="AR38" s="178">
        <v>0</v>
      </c>
      <c r="AS38" s="181">
        <v>0</v>
      </c>
      <c r="AT38" s="179">
        <v>21</v>
      </c>
      <c r="AU38" s="180">
        <v>27</v>
      </c>
      <c r="AV38" s="180">
        <v>27</v>
      </c>
      <c r="AW38" s="180">
        <v>11</v>
      </c>
      <c r="AX38" s="178">
        <v>11</v>
      </c>
      <c r="AY38" s="181">
        <v>97</v>
      </c>
      <c r="AZ38" s="182">
        <v>97</v>
      </c>
      <c r="BA38" s="177">
        <v>0</v>
      </c>
      <c r="BB38" s="178">
        <v>0</v>
      </c>
      <c r="BC38" s="178">
        <v>0</v>
      </c>
      <c r="BD38" s="179">
        <v>0</v>
      </c>
      <c r="BE38" s="180">
        <v>0</v>
      </c>
      <c r="BF38" s="180">
        <v>0</v>
      </c>
      <c r="BG38" s="180">
        <v>0</v>
      </c>
      <c r="BH38" s="178">
        <v>0</v>
      </c>
      <c r="BI38" s="181">
        <v>0</v>
      </c>
      <c r="BJ38" s="183">
        <v>0</v>
      </c>
      <c r="BK38" s="184">
        <v>0</v>
      </c>
      <c r="BL38" s="178">
        <v>0</v>
      </c>
      <c r="BM38" s="178">
        <v>0</v>
      </c>
      <c r="BN38" s="179">
        <v>0</v>
      </c>
      <c r="BO38" s="180">
        <v>0</v>
      </c>
      <c r="BP38" s="180">
        <v>0</v>
      </c>
      <c r="BQ38" s="180">
        <v>0</v>
      </c>
      <c r="BR38" s="178">
        <v>0</v>
      </c>
      <c r="BS38" s="181">
        <v>0</v>
      </c>
      <c r="BT38" s="182">
        <v>0</v>
      </c>
      <c r="BU38" s="177">
        <v>0</v>
      </c>
      <c r="BV38" s="178">
        <v>0</v>
      </c>
      <c r="BW38" s="178">
        <v>0</v>
      </c>
      <c r="BX38" s="179">
        <v>0</v>
      </c>
      <c r="BY38" s="180">
        <v>0</v>
      </c>
      <c r="BZ38" s="180">
        <v>0</v>
      </c>
      <c r="CA38" s="180">
        <v>0</v>
      </c>
      <c r="CB38" s="178">
        <v>0</v>
      </c>
      <c r="CC38" s="181">
        <v>0</v>
      </c>
      <c r="CD38" s="183">
        <v>0</v>
      </c>
      <c r="CE38" s="184">
        <v>0</v>
      </c>
      <c r="CF38" s="178">
        <v>0</v>
      </c>
      <c r="CG38" s="178">
        <v>0</v>
      </c>
      <c r="CH38" s="179">
        <v>0</v>
      </c>
      <c r="CI38" s="180">
        <v>0</v>
      </c>
      <c r="CJ38" s="180">
        <v>0</v>
      </c>
      <c r="CK38" s="180">
        <v>0</v>
      </c>
      <c r="CL38" s="178">
        <v>0</v>
      </c>
      <c r="CM38" s="181">
        <v>0</v>
      </c>
      <c r="CN38" s="183">
        <v>0</v>
      </c>
      <c r="CO38" s="184">
        <v>0</v>
      </c>
      <c r="CP38" s="178">
        <v>0</v>
      </c>
      <c r="CQ38" s="178">
        <v>0</v>
      </c>
      <c r="CR38" s="179">
        <v>3</v>
      </c>
      <c r="CS38" s="180">
        <v>1</v>
      </c>
      <c r="CT38" s="180">
        <v>7</v>
      </c>
      <c r="CU38" s="180">
        <v>8</v>
      </c>
      <c r="CV38" s="178">
        <v>5</v>
      </c>
      <c r="CW38" s="181">
        <v>24</v>
      </c>
      <c r="CX38" s="182">
        <v>24</v>
      </c>
      <c r="CY38" s="177">
        <v>0</v>
      </c>
      <c r="CZ38" s="178">
        <v>0</v>
      </c>
      <c r="DA38" s="178">
        <v>0</v>
      </c>
      <c r="DB38" s="179">
        <v>2</v>
      </c>
      <c r="DC38" s="180">
        <v>1</v>
      </c>
      <c r="DD38" s="180">
        <v>7</v>
      </c>
      <c r="DE38" s="180">
        <v>8</v>
      </c>
      <c r="DF38" s="178">
        <v>5</v>
      </c>
      <c r="DG38" s="181">
        <v>23</v>
      </c>
      <c r="DH38" s="183">
        <v>23</v>
      </c>
      <c r="DI38" s="184">
        <v>0</v>
      </c>
      <c r="DJ38" s="178">
        <v>0</v>
      </c>
      <c r="DK38" s="178">
        <v>0</v>
      </c>
      <c r="DL38" s="179">
        <v>1</v>
      </c>
      <c r="DM38" s="180">
        <v>0</v>
      </c>
      <c r="DN38" s="180">
        <v>0</v>
      </c>
      <c r="DO38" s="180">
        <v>0</v>
      </c>
      <c r="DP38" s="178">
        <v>0</v>
      </c>
      <c r="DQ38" s="181">
        <v>1</v>
      </c>
      <c r="DR38" s="183">
        <v>1</v>
      </c>
      <c r="DS38" s="184">
        <v>0</v>
      </c>
      <c r="DT38" s="178">
        <v>0</v>
      </c>
      <c r="DU38" s="178">
        <v>0</v>
      </c>
      <c r="DV38" s="179">
        <v>25</v>
      </c>
      <c r="DW38" s="180">
        <v>29</v>
      </c>
      <c r="DX38" s="180">
        <v>55</v>
      </c>
      <c r="DY38" s="180">
        <v>69</v>
      </c>
      <c r="DZ38" s="178">
        <v>47</v>
      </c>
      <c r="EA38" s="181">
        <v>225</v>
      </c>
      <c r="EB38" s="183">
        <v>225</v>
      </c>
      <c r="EC38" s="32"/>
    </row>
    <row r="39" spans="2:133" ht="21" customHeight="1" x14ac:dyDescent="0.2">
      <c r="B39" s="437" t="s">
        <v>36</v>
      </c>
      <c r="C39" s="177">
        <v>0</v>
      </c>
      <c r="D39" s="178">
        <v>0</v>
      </c>
      <c r="E39" s="178">
        <v>0</v>
      </c>
      <c r="F39" s="179">
        <v>0</v>
      </c>
      <c r="G39" s="180">
        <v>3</v>
      </c>
      <c r="H39" s="180">
        <v>61</v>
      </c>
      <c r="I39" s="180">
        <v>83</v>
      </c>
      <c r="J39" s="178">
        <v>73</v>
      </c>
      <c r="K39" s="181">
        <v>220</v>
      </c>
      <c r="L39" s="182">
        <v>220</v>
      </c>
      <c r="M39" s="177">
        <v>0</v>
      </c>
      <c r="N39" s="178">
        <v>0</v>
      </c>
      <c r="O39" s="181">
        <v>0</v>
      </c>
      <c r="P39" s="179">
        <v>0</v>
      </c>
      <c r="Q39" s="180">
        <v>3</v>
      </c>
      <c r="R39" s="180">
        <v>60</v>
      </c>
      <c r="S39" s="180">
        <v>78</v>
      </c>
      <c r="T39" s="178">
        <v>73</v>
      </c>
      <c r="U39" s="181">
        <v>214</v>
      </c>
      <c r="V39" s="183">
        <v>214</v>
      </c>
      <c r="W39" s="184">
        <v>0</v>
      </c>
      <c r="X39" s="178">
        <v>0</v>
      </c>
      <c r="Y39" s="181">
        <v>0</v>
      </c>
      <c r="Z39" s="184">
        <v>0</v>
      </c>
      <c r="AA39" s="180">
        <v>0</v>
      </c>
      <c r="AB39" s="180">
        <v>1</v>
      </c>
      <c r="AC39" s="180">
        <v>5</v>
      </c>
      <c r="AD39" s="178">
        <v>0</v>
      </c>
      <c r="AE39" s="181">
        <v>6</v>
      </c>
      <c r="AF39" s="185">
        <v>6</v>
      </c>
      <c r="AG39" s="184">
        <v>0</v>
      </c>
      <c r="AH39" s="178">
        <v>0</v>
      </c>
      <c r="AI39" s="181">
        <v>0</v>
      </c>
      <c r="AJ39" s="184">
        <v>15</v>
      </c>
      <c r="AK39" s="180">
        <v>21</v>
      </c>
      <c r="AL39" s="180">
        <v>32</v>
      </c>
      <c r="AM39" s="180">
        <v>51</v>
      </c>
      <c r="AN39" s="178">
        <v>21</v>
      </c>
      <c r="AO39" s="181">
        <v>140</v>
      </c>
      <c r="AP39" s="185">
        <v>140</v>
      </c>
      <c r="AQ39" s="184">
        <v>0</v>
      </c>
      <c r="AR39" s="178">
        <v>0</v>
      </c>
      <c r="AS39" s="181">
        <v>0</v>
      </c>
      <c r="AT39" s="179">
        <v>15</v>
      </c>
      <c r="AU39" s="180">
        <v>21</v>
      </c>
      <c r="AV39" s="180">
        <v>32</v>
      </c>
      <c r="AW39" s="180">
        <v>50</v>
      </c>
      <c r="AX39" s="178">
        <v>21</v>
      </c>
      <c r="AY39" s="181">
        <v>139</v>
      </c>
      <c r="AZ39" s="182">
        <v>139</v>
      </c>
      <c r="BA39" s="177">
        <v>0</v>
      </c>
      <c r="BB39" s="178">
        <v>0</v>
      </c>
      <c r="BC39" s="178">
        <v>0</v>
      </c>
      <c r="BD39" s="179">
        <v>0</v>
      </c>
      <c r="BE39" s="180">
        <v>0</v>
      </c>
      <c r="BF39" s="180">
        <v>0</v>
      </c>
      <c r="BG39" s="180">
        <v>1</v>
      </c>
      <c r="BH39" s="178">
        <v>0</v>
      </c>
      <c r="BI39" s="181">
        <v>1</v>
      </c>
      <c r="BJ39" s="183">
        <v>1</v>
      </c>
      <c r="BK39" s="184">
        <v>0</v>
      </c>
      <c r="BL39" s="178">
        <v>0</v>
      </c>
      <c r="BM39" s="178">
        <v>0</v>
      </c>
      <c r="BN39" s="179">
        <v>0</v>
      </c>
      <c r="BO39" s="180">
        <v>0</v>
      </c>
      <c r="BP39" s="180">
        <v>0</v>
      </c>
      <c r="BQ39" s="180">
        <v>1</v>
      </c>
      <c r="BR39" s="178">
        <v>1</v>
      </c>
      <c r="BS39" s="181">
        <v>2</v>
      </c>
      <c r="BT39" s="182">
        <v>2</v>
      </c>
      <c r="BU39" s="177">
        <v>0</v>
      </c>
      <c r="BV39" s="178">
        <v>0</v>
      </c>
      <c r="BW39" s="178">
        <v>0</v>
      </c>
      <c r="BX39" s="179">
        <v>0</v>
      </c>
      <c r="BY39" s="180">
        <v>0</v>
      </c>
      <c r="BZ39" s="180">
        <v>0</v>
      </c>
      <c r="CA39" s="180">
        <v>1</v>
      </c>
      <c r="CB39" s="178">
        <v>1</v>
      </c>
      <c r="CC39" s="181">
        <v>2</v>
      </c>
      <c r="CD39" s="183">
        <v>2</v>
      </c>
      <c r="CE39" s="184">
        <v>0</v>
      </c>
      <c r="CF39" s="178">
        <v>0</v>
      </c>
      <c r="CG39" s="178">
        <v>0</v>
      </c>
      <c r="CH39" s="179">
        <v>0</v>
      </c>
      <c r="CI39" s="180">
        <v>0</v>
      </c>
      <c r="CJ39" s="180">
        <v>0</v>
      </c>
      <c r="CK39" s="180">
        <v>0</v>
      </c>
      <c r="CL39" s="178">
        <v>0</v>
      </c>
      <c r="CM39" s="181">
        <v>0</v>
      </c>
      <c r="CN39" s="183">
        <v>0</v>
      </c>
      <c r="CO39" s="184">
        <v>0</v>
      </c>
      <c r="CP39" s="178">
        <v>0</v>
      </c>
      <c r="CQ39" s="178">
        <v>0</v>
      </c>
      <c r="CR39" s="179">
        <v>0</v>
      </c>
      <c r="CS39" s="180">
        <v>0</v>
      </c>
      <c r="CT39" s="180">
        <v>0</v>
      </c>
      <c r="CU39" s="180">
        <v>8</v>
      </c>
      <c r="CV39" s="178">
        <v>2</v>
      </c>
      <c r="CW39" s="181">
        <v>10</v>
      </c>
      <c r="CX39" s="182">
        <v>10</v>
      </c>
      <c r="CY39" s="177">
        <v>0</v>
      </c>
      <c r="CZ39" s="178">
        <v>0</v>
      </c>
      <c r="DA39" s="178">
        <v>0</v>
      </c>
      <c r="DB39" s="179">
        <v>0</v>
      </c>
      <c r="DC39" s="180">
        <v>0</v>
      </c>
      <c r="DD39" s="180">
        <v>0</v>
      </c>
      <c r="DE39" s="180">
        <v>7</v>
      </c>
      <c r="DF39" s="178">
        <v>2</v>
      </c>
      <c r="DG39" s="181">
        <v>9</v>
      </c>
      <c r="DH39" s="183">
        <v>9</v>
      </c>
      <c r="DI39" s="184">
        <v>0</v>
      </c>
      <c r="DJ39" s="178">
        <v>0</v>
      </c>
      <c r="DK39" s="178">
        <v>0</v>
      </c>
      <c r="DL39" s="179">
        <v>0</v>
      </c>
      <c r="DM39" s="180">
        <v>0</v>
      </c>
      <c r="DN39" s="180">
        <v>0</v>
      </c>
      <c r="DO39" s="180">
        <v>1</v>
      </c>
      <c r="DP39" s="178">
        <v>0</v>
      </c>
      <c r="DQ39" s="181">
        <v>1</v>
      </c>
      <c r="DR39" s="183">
        <v>1</v>
      </c>
      <c r="DS39" s="184">
        <v>0</v>
      </c>
      <c r="DT39" s="178">
        <v>0</v>
      </c>
      <c r="DU39" s="178">
        <v>0</v>
      </c>
      <c r="DV39" s="179">
        <v>15</v>
      </c>
      <c r="DW39" s="180">
        <v>24</v>
      </c>
      <c r="DX39" s="180">
        <v>92</v>
      </c>
      <c r="DY39" s="180">
        <v>142</v>
      </c>
      <c r="DZ39" s="178">
        <v>97</v>
      </c>
      <c r="EA39" s="181">
        <v>370</v>
      </c>
      <c r="EB39" s="183">
        <v>370</v>
      </c>
      <c r="EC39" s="32"/>
    </row>
    <row r="40" spans="2:133" ht="21" customHeight="1" thickBot="1" x14ac:dyDescent="0.25">
      <c r="B40" s="438" t="s">
        <v>37</v>
      </c>
      <c r="C40" s="186">
        <v>0</v>
      </c>
      <c r="D40" s="187">
        <v>0</v>
      </c>
      <c r="E40" s="187">
        <v>0</v>
      </c>
      <c r="F40" s="188">
        <v>0</v>
      </c>
      <c r="G40" s="189">
        <v>0</v>
      </c>
      <c r="H40" s="189">
        <v>5</v>
      </c>
      <c r="I40" s="189">
        <v>9</v>
      </c>
      <c r="J40" s="187">
        <v>7</v>
      </c>
      <c r="K40" s="190">
        <v>21</v>
      </c>
      <c r="L40" s="191">
        <v>21</v>
      </c>
      <c r="M40" s="186">
        <v>0</v>
      </c>
      <c r="N40" s="187">
        <v>0</v>
      </c>
      <c r="O40" s="190">
        <v>0</v>
      </c>
      <c r="P40" s="188">
        <v>0</v>
      </c>
      <c r="Q40" s="189">
        <v>0</v>
      </c>
      <c r="R40" s="189">
        <v>5</v>
      </c>
      <c r="S40" s="189">
        <v>9</v>
      </c>
      <c r="T40" s="187">
        <v>7</v>
      </c>
      <c r="U40" s="190">
        <v>21</v>
      </c>
      <c r="V40" s="192">
        <v>21</v>
      </c>
      <c r="W40" s="193">
        <v>0</v>
      </c>
      <c r="X40" s="187">
        <v>0</v>
      </c>
      <c r="Y40" s="190">
        <v>0</v>
      </c>
      <c r="Z40" s="193">
        <v>0</v>
      </c>
      <c r="AA40" s="189">
        <v>0</v>
      </c>
      <c r="AB40" s="189">
        <v>0</v>
      </c>
      <c r="AC40" s="189">
        <v>0</v>
      </c>
      <c r="AD40" s="187">
        <v>0</v>
      </c>
      <c r="AE40" s="190">
        <v>0</v>
      </c>
      <c r="AF40" s="194">
        <v>0</v>
      </c>
      <c r="AG40" s="193">
        <v>0</v>
      </c>
      <c r="AH40" s="187">
        <v>0</v>
      </c>
      <c r="AI40" s="190">
        <v>0</v>
      </c>
      <c r="AJ40" s="193">
        <v>2</v>
      </c>
      <c r="AK40" s="189">
        <v>4</v>
      </c>
      <c r="AL40" s="189">
        <v>9</v>
      </c>
      <c r="AM40" s="189">
        <v>1</v>
      </c>
      <c r="AN40" s="187">
        <v>2</v>
      </c>
      <c r="AO40" s="190">
        <v>18</v>
      </c>
      <c r="AP40" s="194">
        <v>18</v>
      </c>
      <c r="AQ40" s="193">
        <v>0</v>
      </c>
      <c r="AR40" s="187">
        <v>0</v>
      </c>
      <c r="AS40" s="190">
        <v>0</v>
      </c>
      <c r="AT40" s="188">
        <v>2</v>
      </c>
      <c r="AU40" s="189">
        <v>4</v>
      </c>
      <c r="AV40" s="189">
        <v>9</v>
      </c>
      <c r="AW40" s="189">
        <v>1</v>
      </c>
      <c r="AX40" s="187">
        <v>2</v>
      </c>
      <c r="AY40" s="190">
        <v>18</v>
      </c>
      <c r="AZ40" s="191">
        <v>18</v>
      </c>
      <c r="BA40" s="186">
        <v>0</v>
      </c>
      <c r="BB40" s="187">
        <v>0</v>
      </c>
      <c r="BC40" s="187">
        <v>0</v>
      </c>
      <c r="BD40" s="188">
        <v>0</v>
      </c>
      <c r="BE40" s="189">
        <v>0</v>
      </c>
      <c r="BF40" s="189">
        <v>0</v>
      </c>
      <c r="BG40" s="189">
        <v>0</v>
      </c>
      <c r="BH40" s="187">
        <v>0</v>
      </c>
      <c r="BI40" s="190">
        <v>0</v>
      </c>
      <c r="BJ40" s="192">
        <v>0</v>
      </c>
      <c r="BK40" s="193">
        <v>0</v>
      </c>
      <c r="BL40" s="187">
        <v>0</v>
      </c>
      <c r="BM40" s="187">
        <v>0</v>
      </c>
      <c r="BN40" s="188">
        <v>0</v>
      </c>
      <c r="BO40" s="189">
        <v>0</v>
      </c>
      <c r="BP40" s="189">
        <v>0</v>
      </c>
      <c r="BQ40" s="189">
        <v>0</v>
      </c>
      <c r="BR40" s="187">
        <v>0</v>
      </c>
      <c r="BS40" s="190">
        <v>0</v>
      </c>
      <c r="BT40" s="191">
        <v>0</v>
      </c>
      <c r="BU40" s="186">
        <v>0</v>
      </c>
      <c r="BV40" s="187">
        <v>0</v>
      </c>
      <c r="BW40" s="187">
        <v>0</v>
      </c>
      <c r="BX40" s="188">
        <v>0</v>
      </c>
      <c r="BY40" s="189">
        <v>0</v>
      </c>
      <c r="BZ40" s="189">
        <v>0</v>
      </c>
      <c r="CA40" s="189">
        <v>0</v>
      </c>
      <c r="CB40" s="187">
        <v>0</v>
      </c>
      <c r="CC40" s="190">
        <v>0</v>
      </c>
      <c r="CD40" s="192">
        <v>0</v>
      </c>
      <c r="CE40" s="193">
        <v>0</v>
      </c>
      <c r="CF40" s="187">
        <v>0</v>
      </c>
      <c r="CG40" s="187">
        <v>0</v>
      </c>
      <c r="CH40" s="188">
        <v>0</v>
      </c>
      <c r="CI40" s="189">
        <v>0</v>
      </c>
      <c r="CJ40" s="189">
        <v>0</v>
      </c>
      <c r="CK40" s="189">
        <v>0</v>
      </c>
      <c r="CL40" s="187">
        <v>0</v>
      </c>
      <c r="CM40" s="190">
        <v>0</v>
      </c>
      <c r="CN40" s="192">
        <v>0</v>
      </c>
      <c r="CO40" s="193">
        <v>0</v>
      </c>
      <c r="CP40" s="187">
        <v>0</v>
      </c>
      <c r="CQ40" s="187">
        <v>0</v>
      </c>
      <c r="CR40" s="188">
        <v>0</v>
      </c>
      <c r="CS40" s="189">
        <v>0</v>
      </c>
      <c r="CT40" s="189">
        <v>0</v>
      </c>
      <c r="CU40" s="189">
        <v>0</v>
      </c>
      <c r="CV40" s="187">
        <v>0</v>
      </c>
      <c r="CW40" s="190">
        <v>0</v>
      </c>
      <c r="CX40" s="191">
        <v>0</v>
      </c>
      <c r="CY40" s="186">
        <v>0</v>
      </c>
      <c r="CZ40" s="187">
        <v>0</v>
      </c>
      <c r="DA40" s="187">
        <v>0</v>
      </c>
      <c r="DB40" s="188">
        <v>0</v>
      </c>
      <c r="DC40" s="189">
        <v>0</v>
      </c>
      <c r="DD40" s="189">
        <v>0</v>
      </c>
      <c r="DE40" s="189">
        <v>0</v>
      </c>
      <c r="DF40" s="187">
        <v>0</v>
      </c>
      <c r="DG40" s="190">
        <v>0</v>
      </c>
      <c r="DH40" s="192">
        <v>0</v>
      </c>
      <c r="DI40" s="193">
        <v>0</v>
      </c>
      <c r="DJ40" s="187">
        <v>0</v>
      </c>
      <c r="DK40" s="187">
        <v>0</v>
      </c>
      <c r="DL40" s="188">
        <v>0</v>
      </c>
      <c r="DM40" s="189">
        <v>0</v>
      </c>
      <c r="DN40" s="189">
        <v>0</v>
      </c>
      <c r="DO40" s="189">
        <v>0</v>
      </c>
      <c r="DP40" s="187">
        <v>0</v>
      </c>
      <c r="DQ40" s="190">
        <v>0</v>
      </c>
      <c r="DR40" s="192">
        <v>0</v>
      </c>
      <c r="DS40" s="193">
        <v>0</v>
      </c>
      <c r="DT40" s="187">
        <v>0</v>
      </c>
      <c r="DU40" s="187">
        <v>0</v>
      </c>
      <c r="DV40" s="188">
        <v>2</v>
      </c>
      <c r="DW40" s="189">
        <v>4</v>
      </c>
      <c r="DX40" s="189">
        <v>14</v>
      </c>
      <c r="DY40" s="189">
        <v>10</v>
      </c>
      <c r="DZ40" s="187">
        <v>9</v>
      </c>
      <c r="EA40" s="190">
        <v>39</v>
      </c>
      <c r="EB40" s="192">
        <v>39</v>
      </c>
      <c r="EC40" s="32"/>
    </row>
    <row r="41" spans="2:133" x14ac:dyDescent="0.2">
      <c r="C41" s="33"/>
      <c r="D41" s="33"/>
      <c r="E41" s="33"/>
      <c r="F41" s="33"/>
      <c r="G41" s="33"/>
      <c r="H41" s="33"/>
      <c r="I41" s="33"/>
      <c r="J41" s="33"/>
      <c r="K41" s="33"/>
      <c r="L41" s="33"/>
      <c r="M41" s="33"/>
      <c r="N41" s="33"/>
      <c r="O41" s="33"/>
      <c r="P41" s="33"/>
      <c r="Q41" s="33"/>
      <c r="R41" s="33"/>
      <c r="S41" s="33"/>
      <c r="T41" s="33"/>
      <c r="U41" s="33"/>
      <c r="V41" s="33"/>
      <c r="W41" s="33"/>
      <c r="X41" s="33"/>
      <c r="Y41" s="33"/>
      <c r="Z41" s="33"/>
      <c r="AA41" s="33"/>
      <c r="AB41" s="33"/>
      <c r="AC41" s="33"/>
      <c r="AD41" s="33"/>
      <c r="AE41" s="33"/>
      <c r="AF41" s="33"/>
      <c r="AG41" s="32"/>
      <c r="AH41" s="32"/>
      <c r="AI41" s="32"/>
      <c r="AJ41" s="32"/>
      <c r="AK41" s="32"/>
      <c r="AL41" s="32"/>
      <c r="AM41" s="32"/>
      <c r="AN41" s="32"/>
      <c r="AO41" s="32"/>
      <c r="AP41" s="32"/>
      <c r="AQ41" s="32"/>
      <c r="AR41" s="32"/>
      <c r="AS41" s="32"/>
      <c r="AT41" s="32"/>
      <c r="AU41" s="32"/>
      <c r="AV41" s="32"/>
      <c r="AW41" s="32"/>
      <c r="AX41" s="32"/>
      <c r="AY41" s="32"/>
      <c r="AZ41" s="32"/>
      <c r="BA41" s="32"/>
      <c r="BB41" s="32"/>
      <c r="BC41" s="32"/>
      <c r="BD41" s="32"/>
      <c r="BE41" s="32"/>
      <c r="BF41" s="32"/>
      <c r="BG41" s="32"/>
      <c r="BH41" s="32"/>
      <c r="BI41" s="32"/>
      <c r="BJ41" s="32"/>
      <c r="BK41" s="32"/>
      <c r="BL41" s="32"/>
      <c r="BM41" s="32"/>
      <c r="BN41" s="32"/>
      <c r="BO41" s="32"/>
      <c r="BP41" s="32"/>
      <c r="BQ41" s="32"/>
      <c r="BR41" s="32"/>
      <c r="BS41" s="32"/>
      <c r="BT41" s="32"/>
      <c r="BU41" s="32"/>
      <c r="BV41" s="32"/>
      <c r="BW41" s="32"/>
      <c r="BX41" s="32"/>
      <c r="BY41" s="32"/>
      <c r="BZ41" s="32"/>
      <c r="CA41" s="32"/>
      <c r="CB41" s="32"/>
      <c r="CC41" s="32"/>
      <c r="CD41" s="32"/>
      <c r="CE41" s="32"/>
      <c r="CF41" s="32"/>
      <c r="CG41" s="32"/>
      <c r="CH41" s="32"/>
      <c r="CI41" s="32"/>
      <c r="CJ41" s="32"/>
      <c r="CK41" s="32"/>
      <c r="CL41" s="32"/>
      <c r="CM41" s="32"/>
      <c r="CN41" s="32"/>
      <c r="CO41" s="32"/>
      <c r="CP41" s="32"/>
      <c r="CQ41" s="32"/>
      <c r="CR41" s="32"/>
      <c r="CS41" s="32"/>
      <c r="CT41" s="32"/>
      <c r="CU41" s="32"/>
      <c r="CV41" s="32"/>
      <c r="CW41" s="32"/>
      <c r="CX41" s="32"/>
      <c r="CY41" s="32"/>
      <c r="CZ41" s="32"/>
      <c r="DA41" s="32"/>
      <c r="DB41" s="32"/>
      <c r="DC41" s="32"/>
      <c r="DD41" s="32"/>
      <c r="DE41" s="32"/>
      <c r="DF41" s="32"/>
      <c r="DG41" s="32"/>
      <c r="DH41" s="32"/>
      <c r="DI41" s="32"/>
      <c r="DJ41" s="32"/>
      <c r="DK41" s="32"/>
      <c r="DL41" s="32"/>
      <c r="DM41" s="32"/>
      <c r="DN41" s="32"/>
      <c r="DO41" s="32"/>
      <c r="DP41" s="32"/>
      <c r="DQ41" s="32"/>
      <c r="DR41" s="32"/>
      <c r="DS41" s="32"/>
      <c r="DT41" s="32"/>
      <c r="DU41" s="32"/>
      <c r="DV41" s="32"/>
      <c r="DW41" s="32"/>
      <c r="DX41" s="32"/>
      <c r="DY41" s="32"/>
      <c r="DZ41" s="32"/>
      <c r="EA41" s="32"/>
      <c r="EB41" s="32"/>
      <c r="EC41" s="32"/>
    </row>
    <row r="42" spans="2:133" x14ac:dyDescent="0.2">
      <c r="C42" s="33"/>
      <c r="D42" s="33"/>
      <c r="E42" s="33"/>
      <c r="F42" s="33"/>
      <c r="G42" s="33"/>
      <c r="H42" s="33"/>
      <c r="I42" s="33"/>
      <c r="J42" s="33"/>
      <c r="K42" s="33"/>
      <c r="L42" s="33"/>
      <c r="M42" s="33"/>
      <c r="N42" s="33"/>
      <c r="O42" s="33"/>
      <c r="P42" s="33"/>
      <c r="Q42" s="33"/>
      <c r="R42" s="33"/>
      <c r="S42" s="33"/>
      <c r="T42" s="33"/>
      <c r="U42" s="33"/>
      <c r="V42" s="33"/>
      <c r="W42" s="33"/>
      <c r="X42" s="33"/>
      <c r="Y42" s="33"/>
      <c r="Z42" s="33"/>
      <c r="AA42" s="33"/>
      <c r="AB42" s="33"/>
      <c r="AC42" s="33"/>
      <c r="AD42" s="33"/>
      <c r="AE42" s="33"/>
      <c r="AF42" s="33"/>
      <c r="AG42" s="32"/>
      <c r="AH42" s="32"/>
      <c r="AI42" s="32"/>
      <c r="AJ42" s="32"/>
      <c r="AK42" s="32"/>
      <c r="AL42" s="32"/>
      <c r="AM42" s="32"/>
      <c r="AN42" s="32"/>
      <c r="AO42" s="32"/>
      <c r="AP42" s="32"/>
      <c r="AQ42" s="32"/>
      <c r="AR42" s="32"/>
      <c r="AS42" s="32"/>
      <c r="AT42" s="32"/>
      <c r="AU42" s="32"/>
      <c r="AV42" s="32"/>
      <c r="AW42" s="32"/>
      <c r="AX42" s="32"/>
      <c r="AY42" s="32"/>
      <c r="AZ42" s="32"/>
      <c r="BA42" s="32"/>
      <c r="BB42" s="32"/>
      <c r="BC42" s="32"/>
      <c r="BD42" s="32"/>
      <c r="BE42" s="32"/>
      <c r="BF42" s="32"/>
      <c r="BG42" s="32"/>
      <c r="BH42" s="32"/>
      <c r="BI42" s="32"/>
      <c r="BJ42" s="32"/>
      <c r="BK42" s="32"/>
      <c r="BL42" s="32"/>
      <c r="BM42" s="32"/>
      <c r="BN42" s="32"/>
      <c r="BO42" s="32"/>
      <c r="BP42" s="32"/>
      <c r="BQ42" s="32"/>
      <c r="BR42" s="32"/>
      <c r="BS42" s="32"/>
      <c r="BT42" s="32"/>
      <c r="BU42" s="32"/>
      <c r="BV42" s="32"/>
      <c r="BW42" s="32"/>
      <c r="BX42" s="32"/>
      <c r="BY42" s="32"/>
      <c r="BZ42" s="32"/>
      <c r="CA42" s="32"/>
      <c r="CB42" s="32"/>
      <c r="CC42" s="32"/>
      <c r="CD42" s="32"/>
      <c r="CE42" s="32"/>
      <c r="CF42" s="32"/>
      <c r="CG42" s="32"/>
      <c r="CH42" s="32"/>
      <c r="CI42" s="32"/>
      <c r="CJ42" s="32"/>
      <c r="CK42" s="32"/>
      <c r="CL42" s="32"/>
      <c r="CM42" s="32"/>
      <c r="CN42" s="32"/>
      <c r="CO42" s="32"/>
      <c r="CP42" s="32"/>
      <c r="CQ42" s="32"/>
      <c r="CR42" s="32"/>
      <c r="CS42" s="32"/>
      <c r="CT42" s="32"/>
      <c r="CU42" s="32"/>
      <c r="CV42" s="32"/>
      <c r="CW42" s="32"/>
      <c r="CX42" s="32"/>
      <c r="CY42" s="32"/>
      <c r="CZ42" s="32"/>
      <c r="DA42" s="32"/>
      <c r="DB42" s="32"/>
      <c r="DC42" s="32"/>
      <c r="DD42" s="32"/>
      <c r="DE42" s="32"/>
      <c r="DF42" s="32"/>
      <c r="DG42" s="32"/>
      <c r="DH42" s="32"/>
      <c r="DI42" s="32"/>
      <c r="DJ42" s="32"/>
      <c r="DK42" s="32"/>
      <c r="DL42" s="32"/>
      <c r="DM42" s="32"/>
      <c r="DN42" s="32"/>
      <c r="DO42" s="32"/>
      <c r="DP42" s="32"/>
      <c r="DQ42" s="32"/>
      <c r="DR42" s="32"/>
      <c r="DS42" s="32"/>
      <c r="DT42" s="32"/>
      <c r="DU42" s="32"/>
      <c r="DV42" s="32"/>
      <c r="DW42" s="32"/>
      <c r="DX42" s="32"/>
      <c r="DY42" s="32"/>
      <c r="DZ42" s="32"/>
      <c r="EA42" s="32"/>
      <c r="EB42" s="32"/>
      <c r="EC42" s="32"/>
    </row>
    <row r="43" spans="2:133" x14ac:dyDescent="0.2">
      <c r="C43" s="33"/>
      <c r="D43" s="33"/>
      <c r="E43" s="33"/>
      <c r="F43" s="33"/>
      <c r="G43" s="33"/>
      <c r="H43" s="33"/>
      <c r="I43" s="33"/>
      <c r="J43" s="33"/>
      <c r="K43" s="33"/>
      <c r="L43" s="33"/>
      <c r="M43" s="33"/>
      <c r="N43" s="33"/>
      <c r="O43" s="33"/>
      <c r="P43" s="33"/>
      <c r="Q43" s="33"/>
      <c r="R43" s="33"/>
      <c r="S43" s="33"/>
      <c r="T43" s="33"/>
      <c r="U43" s="33"/>
      <c r="V43" s="33"/>
      <c r="W43" s="33"/>
      <c r="X43" s="33"/>
      <c r="Y43" s="33"/>
      <c r="Z43" s="33"/>
      <c r="AA43" s="33"/>
      <c r="AB43" s="33"/>
      <c r="AC43" s="33"/>
      <c r="AD43" s="33"/>
      <c r="AE43" s="33"/>
      <c r="AF43" s="33"/>
      <c r="AG43" s="32"/>
      <c r="AH43" s="32"/>
      <c r="AI43" s="32"/>
      <c r="AJ43" s="32"/>
      <c r="AK43" s="32"/>
      <c r="AL43" s="32"/>
      <c r="AM43" s="32"/>
      <c r="AN43" s="32"/>
      <c r="AO43" s="32"/>
      <c r="AP43" s="32"/>
      <c r="AQ43" s="32"/>
      <c r="AR43" s="32"/>
      <c r="AS43" s="32"/>
      <c r="AT43" s="32"/>
      <c r="AU43" s="32"/>
      <c r="AV43" s="32"/>
      <c r="AW43" s="32"/>
      <c r="AX43" s="32"/>
      <c r="AY43" s="32"/>
      <c r="AZ43" s="32"/>
      <c r="BA43" s="32"/>
      <c r="BB43" s="32"/>
      <c r="BC43" s="32"/>
      <c r="BD43" s="32"/>
      <c r="BE43" s="32"/>
      <c r="BF43" s="32"/>
      <c r="BG43" s="32"/>
      <c r="BH43" s="32"/>
      <c r="BI43" s="32"/>
      <c r="BJ43" s="32"/>
      <c r="BK43" s="32"/>
      <c r="BL43" s="32"/>
      <c r="BM43" s="32"/>
      <c r="BN43" s="32"/>
      <c r="BO43" s="32"/>
      <c r="BP43" s="32"/>
      <c r="BQ43" s="32"/>
      <c r="BR43" s="32"/>
      <c r="BS43" s="32"/>
      <c r="BT43" s="32"/>
      <c r="BU43" s="32"/>
      <c r="BV43" s="32"/>
      <c r="BW43" s="32"/>
      <c r="BX43" s="32"/>
      <c r="BY43" s="32"/>
      <c r="BZ43" s="32"/>
      <c r="CA43" s="32"/>
      <c r="CB43" s="32"/>
      <c r="CC43" s="32"/>
      <c r="CD43" s="32"/>
      <c r="CE43" s="32"/>
      <c r="CF43" s="32"/>
      <c r="CG43" s="32"/>
      <c r="CH43" s="32"/>
      <c r="CI43" s="32"/>
      <c r="CJ43" s="32"/>
      <c r="CK43" s="32"/>
      <c r="CL43" s="32"/>
      <c r="CM43" s="32"/>
      <c r="CN43" s="32"/>
      <c r="CO43" s="32"/>
      <c r="CP43" s="32"/>
      <c r="CQ43" s="32"/>
      <c r="CR43" s="32"/>
      <c r="CS43" s="32"/>
      <c r="CT43" s="32"/>
      <c r="CU43" s="32"/>
      <c r="CV43" s="32"/>
      <c r="CW43" s="32"/>
      <c r="CX43" s="32"/>
      <c r="CY43" s="32"/>
      <c r="CZ43" s="32"/>
      <c r="DA43" s="32"/>
      <c r="DB43" s="32"/>
      <c r="DC43" s="32"/>
      <c r="DD43" s="32"/>
      <c r="DE43" s="32"/>
      <c r="DF43" s="32"/>
      <c r="DG43" s="32"/>
      <c r="DH43" s="32"/>
      <c r="DI43" s="32"/>
      <c r="DJ43" s="32"/>
      <c r="DK43" s="32"/>
      <c r="DL43" s="32"/>
      <c r="DM43" s="32"/>
      <c r="DN43" s="32"/>
      <c r="DO43" s="32"/>
      <c r="DP43" s="32"/>
      <c r="DQ43" s="32"/>
      <c r="DR43" s="32"/>
      <c r="DS43" s="32"/>
      <c r="DT43" s="32"/>
      <c r="DU43" s="32"/>
      <c r="DV43" s="32"/>
      <c r="DW43" s="32"/>
      <c r="DX43" s="32"/>
      <c r="DY43" s="32"/>
      <c r="DZ43" s="32"/>
      <c r="EA43" s="32"/>
      <c r="EB43" s="32"/>
      <c r="EC43" s="32"/>
    </row>
    <row r="44" spans="2:133" x14ac:dyDescent="0.2">
      <c r="C44" s="33"/>
      <c r="D44" s="33"/>
      <c r="E44" s="33"/>
      <c r="F44" s="33"/>
      <c r="G44" s="33"/>
      <c r="H44" s="33"/>
      <c r="I44" s="33"/>
      <c r="J44" s="33"/>
      <c r="K44" s="33"/>
      <c r="L44" s="33"/>
      <c r="M44" s="33"/>
      <c r="N44" s="33"/>
      <c r="O44" s="33"/>
      <c r="P44" s="33"/>
      <c r="Q44" s="33"/>
      <c r="R44" s="33"/>
      <c r="S44" s="33"/>
      <c r="T44" s="33"/>
      <c r="U44" s="33"/>
      <c r="V44" s="33"/>
      <c r="W44" s="33"/>
      <c r="X44" s="33"/>
      <c r="Y44" s="33"/>
      <c r="Z44" s="33"/>
      <c r="AA44" s="33"/>
      <c r="AB44" s="33"/>
      <c r="AC44" s="33"/>
      <c r="AD44" s="33"/>
      <c r="AE44" s="33"/>
      <c r="AF44" s="33"/>
      <c r="AG44" s="32"/>
      <c r="AH44" s="32"/>
      <c r="AI44" s="32"/>
      <c r="AJ44" s="32"/>
      <c r="AK44" s="32"/>
      <c r="AL44" s="32"/>
      <c r="AM44" s="32"/>
      <c r="AN44" s="32"/>
      <c r="AO44" s="32"/>
      <c r="AP44" s="32"/>
      <c r="AQ44" s="32"/>
      <c r="AR44" s="32"/>
      <c r="AS44" s="32"/>
      <c r="AT44" s="32"/>
      <c r="AU44" s="32"/>
      <c r="AV44" s="32"/>
      <c r="AW44" s="32"/>
      <c r="AX44" s="32"/>
      <c r="AY44" s="32"/>
      <c r="AZ44" s="32"/>
      <c r="BA44" s="32"/>
      <c r="BB44" s="32"/>
      <c r="BC44" s="32"/>
      <c r="BD44" s="32"/>
      <c r="BE44" s="32"/>
      <c r="BF44" s="32"/>
      <c r="BG44" s="32"/>
      <c r="BH44" s="32"/>
      <c r="BI44" s="32"/>
      <c r="BJ44" s="32"/>
      <c r="BK44" s="32"/>
      <c r="BL44" s="32"/>
      <c r="BM44" s="32"/>
      <c r="BN44" s="32"/>
      <c r="BO44" s="32"/>
      <c r="BP44" s="32"/>
      <c r="BQ44" s="32"/>
      <c r="BR44" s="32"/>
      <c r="BS44" s="32"/>
      <c r="BT44" s="32"/>
      <c r="BU44" s="32"/>
      <c r="BV44" s="32"/>
      <c r="BW44" s="32"/>
      <c r="BX44" s="32"/>
      <c r="BY44" s="32"/>
      <c r="BZ44" s="32"/>
      <c r="CA44" s="32"/>
      <c r="CB44" s="32"/>
      <c r="CC44" s="32"/>
      <c r="CD44" s="32"/>
      <c r="CE44" s="32"/>
      <c r="CF44" s="32"/>
      <c r="CG44" s="32"/>
      <c r="CH44" s="32"/>
      <c r="CI44" s="32"/>
      <c r="CJ44" s="32"/>
      <c r="CK44" s="32"/>
      <c r="CL44" s="32"/>
      <c r="CM44" s="32"/>
      <c r="CN44" s="32"/>
      <c r="CO44" s="32"/>
      <c r="CP44" s="32"/>
      <c r="CQ44" s="32"/>
      <c r="CR44" s="32"/>
      <c r="CS44" s="32"/>
      <c r="CT44" s="32"/>
      <c r="CU44" s="32"/>
      <c r="CV44" s="32"/>
      <c r="CW44" s="32"/>
      <c r="CX44" s="32"/>
      <c r="CY44" s="32"/>
      <c r="CZ44" s="32"/>
      <c r="DA44" s="32"/>
      <c r="DB44" s="32"/>
      <c r="DC44" s="32"/>
      <c r="DD44" s="32"/>
      <c r="DE44" s="32"/>
      <c r="DF44" s="32"/>
      <c r="DG44" s="32"/>
      <c r="DH44" s="32"/>
      <c r="DI44" s="32"/>
      <c r="DJ44" s="32"/>
      <c r="DK44" s="32"/>
      <c r="DL44" s="32"/>
      <c r="DM44" s="32"/>
      <c r="DN44" s="32"/>
      <c r="DO44" s="32"/>
      <c r="DP44" s="32"/>
      <c r="DQ44" s="32"/>
      <c r="DR44" s="32"/>
      <c r="DS44" s="32"/>
      <c r="DT44" s="32"/>
      <c r="DU44" s="32"/>
      <c r="DV44" s="32"/>
      <c r="DW44" s="32"/>
      <c r="DX44" s="32"/>
      <c r="DY44" s="32"/>
      <c r="DZ44" s="32"/>
      <c r="EA44" s="32"/>
      <c r="EB44" s="32"/>
      <c r="EC44" s="32"/>
    </row>
    <row r="45" spans="2:133" x14ac:dyDescent="0.2">
      <c r="C45" s="33"/>
      <c r="D45" s="33"/>
      <c r="E45" s="33"/>
      <c r="F45" s="33"/>
      <c r="G45" s="33"/>
      <c r="H45" s="33"/>
      <c r="I45" s="33"/>
      <c r="J45" s="33"/>
      <c r="K45" s="33"/>
      <c r="L45" s="33"/>
      <c r="M45" s="33"/>
      <c r="N45" s="33"/>
      <c r="O45" s="33"/>
      <c r="P45" s="33"/>
      <c r="Q45" s="33"/>
      <c r="R45" s="33"/>
      <c r="S45" s="33"/>
      <c r="T45" s="33"/>
      <c r="U45" s="33"/>
      <c r="V45" s="33"/>
      <c r="W45" s="33"/>
      <c r="X45" s="33"/>
      <c r="Y45" s="33"/>
      <c r="Z45" s="33"/>
      <c r="AA45" s="33"/>
      <c r="AB45" s="33"/>
      <c r="AC45" s="33"/>
      <c r="AD45" s="33"/>
      <c r="AE45" s="33"/>
      <c r="AF45" s="33"/>
      <c r="AG45" s="32"/>
      <c r="AH45" s="32"/>
      <c r="AI45" s="32"/>
      <c r="AJ45" s="32"/>
      <c r="AK45" s="32"/>
      <c r="AL45" s="32"/>
      <c r="AM45" s="32"/>
      <c r="AN45" s="32"/>
      <c r="AO45" s="32"/>
      <c r="AP45" s="32"/>
      <c r="AQ45" s="32"/>
      <c r="AR45" s="32"/>
      <c r="AS45" s="32"/>
      <c r="AT45" s="32"/>
      <c r="AU45" s="32"/>
      <c r="AV45" s="32"/>
      <c r="AW45" s="32"/>
      <c r="AX45" s="32"/>
      <c r="AY45" s="32"/>
      <c r="AZ45" s="32"/>
      <c r="BA45" s="32"/>
      <c r="BB45" s="32"/>
      <c r="BC45" s="32"/>
      <c r="BD45" s="32"/>
      <c r="BE45" s="32"/>
      <c r="BF45" s="32"/>
      <c r="BG45" s="32"/>
      <c r="BH45" s="32"/>
      <c r="BI45" s="32"/>
      <c r="BJ45" s="32"/>
      <c r="BK45" s="32"/>
      <c r="BL45" s="32"/>
      <c r="BM45" s="32"/>
      <c r="BN45" s="32"/>
      <c r="BO45" s="32"/>
      <c r="BP45" s="32"/>
      <c r="BQ45" s="32"/>
      <c r="BR45" s="32"/>
      <c r="BS45" s="32"/>
      <c r="BT45" s="32"/>
      <c r="BU45" s="32"/>
      <c r="BV45" s="32"/>
      <c r="BW45" s="32"/>
      <c r="BX45" s="32"/>
      <c r="BY45" s="32"/>
      <c r="BZ45" s="32"/>
      <c r="CA45" s="32"/>
      <c r="CB45" s="32"/>
      <c r="CC45" s="32"/>
      <c r="CD45" s="32"/>
      <c r="CE45" s="32"/>
      <c r="CF45" s="32"/>
      <c r="CG45" s="32"/>
      <c r="CH45" s="32"/>
      <c r="CI45" s="32"/>
      <c r="CJ45" s="32"/>
      <c r="CK45" s="32"/>
      <c r="CL45" s="32"/>
      <c r="CM45" s="32"/>
      <c r="CN45" s="32"/>
      <c r="CO45" s="32"/>
      <c r="CP45" s="32"/>
      <c r="CQ45" s="32"/>
      <c r="CR45" s="32"/>
      <c r="CS45" s="32"/>
      <c r="CT45" s="32"/>
      <c r="CU45" s="32"/>
      <c r="CV45" s="32"/>
      <c r="CW45" s="32"/>
      <c r="CX45" s="32"/>
      <c r="CY45" s="32"/>
      <c r="CZ45" s="32"/>
      <c r="DA45" s="32"/>
      <c r="DB45" s="32"/>
      <c r="DC45" s="32"/>
      <c r="DD45" s="32"/>
      <c r="DE45" s="32"/>
      <c r="DF45" s="32"/>
      <c r="DG45" s="32"/>
      <c r="DH45" s="32"/>
      <c r="DI45" s="32"/>
      <c r="DJ45" s="32"/>
      <c r="DK45" s="32"/>
      <c r="DL45" s="32"/>
      <c r="DM45" s="32"/>
      <c r="DN45" s="32"/>
      <c r="DO45" s="32"/>
      <c r="DP45" s="32"/>
      <c r="DQ45" s="32"/>
      <c r="DR45" s="32"/>
      <c r="DS45" s="32"/>
      <c r="DT45" s="32"/>
      <c r="DU45" s="32"/>
      <c r="DV45" s="32"/>
      <c r="DW45" s="32"/>
      <c r="DX45" s="32"/>
      <c r="DY45" s="32"/>
      <c r="DZ45" s="32"/>
      <c r="EA45" s="32"/>
      <c r="EB45" s="32"/>
      <c r="EC45" s="32"/>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5" width="7.88671875" style="38" customWidth="1"/>
    <col min="6" max="6" width="8.109375" style="38" customWidth="1"/>
    <col min="7"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102" width="9" style="38"/>
    <col min="103" max="148" width="9" style="39"/>
    <col min="149" max="149" width="7.77734375" style="39" customWidth="1"/>
    <col min="150" max="159" width="9" style="39"/>
    <col min="160" max="160" width="8.109375" style="39" customWidth="1"/>
    <col min="161" max="16384" width="9" style="39"/>
  </cols>
  <sheetData>
    <row r="1" spans="2:299" ht="24" customHeight="1" x14ac:dyDescent="0.2">
      <c r="B1" s="10" t="s">
        <v>120</v>
      </c>
      <c r="F1" s="495">
        <f>第１表!F2</f>
        <v>6</v>
      </c>
      <c r="G1" s="495"/>
      <c r="H1" s="231">
        <f>第１表!G2</f>
        <v>2</v>
      </c>
      <c r="I1" s="494">
        <f>H1</f>
        <v>2</v>
      </c>
      <c r="J1" s="494"/>
    </row>
    <row r="2" spans="2:299" ht="24" customHeight="1" thickBot="1" x14ac:dyDescent="0.25">
      <c r="B2" s="15" t="s">
        <v>128</v>
      </c>
    </row>
    <row r="3" spans="2:299" ht="21" customHeight="1" thickBot="1" x14ac:dyDescent="0.25">
      <c r="B3" s="481" t="s">
        <v>38</v>
      </c>
      <c r="C3" s="476" t="s">
        <v>96</v>
      </c>
      <c r="D3" s="476"/>
      <c r="E3" s="476"/>
      <c r="F3" s="476"/>
      <c r="G3" s="476"/>
      <c r="H3" s="476"/>
      <c r="I3" s="476"/>
      <c r="J3" s="476"/>
      <c r="K3" s="476"/>
      <c r="L3" s="476"/>
      <c r="M3" s="476"/>
      <c r="N3" s="476"/>
      <c r="O3" s="476"/>
      <c r="P3" s="476"/>
      <c r="Q3" s="476"/>
      <c r="R3" s="476"/>
      <c r="S3" s="476"/>
      <c r="T3" s="476"/>
      <c r="U3" s="476"/>
      <c r="V3" s="476"/>
      <c r="W3" s="476"/>
      <c r="X3" s="476"/>
      <c r="Y3" s="476"/>
      <c r="Z3" s="476"/>
      <c r="AA3" s="476"/>
      <c r="AB3" s="476"/>
      <c r="AC3" s="476"/>
      <c r="AD3" s="476"/>
      <c r="AE3" s="476"/>
      <c r="AF3" s="476"/>
      <c r="AG3" s="476"/>
      <c r="AH3" s="476"/>
      <c r="AI3" s="476"/>
      <c r="AJ3" s="476"/>
      <c r="AK3" s="476"/>
      <c r="AL3" s="476"/>
      <c r="AM3" s="476"/>
      <c r="AN3" s="476"/>
      <c r="AO3" s="476"/>
      <c r="AP3" s="476"/>
      <c r="AQ3" s="476"/>
      <c r="AR3" s="476"/>
      <c r="AS3" s="476"/>
      <c r="AT3" s="476"/>
      <c r="AU3" s="476"/>
      <c r="AV3" s="476"/>
      <c r="AW3" s="476"/>
      <c r="AX3" s="476"/>
      <c r="AY3" s="476"/>
      <c r="AZ3" s="476"/>
      <c r="BA3" s="476"/>
      <c r="BB3" s="476"/>
      <c r="BC3" s="476"/>
      <c r="BD3" s="476"/>
      <c r="BE3" s="476"/>
      <c r="BF3" s="476"/>
      <c r="BG3" s="476"/>
      <c r="BH3" s="476"/>
      <c r="BI3" s="476"/>
      <c r="BJ3" s="476"/>
      <c r="BK3" s="476"/>
      <c r="BL3" s="476"/>
      <c r="BM3" s="476"/>
      <c r="BN3" s="476"/>
      <c r="BO3" s="476"/>
      <c r="BP3" s="476"/>
      <c r="BQ3" s="476"/>
      <c r="BR3" s="476"/>
      <c r="BS3" s="476"/>
      <c r="BT3" s="476"/>
      <c r="BU3" s="476"/>
      <c r="BV3" s="476"/>
      <c r="BW3" s="476"/>
      <c r="BX3" s="476"/>
      <c r="BY3" s="476"/>
      <c r="BZ3" s="476"/>
      <c r="CA3" s="476"/>
      <c r="CB3" s="476"/>
      <c r="CC3" s="476"/>
      <c r="CD3" s="476"/>
      <c r="CE3" s="476"/>
      <c r="CF3" s="476"/>
      <c r="CG3" s="476"/>
      <c r="CH3" s="476"/>
      <c r="CI3" s="476"/>
      <c r="CJ3" s="476"/>
      <c r="CK3" s="476"/>
      <c r="CL3" s="476"/>
      <c r="CM3" s="476"/>
      <c r="CN3" s="476"/>
      <c r="CO3" s="476"/>
      <c r="CP3" s="476"/>
      <c r="CQ3" s="476"/>
      <c r="CR3" s="476"/>
      <c r="CS3" s="476"/>
      <c r="CT3" s="476"/>
      <c r="CU3" s="476"/>
      <c r="CV3" s="476"/>
      <c r="CW3" s="477"/>
      <c r="CX3" s="476" t="s">
        <v>103</v>
      </c>
      <c r="CY3" s="476"/>
      <c r="CZ3" s="476"/>
      <c r="DA3" s="476"/>
      <c r="DB3" s="476"/>
      <c r="DC3" s="476"/>
      <c r="DD3" s="476"/>
      <c r="DE3" s="476"/>
      <c r="DF3" s="476"/>
      <c r="DG3" s="476"/>
      <c r="DH3" s="476"/>
      <c r="DI3" s="476"/>
      <c r="DJ3" s="476"/>
      <c r="DK3" s="476"/>
      <c r="DL3" s="476"/>
      <c r="DM3" s="476"/>
      <c r="DN3" s="476"/>
      <c r="DO3" s="476"/>
      <c r="DP3" s="476"/>
      <c r="DQ3" s="476"/>
      <c r="DR3" s="476"/>
      <c r="DS3" s="476"/>
      <c r="DT3" s="476"/>
      <c r="DU3" s="476"/>
      <c r="DV3" s="476"/>
      <c r="DW3" s="476"/>
      <c r="DX3" s="476"/>
      <c r="DY3" s="476"/>
      <c r="DZ3" s="476"/>
      <c r="EA3" s="476"/>
      <c r="EB3" s="476"/>
      <c r="EC3" s="476"/>
      <c r="ED3" s="476"/>
      <c r="EE3" s="476"/>
      <c r="EF3" s="476"/>
      <c r="EG3" s="476"/>
      <c r="EH3" s="476"/>
      <c r="EI3" s="476"/>
      <c r="EJ3" s="476"/>
      <c r="EK3" s="476"/>
      <c r="EL3" s="476"/>
      <c r="EM3" s="476"/>
      <c r="EN3" s="476"/>
      <c r="EO3" s="476"/>
      <c r="EP3" s="476"/>
      <c r="EQ3" s="476"/>
      <c r="ER3" s="476"/>
      <c r="ES3" s="476"/>
      <c r="ET3" s="476"/>
      <c r="EU3" s="476"/>
      <c r="EV3" s="476"/>
      <c r="EW3" s="476"/>
      <c r="EX3" s="476"/>
      <c r="EY3" s="476"/>
      <c r="EZ3" s="476"/>
      <c r="FA3" s="476"/>
      <c r="FB3" s="476"/>
      <c r="FC3" s="476"/>
      <c r="FD3" s="476"/>
      <c r="FE3" s="476"/>
      <c r="FF3" s="476"/>
      <c r="FG3" s="476"/>
      <c r="FH3" s="476"/>
      <c r="FI3" s="476"/>
      <c r="FJ3" s="476"/>
      <c r="FK3" s="476"/>
      <c r="FL3" s="476"/>
      <c r="FM3" s="476"/>
      <c r="FN3" s="476"/>
      <c r="FO3" s="476"/>
      <c r="FP3" s="476"/>
      <c r="FQ3" s="476"/>
      <c r="FR3" s="476"/>
      <c r="FS3" s="476"/>
      <c r="FT3" s="476"/>
      <c r="FU3" s="476"/>
      <c r="FV3" s="476"/>
      <c r="FW3" s="476"/>
      <c r="FX3" s="476"/>
      <c r="FY3" s="476"/>
      <c r="FZ3" s="476"/>
      <c r="GA3" s="476"/>
      <c r="GB3" s="476"/>
      <c r="GC3" s="476"/>
      <c r="GD3" s="476"/>
      <c r="GE3" s="476"/>
      <c r="GF3" s="476"/>
      <c r="GG3" s="476"/>
      <c r="GH3" s="476"/>
      <c r="GI3" s="476"/>
      <c r="GJ3" s="476"/>
      <c r="GK3" s="476"/>
      <c r="GL3" s="476"/>
      <c r="GM3" s="476"/>
      <c r="GN3" s="476"/>
      <c r="GO3" s="476"/>
      <c r="GP3" s="476"/>
      <c r="GQ3" s="476"/>
      <c r="GR3" s="477"/>
      <c r="GS3" s="476" t="s">
        <v>104</v>
      </c>
      <c r="GT3" s="476"/>
      <c r="GU3" s="476"/>
      <c r="GV3" s="476"/>
      <c r="GW3" s="476"/>
      <c r="GX3" s="476"/>
      <c r="GY3" s="476"/>
      <c r="GZ3" s="476"/>
      <c r="HA3" s="476"/>
      <c r="HB3" s="476"/>
      <c r="HC3" s="476"/>
      <c r="HD3" s="476"/>
      <c r="HE3" s="476"/>
      <c r="HF3" s="476"/>
      <c r="HG3" s="476"/>
      <c r="HH3" s="476"/>
      <c r="HI3" s="476"/>
      <c r="HJ3" s="476"/>
      <c r="HK3" s="476"/>
      <c r="HL3" s="476"/>
      <c r="HM3" s="476"/>
      <c r="HN3" s="476"/>
      <c r="HO3" s="476"/>
      <c r="HP3" s="476"/>
      <c r="HQ3" s="476"/>
      <c r="HR3" s="476"/>
      <c r="HS3" s="476"/>
      <c r="HT3" s="476"/>
      <c r="HU3" s="476"/>
      <c r="HV3" s="476"/>
      <c r="HW3" s="476"/>
      <c r="HX3" s="476"/>
      <c r="HY3" s="476"/>
      <c r="HZ3" s="476"/>
      <c r="IA3" s="476"/>
      <c r="IB3" s="476"/>
      <c r="IC3" s="476"/>
      <c r="ID3" s="476"/>
      <c r="IE3" s="476"/>
      <c r="IF3" s="476"/>
      <c r="IG3" s="476"/>
      <c r="IH3" s="476"/>
      <c r="II3" s="476"/>
      <c r="IJ3" s="476"/>
      <c r="IK3" s="476"/>
      <c r="IL3" s="476"/>
      <c r="IM3" s="476"/>
      <c r="IN3" s="476"/>
      <c r="IO3" s="476"/>
      <c r="IP3" s="476"/>
      <c r="IQ3" s="476"/>
      <c r="IR3" s="476"/>
      <c r="IS3" s="476"/>
      <c r="IT3" s="476"/>
      <c r="IU3" s="476"/>
      <c r="IV3" s="476"/>
      <c r="IW3" s="476"/>
      <c r="IX3" s="476"/>
      <c r="IY3" s="476"/>
      <c r="IZ3" s="476"/>
      <c r="JA3" s="476"/>
      <c r="JB3" s="476"/>
      <c r="JC3" s="476"/>
      <c r="JD3" s="476"/>
      <c r="JE3" s="476"/>
      <c r="JF3" s="476"/>
      <c r="JG3" s="476"/>
      <c r="JH3" s="476"/>
      <c r="JI3" s="476"/>
      <c r="JJ3" s="476"/>
      <c r="JK3" s="476"/>
      <c r="JL3" s="476"/>
      <c r="JM3" s="476"/>
      <c r="JN3" s="476"/>
      <c r="JO3" s="476"/>
      <c r="JP3" s="476"/>
      <c r="JQ3" s="476"/>
      <c r="JR3" s="476"/>
      <c r="JS3" s="476"/>
      <c r="JT3" s="476"/>
      <c r="JU3" s="476"/>
      <c r="JV3" s="476"/>
      <c r="JW3" s="476"/>
      <c r="JX3" s="476"/>
      <c r="JY3" s="476"/>
      <c r="JZ3" s="476"/>
      <c r="KA3" s="476"/>
      <c r="KB3" s="476"/>
      <c r="KC3" s="476"/>
      <c r="KD3" s="476"/>
      <c r="KE3" s="476"/>
      <c r="KF3" s="476"/>
      <c r="KG3" s="476"/>
      <c r="KH3" s="476"/>
      <c r="KI3" s="476"/>
      <c r="KJ3" s="476"/>
      <c r="KK3" s="476"/>
      <c r="KL3" s="476"/>
      <c r="KM3" s="477"/>
    </row>
    <row r="4" spans="2:299" ht="21" customHeight="1" thickBot="1" x14ac:dyDescent="0.25">
      <c r="B4" s="493"/>
      <c r="C4" s="478" t="s">
        <v>39</v>
      </c>
      <c r="D4" s="479"/>
      <c r="E4" s="479"/>
      <c r="F4" s="479"/>
      <c r="G4" s="479"/>
      <c r="H4" s="479"/>
      <c r="I4" s="479"/>
      <c r="J4" s="479"/>
      <c r="K4" s="479"/>
      <c r="L4" s="479"/>
      <c r="M4" s="479"/>
      <c r="N4" s="479"/>
      <c r="O4" s="479"/>
      <c r="P4" s="479"/>
      <c r="Q4" s="479"/>
      <c r="R4" s="479"/>
      <c r="S4" s="479"/>
      <c r="T4" s="479"/>
      <c r="U4" s="479"/>
      <c r="V4" s="479"/>
      <c r="W4" s="479"/>
      <c r="X4" s="479"/>
      <c r="Y4" s="479"/>
      <c r="Z4" s="479"/>
      <c r="AA4" s="479"/>
      <c r="AB4" s="479"/>
      <c r="AC4" s="479"/>
      <c r="AD4" s="479"/>
      <c r="AE4" s="479"/>
      <c r="AF4" s="479"/>
      <c r="AG4" s="479"/>
      <c r="AH4" s="479"/>
      <c r="AI4" s="479"/>
      <c r="AJ4" s="479"/>
      <c r="AK4" s="479"/>
      <c r="AL4" s="479"/>
      <c r="AM4" s="479"/>
      <c r="AN4" s="479"/>
      <c r="AO4" s="479"/>
      <c r="AP4" s="479"/>
      <c r="AQ4" s="479"/>
      <c r="AR4" s="479"/>
      <c r="AS4" s="479"/>
      <c r="AT4" s="479"/>
      <c r="AU4" s="479"/>
      <c r="AV4" s="479"/>
      <c r="AW4" s="479"/>
      <c r="AX4" s="479"/>
      <c r="AY4" s="479"/>
      <c r="AZ4" s="479"/>
      <c r="BA4" s="479"/>
      <c r="BB4" s="479"/>
      <c r="BC4" s="479"/>
      <c r="BD4" s="479"/>
      <c r="BE4" s="479"/>
      <c r="BF4" s="479"/>
      <c r="BG4" s="479"/>
      <c r="BH4" s="479"/>
      <c r="BI4" s="479"/>
      <c r="BJ4" s="479"/>
      <c r="BK4" s="479"/>
      <c r="BL4" s="479"/>
      <c r="BM4" s="479"/>
      <c r="BN4" s="479"/>
      <c r="BO4" s="479"/>
      <c r="BP4" s="479"/>
      <c r="BQ4" s="479"/>
      <c r="BR4" s="479"/>
      <c r="BS4" s="479"/>
      <c r="BT4" s="479"/>
      <c r="BU4" s="479"/>
      <c r="BV4" s="479"/>
      <c r="BW4" s="479"/>
      <c r="BX4" s="479"/>
      <c r="BY4" s="479"/>
      <c r="BZ4" s="479"/>
      <c r="CA4" s="480"/>
      <c r="CB4" s="481" t="s">
        <v>40</v>
      </c>
      <c r="CC4" s="482"/>
      <c r="CD4" s="482"/>
      <c r="CE4" s="482"/>
      <c r="CF4" s="482"/>
      <c r="CG4" s="482"/>
      <c r="CH4" s="482"/>
      <c r="CI4" s="482"/>
      <c r="CJ4" s="482"/>
      <c r="CK4" s="482"/>
      <c r="CL4" s="483"/>
      <c r="CM4" s="481" t="s">
        <v>41</v>
      </c>
      <c r="CN4" s="482"/>
      <c r="CO4" s="482"/>
      <c r="CP4" s="482"/>
      <c r="CQ4" s="482"/>
      <c r="CR4" s="482"/>
      <c r="CS4" s="482"/>
      <c r="CT4" s="482"/>
      <c r="CU4" s="482"/>
      <c r="CV4" s="482"/>
      <c r="CW4" s="483"/>
      <c r="CX4" s="478" t="s">
        <v>39</v>
      </c>
      <c r="CY4" s="479"/>
      <c r="CZ4" s="479"/>
      <c r="DA4" s="479"/>
      <c r="DB4" s="479"/>
      <c r="DC4" s="479"/>
      <c r="DD4" s="479"/>
      <c r="DE4" s="479"/>
      <c r="DF4" s="479"/>
      <c r="DG4" s="479"/>
      <c r="DH4" s="479"/>
      <c r="DI4" s="479"/>
      <c r="DJ4" s="479"/>
      <c r="DK4" s="479"/>
      <c r="DL4" s="479"/>
      <c r="DM4" s="479"/>
      <c r="DN4" s="479"/>
      <c r="DO4" s="479"/>
      <c r="DP4" s="479"/>
      <c r="DQ4" s="479"/>
      <c r="DR4" s="479"/>
      <c r="DS4" s="479"/>
      <c r="DT4" s="479"/>
      <c r="DU4" s="479"/>
      <c r="DV4" s="479"/>
      <c r="DW4" s="479"/>
      <c r="DX4" s="479"/>
      <c r="DY4" s="479"/>
      <c r="DZ4" s="479"/>
      <c r="EA4" s="479"/>
      <c r="EB4" s="479"/>
      <c r="EC4" s="479"/>
      <c r="ED4" s="479"/>
      <c r="EE4" s="479"/>
      <c r="EF4" s="479"/>
      <c r="EG4" s="479"/>
      <c r="EH4" s="479"/>
      <c r="EI4" s="479"/>
      <c r="EJ4" s="479"/>
      <c r="EK4" s="479"/>
      <c r="EL4" s="479"/>
      <c r="EM4" s="479"/>
      <c r="EN4" s="479"/>
      <c r="EO4" s="479"/>
      <c r="EP4" s="479"/>
      <c r="EQ4" s="479"/>
      <c r="ER4" s="479"/>
      <c r="ES4" s="479"/>
      <c r="ET4" s="479"/>
      <c r="EU4" s="479"/>
      <c r="EV4" s="479"/>
      <c r="EW4" s="479"/>
      <c r="EX4" s="479"/>
      <c r="EY4" s="479"/>
      <c r="EZ4" s="479"/>
      <c r="FA4" s="479"/>
      <c r="FB4" s="479"/>
      <c r="FC4" s="479"/>
      <c r="FD4" s="479"/>
      <c r="FE4" s="479"/>
      <c r="FF4" s="479"/>
      <c r="FG4" s="479"/>
      <c r="FH4" s="479"/>
      <c r="FI4" s="479"/>
      <c r="FJ4" s="479"/>
      <c r="FK4" s="479"/>
      <c r="FL4" s="479"/>
      <c r="FM4" s="479"/>
      <c r="FN4" s="479"/>
      <c r="FO4" s="479"/>
      <c r="FP4" s="479"/>
      <c r="FQ4" s="479"/>
      <c r="FR4" s="479"/>
      <c r="FS4" s="479"/>
      <c r="FT4" s="479"/>
      <c r="FU4" s="479"/>
      <c r="FV4" s="480"/>
      <c r="FW4" s="481" t="s">
        <v>40</v>
      </c>
      <c r="FX4" s="482"/>
      <c r="FY4" s="482"/>
      <c r="FZ4" s="482"/>
      <c r="GA4" s="482"/>
      <c r="GB4" s="482"/>
      <c r="GC4" s="482"/>
      <c r="GD4" s="482"/>
      <c r="GE4" s="482"/>
      <c r="GF4" s="482"/>
      <c r="GG4" s="483"/>
      <c r="GH4" s="481" t="s">
        <v>41</v>
      </c>
      <c r="GI4" s="482"/>
      <c r="GJ4" s="482"/>
      <c r="GK4" s="482"/>
      <c r="GL4" s="482"/>
      <c r="GM4" s="482"/>
      <c r="GN4" s="482"/>
      <c r="GO4" s="482"/>
      <c r="GP4" s="482"/>
      <c r="GQ4" s="482"/>
      <c r="GR4" s="483"/>
      <c r="GS4" s="478" t="s">
        <v>39</v>
      </c>
      <c r="GT4" s="479"/>
      <c r="GU4" s="479"/>
      <c r="GV4" s="479"/>
      <c r="GW4" s="479"/>
      <c r="GX4" s="479"/>
      <c r="GY4" s="479"/>
      <c r="GZ4" s="479"/>
      <c r="HA4" s="479"/>
      <c r="HB4" s="479"/>
      <c r="HC4" s="479"/>
      <c r="HD4" s="479"/>
      <c r="HE4" s="479"/>
      <c r="HF4" s="479"/>
      <c r="HG4" s="479"/>
      <c r="HH4" s="479"/>
      <c r="HI4" s="479"/>
      <c r="HJ4" s="479"/>
      <c r="HK4" s="479"/>
      <c r="HL4" s="479"/>
      <c r="HM4" s="479"/>
      <c r="HN4" s="479"/>
      <c r="HO4" s="479"/>
      <c r="HP4" s="479"/>
      <c r="HQ4" s="479"/>
      <c r="HR4" s="479"/>
      <c r="HS4" s="479"/>
      <c r="HT4" s="479"/>
      <c r="HU4" s="479"/>
      <c r="HV4" s="479"/>
      <c r="HW4" s="479"/>
      <c r="HX4" s="479"/>
      <c r="HY4" s="479"/>
      <c r="HZ4" s="479"/>
      <c r="IA4" s="479"/>
      <c r="IB4" s="479"/>
      <c r="IC4" s="479"/>
      <c r="ID4" s="479"/>
      <c r="IE4" s="479"/>
      <c r="IF4" s="479"/>
      <c r="IG4" s="479"/>
      <c r="IH4" s="479"/>
      <c r="II4" s="479"/>
      <c r="IJ4" s="479"/>
      <c r="IK4" s="479"/>
      <c r="IL4" s="479"/>
      <c r="IM4" s="479"/>
      <c r="IN4" s="479"/>
      <c r="IO4" s="479"/>
      <c r="IP4" s="479"/>
      <c r="IQ4" s="479"/>
      <c r="IR4" s="479"/>
      <c r="IS4" s="479"/>
      <c r="IT4" s="479"/>
      <c r="IU4" s="479"/>
      <c r="IV4" s="479"/>
      <c r="IW4" s="479"/>
      <c r="IX4" s="479"/>
      <c r="IY4" s="479"/>
      <c r="IZ4" s="479"/>
      <c r="JA4" s="479"/>
      <c r="JB4" s="479"/>
      <c r="JC4" s="479"/>
      <c r="JD4" s="479"/>
      <c r="JE4" s="479"/>
      <c r="JF4" s="479"/>
      <c r="JG4" s="479"/>
      <c r="JH4" s="479"/>
      <c r="JI4" s="479"/>
      <c r="JJ4" s="479"/>
      <c r="JK4" s="479"/>
      <c r="JL4" s="479"/>
      <c r="JM4" s="479"/>
      <c r="JN4" s="479"/>
      <c r="JO4" s="479"/>
      <c r="JP4" s="479"/>
      <c r="JQ4" s="480"/>
      <c r="JR4" s="481" t="s">
        <v>40</v>
      </c>
      <c r="JS4" s="482"/>
      <c r="JT4" s="482"/>
      <c r="JU4" s="482"/>
      <c r="JV4" s="482"/>
      <c r="JW4" s="482"/>
      <c r="JX4" s="482"/>
      <c r="JY4" s="482"/>
      <c r="JZ4" s="482"/>
      <c r="KA4" s="482"/>
      <c r="KB4" s="483"/>
      <c r="KC4" s="481" t="s">
        <v>41</v>
      </c>
      <c r="KD4" s="482"/>
      <c r="KE4" s="482"/>
      <c r="KF4" s="482"/>
      <c r="KG4" s="482"/>
      <c r="KH4" s="482"/>
      <c r="KI4" s="482"/>
      <c r="KJ4" s="482"/>
      <c r="KK4" s="482"/>
      <c r="KL4" s="482"/>
      <c r="KM4" s="483"/>
    </row>
    <row r="5" spans="2:299" ht="21" customHeight="1" thickBot="1" x14ac:dyDescent="0.25">
      <c r="B5" s="487"/>
      <c r="C5" s="487"/>
      <c r="D5" s="488"/>
      <c r="E5" s="488"/>
      <c r="F5" s="488"/>
      <c r="G5" s="488"/>
      <c r="H5" s="488"/>
      <c r="I5" s="488"/>
      <c r="J5" s="488"/>
      <c r="K5" s="488"/>
      <c r="L5" s="488"/>
      <c r="M5" s="489"/>
      <c r="N5" s="490" t="s">
        <v>97</v>
      </c>
      <c r="O5" s="491"/>
      <c r="P5" s="491"/>
      <c r="Q5" s="491"/>
      <c r="R5" s="491"/>
      <c r="S5" s="491"/>
      <c r="T5" s="491"/>
      <c r="U5" s="491"/>
      <c r="V5" s="491"/>
      <c r="W5" s="491"/>
      <c r="X5" s="492"/>
      <c r="Y5" s="490" t="s">
        <v>98</v>
      </c>
      <c r="Z5" s="491"/>
      <c r="AA5" s="491"/>
      <c r="AB5" s="491"/>
      <c r="AC5" s="491"/>
      <c r="AD5" s="491"/>
      <c r="AE5" s="491"/>
      <c r="AF5" s="491"/>
      <c r="AG5" s="491"/>
      <c r="AH5" s="491"/>
      <c r="AI5" s="492"/>
      <c r="AJ5" s="490" t="s">
        <v>99</v>
      </c>
      <c r="AK5" s="491"/>
      <c r="AL5" s="491"/>
      <c r="AM5" s="491"/>
      <c r="AN5" s="491"/>
      <c r="AO5" s="491"/>
      <c r="AP5" s="491"/>
      <c r="AQ5" s="491"/>
      <c r="AR5" s="491"/>
      <c r="AS5" s="491"/>
      <c r="AT5" s="492"/>
      <c r="AU5" s="490" t="s">
        <v>100</v>
      </c>
      <c r="AV5" s="491"/>
      <c r="AW5" s="491"/>
      <c r="AX5" s="491"/>
      <c r="AY5" s="491"/>
      <c r="AZ5" s="491"/>
      <c r="BA5" s="491"/>
      <c r="BB5" s="491"/>
      <c r="BC5" s="491"/>
      <c r="BD5" s="491"/>
      <c r="BE5" s="492"/>
      <c r="BF5" s="490" t="s">
        <v>101</v>
      </c>
      <c r="BG5" s="491"/>
      <c r="BH5" s="491"/>
      <c r="BI5" s="491"/>
      <c r="BJ5" s="491"/>
      <c r="BK5" s="491"/>
      <c r="BL5" s="491"/>
      <c r="BM5" s="491"/>
      <c r="BN5" s="491"/>
      <c r="BO5" s="491"/>
      <c r="BP5" s="492"/>
      <c r="BQ5" s="490" t="s">
        <v>102</v>
      </c>
      <c r="BR5" s="491"/>
      <c r="BS5" s="491"/>
      <c r="BT5" s="491"/>
      <c r="BU5" s="491"/>
      <c r="BV5" s="491"/>
      <c r="BW5" s="491"/>
      <c r="BX5" s="491"/>
      <c r="BY5" s="491"/>
      <c r="BZ5" s="491"/>
      <c r="CA5" s="492"/>
      <c r="CB5" s="484"/>
      <c r="CC5" s="485"/>
      <c r="CD5" s="485"/>
      <c r="CE5" s="485"/>
      <c r="CF5" s="485"/>
      <c r="CG5" s="485"/>
      <c r="CH5" s="485"/>
      <c r="CI5" s="485"/>
      <c r="CJ5" s="485"/>
      <c r="CK5" s="485"/>
      <c r="CL5" s="486"/>
      <c r="CM5" s="484"/>
      <c r="CN5" s="485"/>
      <c r="CO5" s="485"/>
      <c r="CP5" s="485"/>
      <c r="CQ5" s="485"/>
      <c r="CR5" s="485"/>
      <c r="CS5" s="485"/>
      <c r="CT5" s="485"/>
      <c r="CU5" s="485"/>
      <c r="CV5" s="485"/>
      <c r="CW5" s="486"/>
      <c r="CX5" s="487"/>
      <c r="CY5" s="488"/>
      <c r="CZ5" s="488"/>
      <c r="DA5" s="488"/>
      <c r="DB5" s="488"/>
      <c r="DC5" s="488"/>
      <c r="DD5" s="488"/>
      <c r="DE5" s="488"/>
      <c r="DF5" s="488"/>
      <c r="DG5" s="488"/>
      <c r="DH5" s="489"/>
      <c r="DI5" s="490" t="s">
        <v>97</v>
      </c>
      <c r="DJ5" s="491"/>
      <c r="DK5" s="491"/>
      <c r="DL5" s="491"/>
      <c r="DM5" s="491"/>
      <c r="DN5" s="491"/>
      <c r="DO5" s="491"/>
      <c r="DP5" s="491"/>
      <c r="DQ5" s="491"/>
      <c r="DR5" s="491"/>
      <c r="DS5" s="492"/>
      <c r="DT5" s="490" t="s">
        <v>98</v>
      </c>
      <c r="DU5" s="491"/>
      <c r="DV5" s="491"/>
      <c r="DW5" s="491"/>
      <c r="DX5" s="491"/>
      <c r="DY5" s="491"/>
      <c r="DZ5" s="491"/>
      <c r="EA5" s="491"/>
      <c r="EB5" s="491"/>
      <c r="EC5" s="491"/>
      <c r="ED5" s="492"/>
      <c r="EE5" s="490" t="s">
        <v>99</v>
      </c>
      <c r="EF5" s="491"/>
      <c r="EG5" s="491"/>
      <c r="EH5" s="491"/>
      <c r="EI5" s="491"/>
      <c r="EJ5" s="491"/>
      <c r="EK5" s="491"/>
      <c r="EL5" s="491"/>
      <c r="EM5" s="491"/>
      <c r="EN5" s="491"/>
      <c r="EO5" s="492"/>
      <c r="EP5" s="490" t="s">
        <v>100</v>
      </c>
      <c r="EQ5" s="491"/>
      <c r="ER5" s="491"/>
      <c r="ES5" s="491"/>
      <c r="ET5" s="491"/>
      <c r="EU5" s="491"/>
      <c r="EV5" s="491"/>
      <c r="EW5" s="491"/>
      <c r="EX5" s="491"/>
      <c r="EY5" s="491"/>
      <c r="EZ5" s="492"/>
      <c r="FA5" s="490" t="s">
        <v>101</v>
      </c>
      <c r="FB5" s="491"/>
      <c r="FC5" s="491"/>
      <c r="FD5" s="491"/>
      <c r="FE5" s="491"/>
      <c r="FF5" s="491"/>
      <c r="FG5" s="491"/>
      <c r="FH5" s="491"/>
      <c r="FI5" s="491"/>
      <c r="FJ5" s="491"/>
      <c r="FK5" s="492"/>
      <c r="FL5" s="490" t="s">
        <v>102</v>
      </c>
      <c r="FM5" s="491"/>
      <c r="FN5" s="491"/>
      <c r="FO5" s="491"/>
      <c r="FP5" s="491"/>
      <c r="FQ5" s="491"/>
      <c r="FR5" s="491"/>
      <c r="FS5" s="491"/>
      <c r="FT5" s="491"/>
      <c r="FU5" s="491"/>
      <c r="FV5" s="492"/>
      <c r="FW5" s="484"/>
      <c r="FX5" s="485"/>
      <c r="FY5" s="485"/>
      <c r="FZ5" s="485"/>
      <c r="GA5" s="485"/>
      <c r="GB5" s="485"/>
      <c r="GC5" s="485"/>
      <c r="GD5" s="485"/>
      <c r="GE5" s="485"/>
      <c r="GF5" s="485"/>
      <c r="GG5" s="486"/>
      <c r="GH5" s="484"/>
      <c r="GI5" s="485"/>
      <c r="GJ5" s="485"/>
      <c r="GK5" s="485"/>
      <c r="GL5" s="485"/>
      <c r="GM5" s="485"/>
      <c r="GN5" s="485"/>
      <c r="GO5" s="485"/>
      <c r="GP5" s="485"/>
      <c r="GQ5" s="485"/>
      <c r="GR5" s="486"/>
      <c r="GS5" s="487"/>
      <c r="GT5" s="488"/>
      <c r="GU5" s="488"/>
      <c r="GV5" s="488"/>
      <c r="GW5" s="488"/>
      <c r="GX5" s="488"/>
      <c r="GY5" s="488"/>
      <c r="GZ5" s="488"/>
      <c r="HA5" s="488"/>
      <c r="HB5" s="488"/>
      <c r="HC5" s="489"/>
      <c r="HD5" s="490" t="s">
        <v>97</v>
      </c>
      <c r="HE5" s="491"/>
      <c r="HF5" s="491"/>
      <c r="HG5" s="491"/>
      <c r="HH5" s="491"/>
      <c r="HI5" s="491"/>
      <c r="HJ5" s="491"/>
      <c r="HK5" s="491"/>
      <c r="HL5" s="491"/>
      <c r="HM5" s="491"/>
      <c r="HN5" s="492"/>
      <c r="HO5" s="490" t="s">
        <v>98</v>
      </c>
      <c r="HP5" s="491"/>
      <c r="HQ5" s="491"/>
      <c r="HR5" s="491"/>
      <c r="HS5" s="491"/>
      <c r="HT5" s="491"/>
      <c r="HU5" s="491"/>
      <c r="HV5" s="491"/>
      <c r="HW5" s="491"/>
      <c r="HX5" s="491"/>
      <c r="HY5" s="492"/>
      <c r="HZ5" s="490" t="s">
        <v>99</v>
      </c>
      <c r="IA5" s="491"/>
      <c r="IB5" s="491"/>
      <c r="IC5" s="491"/>
      <c r="ID5" s="491"/>
      <c r="IE5" s="491"/>
      <c r="IF5" s="491"/>
      <c r="IG5" s="491"/>
      <c r="IH5" s="491"/>
      <c r="II5" s="491"/>
      <c r="IJ5" s="492"/>
      <c r="IK5" s="490" t="s">
        <v>100</v>
      </c>
      <c r="IL5" s="491"/>
      <c r="IM5" s="491"/>
      <c r="IN5" s="491"/>
      <c r="IO5" s="491"/>
      <c r="IP5" s="491"/>
      <c r="IQ5" s="491"/>
      <c r="IR5" s="491"/>
      <c r="IS5" s="491"/>
      <c r="IT5" s="491"/>
      <c r="IU5" s="492"/>
      <c r="IV5" s="490" t="s">
        <v>101</v>
      </c>
      <c r="IW5" s="491"/>
      <c r="IX5" s="491"/>
      <c r="IY5" s="491"/>
      <c r="IZ5" s="491"/>
      <c r="JA5" s="491"/>
      <c r="JB5" s="491"/>
      <c r="JC5" s="491"/>
      <c r="JD5" s="491"/>
      <c r="JE5" s="491"/>
      <c r="JF5" s="492"/>
      <c r="JG5" s="490" t="s">
        <v>102</v>
      </c>
      <c r="JH5" s="491"/>
      <c r="JI5" s="491"/>
      <c r="JJ5" s="491"/>
      <c r="JK5" s="491"/>
      <c r="JL5" s="491"/>
      <c r="JM5" s="491"/>
      <c r="JN5" s="491"/>
      <c r="JO5" s="491"/>
      <c r="JP5" s="491"/>
      <c r="JQ5" s="492"/>
      <c r="JR5" s="484"/>
      <c r="JS5" s="485"/>
      <c r="JT5" s="485"/>
      <c r="JU5" s="485"/>
      <c r="JV5" s="485"/>
      <c r="JW5" s="485"/>
      <c r="JX5" s="485"/>
      <c r="JY5" s="485"/>
      <c r="JZ5" s="485"/>
      <c r="KA5" s="485"/>
      <c r="KB5" s="486"/>
      <c r="KC5" s="484"/>
      <c r="KD5" s="485"/>
      <c r="KE5" s="485"/>
      <c r="KF5" s="485"/>
      <c r="KG5" s="485"/>
      <c r="KH5" s="485"/>
      <c r="KI5" s="485"/>
      <c r="KJ5" s="485"/>
      <c r="KK5" s="485"/>
      <c r="KL5" s="485"/>
      <c r="KM5" s="486"/>
    </row>
    <row r="6" spans="2:299" ht="30" customHeight="1" thickBot="1" x14ac:dyDescent="0.25">
      <c r="B6" s="289" t="s">
        <v>42</v>
      </c>
      <c r="C6" s="43" t="s">
        <v>43</v>
      </c>
      <c r="D6" s="41" t="s">
        <v>44</v>
      </c>
      <c r="E6" s="42" t="s">
        <v>45</v>
      </c>
      <c r="F6" s="44" t="s">
        <v>46</v>
      </c>
      <c r="G6" s="41" t="s">
        <v>47</v>
      </c>
      <c r="H6" s="41" t="s">
        <v>48</v>
      </c>
      <c r="I6" s="41" t="s">
        <v>49</v>
      </c>
      <c r="J6" s="41" t="s">
        <v>50</v>
      </c>
      <c r="K6" s="41" t="s">
        <v>51</v>
      </c>
      <c r="L6" s="42" t="s">
        <v>45</v>
      </c>
      <c r="M6" s="45" t="s">
        <v>52</v>
      </c>
      <c r="N6" s="314" t="s">
        <v>43</v>
      </c>
      <c r="O6" s="315" t="s">
        <v>44</v>
      </c>
      <c r="P6" s="316" t="s">
        <v>45</v>
      </c>
      <c r="Q6" s="317" t="s">
        <v>46</v>
      </c>
      <c r="R6" s="315" t="s">
        <v>47</v>
      </c>
      <c r="S6" s="315" t="s">
        <v>48</v>
      </c>
      <c r="T6" s="315" t="s">
        <v>49</v>
      </c>
      <c r="U6" s="315" t="s">
        <v>50</v>
      </c>
      <c r="V6" s="315" t="s">
        <v>51</v>
      </c>
      <c r="W6" s="316" t="s">
        <v>45</v>
      </c>
      <c r="X6" s="313" t="s">
        <v>52</v>
      </c>
      <c r="Y6" s="314" t="s">
        <v>43</v>
      </c>
      <c r="Z6" s="315" t="s">
        <v>44</v>
      </c>
      <c r="AA6" s="316" t="s">
        <v>45</v>
      </c>
      <c r="AB6" s="317" t="s">
        <v>46</v>
      </c>
      <c r="AC6" s="315" t="s">
        <v>47</v>
      </c>
      <c r="AD6" s="315" t="s">
        <v>48</v>
      </c>
      <c r="AE6" s="315" t="s">
        <v>49</v>
      </c>
      <c r="AF6" s="315" t="s">
        <v>50</v>
      </c>
      <c r="AG6" s="315" t="s">
        <v>51</v>
      </c>
      <c r="AH6" s="316" t="s">
        <v>45</v>
      </c>
      <c r="AI6" s="318" t="s">
        <v>52</v>
      </c>
      <c r="AJ6" s="314" t="s">
        <v>43</v>
      </c>
      <c r="AK6" s="315" t="s">
        <v>44</v>
      </c>
      <c r="AL6" s="316" t="s">
        <v>45</v>
      </c>
      <c r="AM6" s="317" t="s">
        <v>46</v>
      </c>
      <c r="AN6" s="315" t="s">
        <v>47</v>
      </c>
      <c r="AO6" s="315" t="s">
        <v>48</v>
      </c>
      <c r="AP6" s="315" t="s">
        <v>49</v>
      </c>
      <c r="AQ6" s="315" t="s">
        <v>50</v>
      </c>
      <c r="AR6" s="315" t="s">
        <v>51</v>
      </c>
      <c r="AS6" s="316" t="s">
        <v>45</v>
      </c>
      <c r="AT6" s="318" t="s">
        <v>52</v>
      </c>
      <c r="AU6" s="314" t="s">
        <v>43</v>
      </c>
      <c r="AV6" s="315" t="s">
        <v>44</v>
      </c>
      <c r="AW6" s="316" t="s">
        <v>45</v>
      </c>
      <c r="AX6" s="317" t="s">
        <v>46</v>
      </c>
      <c r="AY6" s="315" t="s">
        <v>47</v>
      </c>
      <c r="AZ6" s="315" t="s">
        <v>48</v>
      </c>
      <c r="BA6" s="315" t="s">
        <v>49</v>
      </c>
      <c r="BB6" s="315" t="s">
        <v>50</v>
      </c>
      <c r="BC6" s="315" t="s">
        <v>51</v>
      </c>
      <c r="BD6" s="316" t="s">
        <v>45</v>
      </c>
      <c r="BE6" s="318" t="s">
        <v>52</v>
      </c>
      <c r="BF6" s="314" t="s">
        <v>43</v>
      </c>
      <c r="BG6" s="315" t="s">
        <v>44</v>
      </c>
      <c r="BH6" s="316" t="s">
        <v>45</v>
      </c>
      <c r="BI6" s="317" t="s">
        <v>46</v>
      </c>
      <c r="BJ6" s="315" t="s">
        <v>47</v>
      </c>
      <c r="BK6" s="315" t="s">
        <v>48</v>
      </c>
      <c r="BL6" s="315" t="s">
        <v>49</v>
      </c>
      <c r="BM6" s="315" t="s">
        <v>50</v>
      </c>
      <c r="BN6" s="315" t="s">
        <v>51</v>
      </c>
      <c r="BO6" s="316" t="s">
        <v>45</v>
      </c>
      <c r="BP6" s="318" t="s">
        <v>52</v>
      </c>
      <c r="BQ6" s="314" t="s">
        <v>43</v>
      </c>
      <c r="BR6" s="315" t="s">
        <v>44</v>
      </c>
      <c r="BS6" s="316" t="s">
        <v>45</v>
      </c>
      <c r="BT6" s="317" t="s">
        <v>46</v>
      </c>
      <c r="BU6" s="315" t="s">
        <v>47</v>
      </c>
      <c r="BV6" s="315" t="s">
        <v>48</v>
      </c>
      <c r="BW6" s="315" t="s">
        <v>49</v>
      </c>
      <c r="BX6" s="315" t="s">
        <v>50</v>
      </c>
      <c r="BY6" s="315" t="s">
        <v>51</v>
      </c>
      <c r="BZ6" s="316" t="s">
        <v>45</v>
      </c>
      <c r="CA6" s="318" t="s">
        <v>52</v>
      </c>
      <c r="CB6" s="314" t="s">
        <v>43</v>
      </c>
      <c r="CC6" s="315" t="s">
        <v>44</v>
      </c>
      <c r="CD6" s="316" t="s">
        <v>45</v>
      </c>
      <c r="CE6" s="317" t="s">
        <v>46</v>
      </c>
      <c r="CF6" s="315" t="s">
        <v>47</v>
      </c>
      <c r="CG6" s="315" t="s">
        <v>48</v>
      </c>
      <c r="CH6" s="315" t="s">
        <v>49</v>
      </c>
      <c r="CI6" s="315" t="s">
        <v>50</v>
      </c>
      <c r="CJ6" s="315" t="s">
        <v>51</v>
      </c>
      <c r="CK6" s="316" t="s">
        <v>45</v>
      </c>
      <c r="CL6" s="318" t="s">
        <v>52</v>
      </c>
      <c r="CM6" s="314" t="s">
        <v>43</v>
      </c>
      <c r="CN6" s="315" t="s">
        <v>44</v>
      </c>
      <c r="CO6" s="316" t="s">
        <v>45</v>
      </c>
      <c r="CP6" s="317" t="s">
        <v>46</v>
      </c>
      <c r="CQ6" s="315" t="s">
        <v>47</v>
      </c>
      <c r="CR6" s="315" t="s">
        <v>48</v>
      </c>
      <c r="CS6" s="315" t="s">
        <v>49</v>
      </c>
      <c r="CT6" s="315" t="s">
        <v>50</v>
      </c>
      <c r="CU6" s="315" t="s">
        <v>51</v>
      </c>
      <c r="CV6" s="316" t="s">
        <v>45</v>
      </c>
      <c r="CW6" s="318" t="s">
        <v>52</v>
      </c>
      <c r="CX6" s="43" t="s">
        <v>43</v>
      </c>
      <c r="CY6" s="41" t="s">
        <v>44</v>
      </c>
      <c r="CZ6" s="42" t="s">
        <v>45</v>
      </c>
      <c r="DA6" s="44" t="s">
        <v>46</v>
      </c>
      <c r="DB6" s="41" t="s">
        <v>47</v>
      </c>
      <c r="DC6" s="41" t="s">
        <v>48</v>
      </c>
      <c r="DD6" s="41" t="s">
        <v>49</v>
      </c>
      <c r="DE6" s="41" t="s">
        <v>50</v>
      </c>
      <c r="DF6" s="41" t="s">
        <v>51</v>
      </c>
      <c r="DG6" s="42" t="s">
        <v>45</v>
      </c>
      <c r="DH6" s="45" t="s">
        <v>52</v>
      </c>
      <c r="DI6" s="314" t="s">
        <v>43</v>
      </c>
      <c r="DJ6" s="315" t="s">
        <v>44</v>
      </c>
      <c r="DK6" s="316" t="s">
        <v>45</v>
      </c>
      <c r="DL6" s="317" t="s">
        <v>46</v>
      </c>
      <c r="DM6" s="315" t="s">
        <v>47</v>
      </c>
      <c r="DN6" s="315" t="s">
        <v>48</v>
      </c>
      <c r="DO6" s="315" t="s">
        <v>49</v>
      </c>
      <c r="DP6" s="315" t="s">
        <v>50</v>
      </c>
      <c r="DQ6" s="315" t="s">
        <v>51</v>
      </c>
      <c r="DR6" s="316" t="s">
        <v>45</v>
      </c>
      <c r="DS6" s="318" t="s">
        <v>52</v>
      </c>
      <c r="DT6" s="314" t="s">
        <v>43</v>
      </c>
      <c r="DU6" s="315" t="s">
        <v>44</v>
      </c>
      <c r="DV6" s="316" t="s">
        <v>45</v>
      </c>
      <c r="DW6" s="317" t="s">
        <v>46</v>
      </c>
      <c r="DX6" s="315" t="s">
        <v>47</v>
      </c>
      <c r="DY6" s="315" t="s">
        <v>48</v>
      </c>
      <c r="DZ6" s="315" t="s">
        <v>49</v>
      </c>
      <c r="EA6" s="315" t="s">
        <v>50</v>
      </c>
      <c r="EB6" s="315" t="s">
        <v>51</v>
      </c>
      <c r="EC6" s="316" t="s">
        <v>45</v>
      </c>
      <c r="ED6" s="318" t="s">
        <v>52</v>
      </c>
      <c r="EE6" s="314" t="s">
        <v>43</v>
      </c>
      <c r="EF6" s="315" t="s">
        <v>44</v>
      </c>
      <c r="EG6" s="316" t="s">
        <v>45</v>
      </c>
      <c r="EH6" s="317" t="s">
        <v>46</v>
      </c>
      <c r="EI6" s="315" t="s">
        <v>47</v>
      </c>
      <c r="EJ6" s="315" t="s">
        <v>48</v>
      </c>
      <c r="EK6" s="315" t="s">
        <v>49</v>
      </c>
      <c r="EL6" s="315" t="s">
        <v>50</v>
      </c>
      <c r="EM6" s="315" t="s">
        <v>51</v>
      </c>
      <c r="EN6" s="316" t="s">
        <v>45</v>
      </c>
      <c r="EO6" s="318" t="s">
        <v>52</v>
      </c>
      <c r="EP6" s="314" t="s">
        <v>43</v>
      </c>
      <c r="EQ6" s="315" t="s">
        <v>44</v>
      </c>
      <c r="ER6" s="316" t="s">
        <v>45</v>
      </c>
      <c r="ES6" s="317" t="s">
        <v>46</v>
      </c>
      <c r="ET6" s="315" t="s">
        <v>47</v>
      </c>
      <c r="EU6" s="315" t="s">
        <v>48</v>
      </c>
      <c r="EV6" s="315" t="s">
        <v>49</v>
      </c>
      <c r="EW6" s="315" t="s">
        <v>50</v>
      </c>
      <c r="EX6" s="315" t="s">
        <v>51</v>
      </c>
      <c r="EY6" s="316" t="s">
        <v>45</v>
      </c>
      <c r="EZ6" s="318" t="s">
        <v>52</v>
      </c>
      <c r="FA6" s="314" t="s">
        <v>43</v>
      </c>
      <c r="FB6" s="315" t="s">
        <v>44</v>
      </c>
      <c r="FC6" s="316" t="s">
        <v>45</v>
      </c>
      <c r="FD6" s="317" t="s">
        <v>46</v>
      </c>
      <c r="FE6" s="315" t="s">
        <v>47</v>
      </c>
      <c r="FF6" s="315" t="s">
        <v>48</v>
      </c>
      <c r="FG6" s="315" t="s">
        <v>49</v>
      </c>
      <c r="FH6" s="315" t="s">
        <v>50</v>
      </c>
      <c r="FI6" s="315" t="s">
        <v>51</v>
      </c>
      <c r="FJ6" s="316" t="s">
        <v>45</v>
      </c>
      <c r="FK6" s="318" t="s">
        <v>52</v>
      </c>
      <c r="FL6" s="314" t="s">
        <v>43</v>
      </c>
      <c r="FM6" s="315" t="s">
        <v>44</v>
      </c>
      <c r="FN6" s="316" t="s">
        <v>45</v>
      </c>
      <c r="FO6" s="317" t="s">
        <v>46</v>
      </c>
      <c r="FP6" s="315" t="s">
        <v>47</v>
      </c>
      <c r="FQ6" s="315" t="s">
        <v>48</v>
      </c>
      <c r="FR6" s="315" t="s">
        <v>49</v>
      </c>
      <c r="FS6" s="315" t="s">
        <v>50</v>
      </c>
      <c r="FT6" s="315" t="s">
        <v>51</v>
      </c>
      <c r="FU6" s="316" t="s">
        <v>45</v>
      </c>
      <c r="FV6" s="318" t="s">
        <v>52</v>
      </c>
      <c r="FW6" s="314" t="s">
        <v>43</v>
      </c>
      <c r="FX6" s="315" t="s">
        <v>44</v>
      </c>
      <c r="FY6" s="316" t="s">
        <v>45</v>
      </c>
      <c r="FZ6" s="317" t="s">
        <v>46</v>
      </c>
      <c r="GA6" s="315" t="s">
        <v>47</v>
      </c>
      <c r="GB6" s="315" t="s">
        <v>48</v>
      </c>
      <c r="GC6" s="315" t="s">
        <v>49</v>
      </c>
      <c r="GD6" s="315" t="s">
        <v>50</v>
      </c>
      <c r="GE6" s="315" t="s">
        <v>51</v>
      </c>
      <c r="GF6" s="316" t="s">
        <v>45</v>
      </c>
      <c r="GG6" s="318" t="s">
        <v>52</v>
      </c>
      <c r="GH6" s="314" t="s">
        <v>43</v>
      </c>
      <c r="GI6" s="315" t="s">
        <v>44</v>
      </c>
      <c r="GJ6" s="316" t="s">
        <v>45</v>
      </c>
      <c r="GK6" s="317" t="s">
        <v>46</v>
      </c>
      <c r="GL6" s="315" t="s">
        <v>47</v>
      </c>
      <c r="GM6" s="315" t="s">
        <v>48</v>
      </c>
      <c r="GN6" s="315" t="s">
        <v>49</v>
      </c>
      <c r="GO6" s="315" t="s">
        <v>50</v>
      </c>
      <c r="GP6" s="315" t="s">
        <v>51</v>
      </c>
      <c r="GQ6" s="316" t="s">
        <v>45</v>
      </c>
      <c r="GR6" s="318" t="s">
        <v>52</v>
      </c>
      <c r="GS6" s="43" t="s">
        <v>43</v>
      </c>
      <c r="GT6" s="41" t="s">
        <v>44</v>
      </c>
      <c r="GU6" s="42" t="s">
        <v>45</v>
      </c>
      <c r="GV6" s="44" t="s">
        <v>46</v>
      </c>
      <c r="GW6" s="41" t="s">
        <v>47</v>
      </c>
      <c r="GX6" s="41" t="s">
        <v>48</v>
      </c>
      <c r="GY6" s="41" t="s">
        <v>49</v>
      </c>
      <c r="GZ6" s="41" t="s">
        <v>50</v>
      </c>
      <c r="HA6" s="41" t="s">
        <v>51</v>
      </c>
      <c r="HB6" s="42" t="s">
        <v>45</v>
      </c>
      <c r="HC6" s="45" t="s">
        <v>52</v>
      </c>
      <c r="HD6" s="314" t="s">
        <v>43</v>
      </c>
      <c r="HE6" s="315" t="s">
        <v>44</v>
      </c>
      <c r="HF6" s="316" t="s">
        <v>45</v>
      </c>
      <c r="HG6" s="317" t="s">
        <v>46</v>
      </c>
      <c r="HH6" s="315" t="s">
        <v>47</v>
      </c>
      <c r="HI6" s="315" t="s">
        <v>48</v>
      </c>
      <c r="HJ6" s="315" t="s">
        <v>49</v>
      </c>
      <c r="HK6" s="315" t="s">
        <v>50</v>
      </c>
      <c r="HL6" s="315" t="s">
        <v>51</v>
      </c>
      <c r="HM6" s="316" t="s">
        <v>45</v>
      </c>
      <c r="HN6" s="318" t="s">
        <v>52</v>
      </c>
      <c r="HO6" s="314" t="s">
        <v>43</v>
      </c>
      <c r="HP6" s="315" t="s">
        <v>44</v>
      </c>
      <c r="HQ6" s="316" t="s">
        <v>45</v>
      </c>
      <c r="HR6" s="317" t="s">
        <v>46</v>
      </c>
      <c r="HS6" s="315" t="s">
        <v>47</v>
      </c>
      <c r="HT6" s="315" t="s">
        <v>48</v>
      </c>
      <c r="HU6" s="315" t="s">
        <v>49</v>
      </c>
      <c r="HV6" s="315" t="s">
        <v>50</v>
      </c>
      <c r="HW6" s="315" t="s">
        <v>51</v>
      </c>
      <c r="HX6" s="316" t="s">
        <v>45</v>
      </c>
      <c r="HY6" s="318" t="s">
        <v>52</v>
      </c>
      <c r="HZ6" s="314" t="s">
        <v>43</v>
      </c>
      <c r="IA6" s="315" t="s">
        <v>44</v>
      </c>
      <c r="IB6" s="316" t="s">
        <v>45</v>
      </c>
      <c r="IC6" s="317" t="s">
        <v>46</v>
      </c>
      <c r="ID6" s="315" t="s">
        <v>47</v>
      </c>
      <c r="IE6" s="315" t="s">
        <v>48</v>
      </c>
      <c r="IF6" s="315" t="s">
        <v>49</v>
      </c>
      <c r="IG6" s="315" t="s">
        <v>50</v>
      </c>
      <c r="IH6" s="315" t="s">
        <v>51</v>
      </c>
      <c r="II6" s="316" t="s">
        <v>45</v>
      </c>
      <c r="IJ6" s="318" t="s">
        <v>52</v>
      </c>
      <c r="IK6" s="314" t="s">
        <v>43</v>
      </c>
      <c r="IL6" s="315" t="s">
        <v>44</v>
      </c>
      <c r="IM6" s="316" t="s">
        <v>45</v>
      </c>
      <c r="IN6" s="317" t="s">
        <v>46</v>
      </c>
      <c r="IO6" s="315" t="s">
        <v>47</v>
      </c>
      <c r="IP6" s="315" t="s">
        <v>48</v>
      </c>
      <c r="IQ6" s="315" t="s">
        <v>49</v>
      </c>
      <c r="IR6" s="315" t="s">
        <v>50</v>
      </c>
      <c r="IS6" s="315" t="s">
        <v>51</v>
      </c>
      <c r="IT6" s="316" t="s">
        <v>45</v>
      </c>
      <c r="IU6" s="318" t="s">
        <v>52</v>
      </c>
      <c r="IV6" s="314" t="s">
        <v>43</v>
      </c>
      <c r="IW6" s="315" t="s">
        <v>44</v>
      </c>
      <c r="IX6" s="316" t="s">
        <v>45</v>
      </c>
      <c r="IY6" s="317" t="s">
        <v>46</v>
      </c>
      <c r="IZ6" s="315" t="s">
        <v>47</v>
      </c>
      <c r="JA6" s="315" t="s">
        <v>48</v>
      </c>
      <c r="JB6" s="315" t="s">
        <v>49</v>
      </c>
      <c r="JC6" s="315" t="s">
        <v>50</v>
      </c>
      <c r="JD6" s="315" t="s">
        <v>51</v>
      </c>
      <c r="JE6" s="316" t="s">
        <v>45</v>
      </c>
      <c r="JF6" s="318" t="s">
        <v>52</v>
      </c>
      <c r="JG6" s="314" t="s">
        <v>43</v>
      </c>
      <c r="JH6" s="315" t="s">
        <v>44</v>
      </c>
      <c r="JI6" s="316" t="s">
        <v>45</v>
      </c>
      <c r="JJ6" s="317" t="s">
        <v>46</v>
      </c>
      <c r="JK6" s="315" t="s">
        <v>47</v>
      </c>
      <c r="JL6" s="315" t="s">
        <v>48</v>
      </c>
      <c r="JM6" s="315" t="s">
        <v>49</v>
      </c>
      <c r="JN6" s="315" t="s">
        <v>50</v>
      </c>
      <c r="JO6" s="315" t="s">
        <v>51</v>
      </c>
      <c r="JP6" s="316" t="s">
        <v>45</v>
      </c>
      <c r="JQ6" s="318" t="s">
        <v>52</v>
      </c>
      <c r="JR6" s="314" t="s">
        <v>43</v>
      </c>
      <c r="JS6" s="315" t="s">
        <v>44</v>
      </c>
      <c r="JT6" s="316" t="s">
        <v>45</v>
      </c>
      <c r="JU6" s="317" t="s">
        <v>46</v>
      </c>
      <c r="JV6" s="315" t="s">
        <v>47</v>
      </c>
      <c r="JW6" s="315" t="s">
        <v>48</v>
      </c>
      <c r="JX6" s="315" t="s">
        <v>49</v>
      </c>
      <c r="JY6" s="315" t="s">
        <v>50</v>
      </c>
      <c r="JZ6" s="315" t="s">
        <v>51</v>
      </c>
      <c r="KA6" s="316" t="s">
        <v>45</v>
      </c>
      <c r="KB6" s="318" t="s">
        <v>52</v>
      </c>
      <c r="KC6" s="314" t="s">
        <v>43</v>
      </c>
      <c r="KD6" s="315" t="s">
        <v>44</v>
      </c>
      <c r="KE6" s="316" t="s">
        <v>45</v>
      </c>
      <c r="KF6" s="317" t="s">
        <v>46</v>
      </c>
      <c r="KG6" s="315" t="s">
        <v>47</v>
      </c>
      <c r="KH6" s="315" t="s">
        <v>48</v>
      </c>
      <c r="KI6" s="315" t="s">
        <v>49</v>
      </c>
      <c r="KJ6" s="315" t="s">
        <v>50</v>
      </c>
      <c r="KK6" s="315" t="s">
        <v>51</v>
      </c>
      <c r="KL6" s="316" t="s">
        <v>45</v>
      </c>
      <c r="KM6" s="318" t="s">
        <v>52</v>
      </c>
    </row>
    <row r="7" spans="2:299" ht="21" customHeight="1" x14ac:dyDescent="0.2">
      <c r="B7" s="435" t="s">
        <v>4</v>
      </c>
      <c r="C7" s="286">
        <v>20422</v>
      </c>
      <c r="D7" s="68">
        <v>21152</v>
      </c>
      <c r="E7" s="69">
        <v>41574</v>
      </c>
      <c r="F7" s="442">
        <v>0</v>
      </c>
      <c r="G7" s="68">
        <v>31095</v>
      </c>
      <c r="H7" s="68">
        <v>31071</v>
      </c>
      <c r="I7" s="68">
        <v>20595</v>
      </c>
      <c r="J7" s="68">
        <v>17054</v>
      </c>
      <c r="K7" s="68">
        <v>10405</v>
      </c>
      <c r="L7" s="70">
        <v>110220</v>
      </c>
      <c r="M7" s="71">
        <v>151794</v>
      </c>
      <c r="N7" s="56">
        <v>801</v>
      </c>
      <c r="O7" s="57">
        <v>1025</v>
      </c>
      <c r="P7" s="58">
        <v>1826</v>
      </c>
      <c r="Q7" s="442">
        <v>0</v>
      </c>
      <c r="R7" s="57">
        <v>1335</v>
      </c>
      <c r="S7" s="57">
        <v>1583</v>
      </c>
      <c r="T7" s="57">
        <v>1012</v>
      </c>
      <c r="U7" s="57">
        <v>961</v>
      </c>
      <c r="V7" s="57">
        <v>716</v>
      </c>
      <c r="W7" s="58">
        <v>5607</v>
      </c>
      <c r="X7" s="59">
        <v>7433</v>
      </c>
      <c r="Y7" s="56">
        <v>1856</v>
      </c>
      <c r="Z7" s="57">
        <v>2310</v>
      </c>
      <c r="AA7" s="58">
        <v>4166</v>
      </c>
      <c r="AB7" s="442">
        <v>0</v>
      </c>
      <c r="AC7" s="57">
        <v>2769</v>
      </c>
      <c r="AD7" s="57">
        <v>3366</v>
      </c>
      <c r="AE7" s="57">
        <v>2145</v>
      </c>
      <c r="AF7" s="57">
        <v>1862</v>
      </c>
      <c r="AG7" s="57">
        <v>1391</v>
      </c>
      <c r="AH7" s="58">
        <v>11533</v>
      </c>
      <c r="AI7" s="59">
        <v>15699</v>
      </c>
      <c r="AJ7" s="56">
        <v>3085</v>
      </c>
      <c r="AK7" s="57">
        <v>3492</v>
      </c>
      <c r="AL7" s="58">
        <v>6577</v>
      </c>
      <c r="AM7" s="442">
        <v>0</v>
      </c>
      <c r="AN7" s="57">
        <v>4847</v>
      </c>
      <c r="AO7" s="57">
        <v>5020</v>
      </c>
      <c r="AP7" s="57">
        <v>3345</v>
      </c>
      <c r="AQ7" s="57">
        <v>2816</v>
      </c>
      <c r="AR7" s="57">
        <v>1890</v>
      </c>
      <c r="AS7" s="58">
        <v>17918</v>
      </c>
      <c r="AT7" s="59">
        <v>24495</v>
      </c>
      <c r="AU7" s="56">
        <v>5396</v>
      </c>
      <c r="AV7" s="57">
        <v>5233</v>
      </c>
      <c r="AW7" s="58">
        <v>10629</v>
      </c>
      <c r="AX7" s="442">
        <v>0</v>
      </c>
      <c r="AY7" s="57">
        <v>8072</v>
      </c>
      <c r="AZ7" s="57">
        <v>7462</v>
      </c>
      <c r="BA7" s="57">
        <v>4805</v>
      </c>
      <c r="BB7" s="57">
        <v>3927</v>
      </c>
      <c r="BC7" s="57">
        <v>2412</v>
      </c>
      <c r="BD7" s="58">
        <v>26678</v>
      </c>
      <c r="BE7" s="59">
        <v>37307</v>
      </c>
      <c r="BF7" s="56">
        <v>5868</v>
      </c>
      <c r="BG7" s="57">
        <v>5430</v>
      </c>
      <c r="BH7" s="58">
        <v>11298</v>
      </c>
      <c r="BI7" s="442">
        <v>0</v>
      </c>
      <c r="BJ7" s="57">
        <v>8389</v>
      </c>
      <c r="BK7" s="57">
        <v>7593</v>
      </c>
      <c r="BL7" s="57">
        <v>5021</v>
      </c>
      <c r="BM7" s="57">
        <v>4074</v>
      </c>
      <c r="BN7" s="57">
        <v>2216</v>
      </c>
      <c r="BO7" s="58">
        <v>27293</v>
      </c>
      <c r="BP7" s="59">
        <v>38591</v>
      </c>
      <c r="BQ7" s="56">
        <v>3416</v>
      </c>
      <c r="BR7" s="57">
        <v>3662</v>
      </c>
      <c r="BS7" s="58">
        <v>7078</v>
      </c>
      <c r="BT7" s="442">
        <v>0</v>
      </c>
      <c r="BU7" s="57">
        <v>5683</v>
      </c>
      <c r="BV7" s="57">
        <v>6047</v>
      </c>
      <c r="BW7" s="57">
        <v>4267</v>
      </c>
      <c r="BX7" s="57">
        <v>3414</v>
      </c>
      <c r="BY7" s="57">
        <v>1780</v>
      </c>
      <c r="BZ7" s="58">
        <v>21191</v>
      </c>
      <c r="CA7" s="59">
        <v>28269</v>
      </c>
      <c r="CB7" s="56">
        <v>501</v>
      </c>
      <c r="CC7" s="57">
        <v>813</v>
      </c>
      <c r="CD7" s="58">
        <v>1314</v>
      </c>
      <c r="CE7" s="442">
        <v>0</v>
      </c>
      <c r="CF7" s="57">
        <v>912</v>
      </c>
      <c r="CG7" s="57">
        <v>1397</v>
      </c>
      <c r="CH7" s="57">
        <v>828</v>
      </c>
      <c r="CI7" s="57">
        <v>770</v>
      </c>
      <c r="CJ7" s="57">
        <v>752</v>
      </c>
      <c r="CK7" s="58">
        <v>4659</v>
      </c>
      <c r="CL7" s="59">
        <v>5973</v>
      </c>
      <c r="CM7" s="56">
        <v>20923</v>
      </c>
      <c r="CN7" s="57">
        <v>21965</v>
      </c>
      <c r="CO7" s="58">
        <v>42888</v>
      </c>
      <c r="CP7" s="442">
        <v>0</v>
      </c>
      <c r="CQ7" s="57">
        <v>32007</v>
      </c>
      <c r="CR7" s="57">
        <v>32468</v>
      </c>
      <c r="CS7" s="57">
        <v>21423</v>
      </c>
      <c r="CT7" s="57">
        <v>17824</v>
      </c>
      <c r="CU7" s="57">
        <v>11157</v>
      </c>
      <c r="CV7" s="58">
        <v>114879</v>
      </c>
      <c r="CW7" s="59">
        <v>157767</v>
      </c>
      <c r="CX7" s="112">
        <v>39221</v>
      </c>
      <c r="CY7" s="68">
        <v>46519</v>
      </c>
      <c r="CZ7" s="69">
        <v>85740</v>
      </c>
      <c r="DA7" s="442">
        <v>0</v>
      </c>
      <c r="DB7" s="68">
        <v>56570</v>
      </c>
      <c r="DC7" s="68">
        <v>53886</v>
      </c>
      <c r="DD7" s="68">
        <v>39403</v>
      </c>
      <c r="DE7" s="68">
        <v>38549</v>
      </c>
      <c r="DF7" s="68">
        <v>25412</v>
      </c>
      <c r="DG7" s="70">
        <v>213820</v>
      </c>
      <c r="DH7" s="71">
        <v>299560</v>
      </c>
      <c r="DI7" s="56">
        <v>796</v>
      </c>
      <c r="DJ7" s="57">
        <v>1092</v>
      </c>
      <c r="DK7" s="58">
        <v>1888</v>
      </c>
      <c r="DL7" s="442">
        <v>0</v>
      </c>
      <c r="DM7" s="57">
        <v>961</v>
      </c>
      <c r="DN7" s="57">
        <v>1101</v>
      </c>
      <c r="DO7" s="57">
        <v>674</v>
      </c>
      <c r="DP7" s="57">
        <v>680</v>
      </c>
      <c r="DQ7" s="57">
        <v>553</v>
      </c>
      <c r="DR7" s="58">
        <v>3969</v>
      </c>
      <c r="DS7" s="59">
        <v>5857</v>
      </c>
      <c r="DT7" s="56">
        <v>2504</v>
      </c>
      <c r="DU7" s="57">
        <v>2991</v>
      </c>
      <c r="DV7" s="58">
        <v>5495</v>
      </c>
      <c r="DW7" s="442">
        <v>0</v>
      </c>
      <c r="DX7" s="57">
        <v>2703</v>
      </c>
      <c r="DY7" s="57">
        <v>2753</v>
      </c>
      <c r="DZ7" s="57">
        <v>1696</v>
      </c>
      <c r="EA7" s="57">
        <v>1739</v>
      </c>
      <c r="EB7" s="57">
        <v>1362</v>
      </c>
      <c r="EC7" s="58">
        <v>10253</v>
      </c>
      <c r="ED7" s="59">
        <v>15748</v>
      </c>
      <c r="EE7" s="56">
        <v>5984</v>
      </c>
      <c r="EF7" s="57">
        <v>6830</v>
      </c>
      <c r="EG7" s="58">
        <v>12814</v>
      </c>
      <c r="EH7" s="442">
        <v>0</v>
      </c>
      <c r="EI7" s="57">
        <v>6593</v>
      </c>
      <c r="EJ7" s="57">
        <v>5682</v>
      </c>
      <c r="EK7" s="57">
        <v>3494</v>
      </c>
      <c r="EL7" s="57">
        <v>3302</v>
      </c>
      <c r="EM7" s="57">
        <v>2667</v>
      </c>
      <c r="EN7" s="58">
        <v>21738</v>
      </c>
      <c r="EO7" s="59">
        <v>34552</v>
      </c>
      <c r="EP7" s="56">
        <v>12122</v>
      </c>
      <c r="EQ7" s="57">
        <v>12809</v>
      </c>
      <c r="ER7" s="58">
        <v>24931</v>
      </c>
      <c r="ES7" s="442">
        <v>0</v>
      </c>
      <c r="ET7" s="57">
        <v>13867</v>
      </c>
      <c r="EU7" s="57">
        <v>11459</v>
      </c>
      <c r="EV7" s="57">
        <v>7466</v>
      </c>
      <c r="EW7" s="57">
        <v>6731</v>
      </c>
      <c r="EX7" s="57">
        <v>4572</v>
      </c>
      <c r="EY7" s="58">
        <v>44095</v>
      </c>
      <c r="EZ7" s="59">
        <v>69026</v>
      </c>
      <c r="FA7" s="56">
        <v>11533</v>
      </c>
      <c r="FB7" s="57">
        <v>13689</v>
      </c>
      <c r="FC7" s="58">
        <v>25222</v>
      </c>
      <c r="FD7" s="442">
        <v>0</v>
      </c>
      <c r="FE7" s="57">
        <v>17247</v>
      </c>
      <c r="FF7" s="57">
        <v>15377</v>
      </c>
      <c r="FG7" s="57">
        <v>10731</v>
      </c>
      <c r="FH7" s="57">
        <v>9589</v>
      </c>
      <c r="FI7" s="57">
        <v>6454</v>
      </c>
      <c r="FJ7" s="58">
        <v>59398</v>
      </c>
      <c r="FK7" s="59">
        <v>84620</v>
      </c>
      <c r="FL7" s="56">
        <v>6282</v>
      </c>
      <c r="FM7" s="57">
        <v>9108</v>
      </c>
      <c r="FN7" s="58">
        <v>15390</v>
      </c>
      <c r="FO7" s="442">
        <v>0</v>
      </c>
      <c r="FP7" s="57">
        <v>15199</v>
      </c>
      <c r="FQ7" s="57">
        <v>17514</v>
      </c>
      <c r="FR7" s="57">
        <v>15342</v>
      </c>
      <c r="FS7" s="57">
        <v>16508</v>
      </c>
      <c r="FT7" s="57">
        <v>9804</v>
      </c>
      <c r="FU7" s="58">
        <v>74367</v>
      </c>
      <c r="FV7" s="59">
        <v>89757</v>
      </c>
      <c r="FW7" s="56">
        <v>382</v>
      </c>
      <c r="FX7" s="57">
        <v>708</v>
      </c>
      <c r="FY7" s="58">
        <v>1090</v>
      </c>
      <c r="FZ7" s="442">
        <v>0</v>
      </c>
      <c r="GA7" s="57">
        <v>679</v>
      </c>
      <c r="GB7" s="57">
        <v>1076</v>
      </c>
      <c r="GC7" s="57">
        <v>625</v>
      </c>
      <c r="GD7" s="57">
        <v>577</v>
      </c>
      <c r="GE7" s="57">
        <v>603</v>
      </c>
      <c r="GF7" s="58">
        <v>3560</v>
      </c>
      <c r="GG7" s="59">
        <v>4650</v>
      </c>
      <c r="GH7" s="56">
        <v>39603</v>
      </c>
      <c r="GI7" s="57">
        <v>47227</v>
      </c>
      <c r="GJ7" s="58">
        <v>86830</v>
      </c>
      <c r="GK7" s="442">
        <v>0</v>
      </c>
      <c r="GL7" s="57">
        <v>57249</v>
      </c>
      <c r="GM7" s="57">
        <v>54962</v>
      </c>
      <c r="GN7" s="57">
        <v>40028</v>
      </c>
      <c r="GO7" s="57">
        <v>39126</v>
      </c>
      <c r="GP7" s="57">
        <v>26015</v>
      </c>
      <c r="GQ7" s="58">
        <v>217380</v>
      </c>
      <c r="GR7" s="59">
        <v>304210</v>
      </c>
      <c r="GS7" s="112">
        <v>59643</v>
      </c>
      <c r="GT7" s="68">
        <v>67671</v>
      </c>
      <c r="GU7" s="69">
        <v>127314</v>
      </c>
      <c r="GV7" s="223">
        <v>0</v>
      </c>
      <c r="GW7" s="68">
        <v>87665</v>
      </c>
      <c r="GX7" s="68">
        <v>84957</v>
      </c>
      <c r="GY7" s="68">
        <v>59998</v>
      </c>
      <c r="GZ7" s="68">
        <v>55603</v>
      </c>
      <c r="HA7" s="68">
        <v>35817</v>
      </c>
      <c r="HB7" s="70">
        <v>324040</v>
      </c>
      <c r="HC7" s="71">
        <v>451354</v>
      </c>
      <c r="HD7" s="56">
        <v>1597</v>
      </c>
      <c r="HE7" s="57">
        <v>2117</v>
      </c>
      <c r="HF7" s="58">
        <v>3714</v>
      </c>
      <c r="HG7" s="226">
        <v>0</v>
      </c>
      <c r="HH7" s="57">
        <v>2296</v>
      </c>
      <c r="HI7" s="57">
        <v>2684</v>
      </c>
      <c r="HJ7" s="57">
        <v>1686</v>
      </c>
      <c r="HK7" s="57">
        <v>1641</v>
      </c>
      <c r="HL7" s="57">
        <v>1269</v>
      </c>
      <c r="HM7" s="58">
        <v>9576</v>
      </c>
      <c r="HN7" s="59">
        <v>13290</v>
      </c>
      <c r="HO7" s="56">
        <v>4360</v>
      </c>
      <c r="HP7" s="57">
        <v>5301</v>
      </c>
      <c r="HQ7" s="58">
        <v>9661</v>
      </c>
      <c r="HR7" s="442">
        <v>0</v>
      </c>
      <c r="HS7" s="57">
        <v>5472</v>
      </c>
      <c r="HT7" s="57">
        <v>6119</v>
      </c>
      <c r="HU7" s="57">
        <v>3841</v>
      </c>
      <c r="HV7" s="57">
        <v>3601</v>
      </c>
      <c r="HW7" s="57">
        <v>2753</v>
      </c>
      <c r="HX7" s="58">
        <v>21786</v>
      </c>
      <c r="HY7" s="59">
        <v>31447</v>
      </c>
      <c r="HZ7" s="56">
        <v>9069</v>
      </c>
      <c r="IA7" s="57">
        <v>10322</v>
      </c>
      <c r="IB7" s="58">
        <v>19391</v>
      </c>
      <c r="IC7" s="442">
        <v>0</v>
      </c>
      <c r="ID7" s="57">
        <v>11440</v>
      </c>
      <c r="IE7" s="57">
        <v>10702</v>
      </c>
      <c r="IF7" s="57">
        <v>6839</v>
      </c>
      <c r="IG7" s="57">
        <v>6118</v>
      </c>
      <c r="IH7" s="57">
        <v>4557</v>
      </c>
      <c r="II7" s="58">
        <v>39656</v>
      </c>
      <c r="IJ7" s="59">
        <v>59047</v>
      </c>
      <c r="IK7" s="56">
        <v>17518</v>
      </c>
      <c r="IL7" s="57">
        <v>18042</v>
      </c>
      <c r="IM7" s="58">
        <v>35560</v>
      </c>
      <c r="IN7" s="442">
        <v>0</v>
      </c>
      <c r="IO7" s="57">
        <v>21939</v>
      </c>
      <c r="IP7" s="57">
        <v>18921</v>
      </c>
      <c r="IQ7" s="57">
        <v>12271</v>
      </c>
      <c r="IR7" s="57">
        <v>10658</v>
      </c>
      <c r="IS7" s="57">
        <v>6984</v>
      </c>
      <c r="IT7" s="58">
        <v>70773</v>
      </c>
      <c r="IU7" s="59">
        <v>106333</v>
      </c>
      <c r="IV7" s="56">
        <v>17401</v>
      </c>
      <c r="IW7" s="57">
        <v>19119</v>
      </c>
      <c r="IX7" s="58">
        <v>36520</v>
      </c>
      <c r="IY7" s="442">
        <v>0</v>
      </c>
      <c r="IZ7" s="57">
        <v>25636</v>
      </c>
      <c r="JA7" s="57">
        <v>22970</v>
      </c>
      <c r="JB7" s="57">
        <v>15752</v>
      </c>
      <c r="JC7" s="57">
        <v>13663</v>
      </c>
      <c r="JD7" s="57">
        <v>8670</v>
      </c>
      <c r="JE7" s="58">
        <v>86691</v>
      </c>
      <c r="JF7" s="59">
        <v>123211</v>
      </c>
      <c r="JG7" s="56">
        <v>9698</v>
      </c>
      <c r="JH7" s="57">
        <v>12770</v>
      </c>
      <c r="JI7" s="58">
        <v>22468</v>
      </c>
      <c r="JJ7" s="442">
        <v>0</v>
      </c>
      <c r="JK7" s="57">
        <v>20882</v>
      </c>
      <c r="JL7" s="57">
        <v>23561</v>
      </c>
      <c r="JM7" s="57">
        <v>19609</v>
      </c>
      <c r="JN7" s="57">
        <v>19922</v>
      </c>
      <c r="JO7" s="57">
        <v>11584</v>
      </c>
      <c r="JP7" s="58">
        <v>95558</v>
      </c>
      <c r="JQ7" s="59">
        <v>118026</v>
      </c>
      <c r="JR7" s="56">
        <v>883</v>
      </c>
      <c r="JS7" s="57">
        <v>1521</v>
      </c>
      <c r="JT7" s="58">
        <v>2404</v>
      </c>
      <c r="JU7" s="442">
        <v>0</v>
      </c>
      <c r="JV7" s="57">
        <v>1591</v>
      </c>
      <c r="JW7" s="57">
        <v>2473</v>
      </c>
      <c r="JX7" s="57">
        <v>1453</v>
      </c>
      <c r="JY7" s="57">
        <v>1347</v>
      </c>
      <c r="JZ7" s="57">
        <v>1355</v>
      </c>
      <c r="KA7" s="58">
        <v>8219</v>
      </c>
      <c r="KB7" s="59">
        <v>10623</v>
      </c>
      <c r="KC7" s="56">
        <v>60526</v>
      </c>
      <c r="KD7" s="57">
        <v>69192</v>
      </c>
      <c r="KE7" s="58">
        <v>129718</v>
      </c>
      <c r="KF7" s="442">
        <v>0</v>
      </c>
      <c r="KG7" s="57">
        <v>89256</v>
      </c>
      <c r="KH7" s="57">
        <v>87430</v>
      </c>
      <c r="KI7" s="57">
        <v>61451</v>
      </c>
      <c r="KJ7" s="57">
        <v>56950</v>
      </c>
      <c r="KK7" s="57">
        <v>37172</v>
      </c>
      <c r="KL7" s="58">
        <v>332259</v>
      </c>
      <c r="KM7" s="59">
        <v>461977</v>
      </c>
    </row>
    <row r="8" spans="2:299" ht="21" customHeight="1" x14ac:dyDescent="0.2">
      <c r="B8" s="436" t="s">
        <v>5</v>
      </c>
      <c r="C8" s="287">
        <v>8055</v>
      </c>
      <c r="D8" s="72">
        <v>10018</v>
      </c>
      <c r="E8" s="73">
        <v>18073</v>
      </c>
      <c r="F8" s="443">
        <v>0</v>
      </c>
      <c r="G8" s="72">
        <v>10140</v>
      </c>
      <c r="H8" s="72">
        <v>13796</v>
      </c>
      <c r="I8" s="72">
        <v>8771</v>
      </c>
      <c r="J8" s="72">
        <v>7054</v>
      </c>
      <c r="K8" s="72">
        <v>4298</v>
      </c>
      <c r="L8" s="74">
        <v>44059</v>
      </c>
      <c r="M8" s="75">
        <v>62132</v>
      </c>
      <c r="N8" s="60">
        <v>292</v>
      </c>
      <c r="O8" s="61">
        <v>469</v>
      </c>
      <c r="P8" s="62">
        <v>761</v>
      </c>
      <c r="Q8" s="443">
        <v>0</v>
      </c>
      <c r="R8" s="61">
        <v>400</v>
      </c>
      <c r="S8" s="61">
        <v>710</v>
      </c>
      <c r="T8" s="61">
        <v>443</v>
      </c>
      <c r="U8" s="61">
        <v>394</v>
      </c>
      <c r="V8" s="61">
        <v>297</v>
      </c>
      <c r="W8" s="62">
        <v>2244</v>
      </c>
      <c r="X8" s="63">
        <v>3005</v>
      </c>
      <c r="Y8" s="60">
        <v>720</v>
      </c>
      <c r="Z8" s="61">
        <v>1073</v>
      </c>
      <c r="AA8" s="62">
        <v>1793</v>
      </c>
      <c r="AB8" s="443">
        <v>0</v>
      </c>
      <c r="AC8" s="61">
        <v>811</v>
      </c>
      <c r="AD8" s="61">
        <v>1509</v>
      </c>
      <c r="AE8" s="61">
        <v>908</v>
      </c>
      <c r="AF8" s="61">
        <v>776</v>
      </c>
      <c r="AG8" s="61">
        <v>570</v>
      </c>
      <c r="AH8" s="62">
        <v>4574</v>
      </c>
      <c r="AI8" s="63">
        <v>6367</v>
      </c>
      <c r="AJ8" s="60">
        <v>1173</v>
      </c>
      <c r="AK8" s="61">
        <v>1630</v>
      </c>
      <c r="AL8" s="62">
        <v>2803</v>
      </c>
      <c r="AM8" s="443">
        <v>0</v>
      </c>
      <c r="AN8" s="61">
        <v>1498</v>
      </c>
      <c r="AO8" s="61">
        <v>2191</v>
      </c>
      <c r="AP8" s="61">
        <v>1423</v>
      </c>
      <c r="AQ8" s="61">
        <v>1126</v>
      </c>
      <c r="AR8" s="61">
        <v>765</v>
      </c>
      <c r="AS8" s="62">
        <v>7003</v>
      </c>
      <c r="AT8" s="63">
        <v>9806</v>
      </c>
      <c r="AU8" s="60">
        <v>2040</v>
      </c>
      <c r="AV8" s="61">
        <v>2448</v>
      </c>
      <c r="AW8" s="62">
        <v>4488</v>
      </c>
      <c r="AX8" s="443">
        <v>0</v>
      </c>
      <c r="AY8" s="61">
        <v>2547</v>
      </c>
      <c r="AZ8" s="61">
        <v>3158</v>
      </c>
      <c r="BA8" s="61">
        <v>1962</v>
      </c>
      <c r="BB8" s="61">
        <v>1588</v>
      </c>
      <c r="BC8" s="61">
        <v>1002</v>
      </c>
      <c r="BD8" s="62">
        <v>10257</v>
      </c>
      <c r="BE8" s="63">
        <v>14745</v>
      </c>
      <c r="BF8" s="60">
        <v>2428</v>
      </c>
      <c r="BG8" s="61">
        <v>2580</v>
      </c>
      <c r="BH8" s="62">
        <v>5008</v>
      </c>
      <c r="BI8" s="443">
        <v>0</v>
      </c>
      <c r="BJ8" s="61">
        <v>2896</v>
      </c>
      <c r="BK8" s="61">
        <v>3420</v>
      </c>
      <c r="BL8" s="61">
        <v>2142</v>
      </c>
      <c r="BM8" s="61">
        <v>1717</v>
      </c>
      <c r="BN8" s="61">
        <v>904</v>
      </c>
      <c r="BO8" s="62">
        <v>11079</v>
      </c>
      <c r="BP8" s="63">
        <v>16087</v>
      </c>
      <c r="BQ8" s="60">
        <v>1402</v>
      </c>
      <c r="BR8" s="61">
        <v>1818</v>
      </c>
      <c r="BS8" s="62">
        <v>3220</v>
      </c>
      <c r="BT8" s="443">
        <v>0</v>
      </c>
      <c r="BU8" s="61">
        <v>1988</v>
      </c>
      <c r="BV8" s="61">
        <v>2808</v>
      </c>
      <c r="BW8" s="61">
        <v>1893</v>
      </c>
      <c r="BX8" s="61">
        <v>1453</v>
      </c>
      <c r="BY8" s="61">
        <v>760</v>
      </c>
      <c r="BZ8" s="62">
        <v>8902</v>
      </c>
      <c r="CA8" s="63">
        <v>12122</v>
      </c>
      <c r="CB8" s="60">
        <v>183</v>
      </c>
      <c r="CC8" s="61">
        <v>364</v>
      </c>
      <c r="CD8" s="62">
        <v>547</v>
      </c>
      <c r="CE8" s="443">
        <v>0</v>
      </c>
      <c r="CF8" s="61">
        <v>259</v>
      </c>
      <c r="CG8" s="61">
        <v>625</v>
      </c>
      <c r="CH8" s="61">
        <v>362</v>
      </c>
      <c r="CI8" s="61">
        <v>319</v>
      </c>
      <c r="CJ8" s="61">
        <v>341</v>
      </c>
      <c r="CK8" s="62">
        <v>1906</v>
      </c>
      <c r="CL8" s="63">
        <v>2453</v>
      </c>
      <c r="CM8" s="60">
        <v>8238</v>
      </c>
      <c r="CN8" s="61">
        <v>10382</v>
      </c>
      <c r="CO8" s="62">
        <v>18620</v>
      </c>
      <c r="CP8" s="443">
        <v>0</v>
      </c>
      <c r="CQ8" s="61">
        <v>10399</v>
      </c>
      <c r="CR8" s="61">
        <v>14421</v>
      </c>
      <c r="CS8" s="61">
        <v>9133</v>
      </c>
      <c r="CT8" s="61">
        <v>7373</v>
      </c>
      <c r="CU8" s="61">
        <v>4639</v>
      </c>
      <c r="CV8" s="62">
        <v>45965</v>
      </c>
      <c r="CW8" s="63">
        <v>64585</v>
      </c>
      <c r="CX8" s="113">
        <v>15080</v>
      </c>
      <c r="CY8" s="72">
        <v>20779</v>
      </c>
      <c r="CZ8" s="73">
        <v>35859</v>
      </c>
      <c r="DA8" s="443">
        <v>0</v>
      </c>
      <c r="DB8" s="72">
        <v>19528</v>
      </c>
      <c r="DC8" s="72">
        <v>24599</v>
      </c>
      <c r="DD8" s="72">
        <v>16399</v>
      </c>
      <c r="DE8" s="72">
        <v>15967</v>
      </c>
      <c r="DF8" s="72">
        <v>10460</v>
      </c>
      <c r="DG8" s="74">
        <v>86953</v>
      </c>
      <c r="DH8" s="75">
        <v>122812</v>
      </c>
      <c r="DI8" s="60">
        <v>306</v>
      </c>
      <c r="DJ8" s="61">
        <v>489</v>
      </c>
      <c r="DK8" s="62">
        <v>795</v>
      </c>
      <c r="DL8" s="443">
        <v>0</v>
      </c>
      <c r="DM8" s="61">
        <v>264</v>
      </c>
      <c r="DN8" s="61">
        <v>487</v>
      </c>
      <c r="DO8" s="61">
        <v>258</v>
      </c>
      <c r="DP8" s="61">
        <v>287</v>
      </c>
      <c r="DQ8" s="61">
        <v>211</v>
      </c>
      <c r="DR8" s="62">
        <v>1507</v>
      </c>
      <c r="DS8" s="63">
        <v>2302</v>
      </c>
      <c r="DT8" s="60">
        <v>871</v>
      </c>
      <c r="DU8" s="61">
        <v>1323</v>
      </c>
      <c r="DV8" s="62">
        <v>2194</v>
      </c>
      <c r="DW8" s="443">
        <v>0</v>
      </c>
      <c r="DX8" s="61">
        <v>806</v>
      </c>
      <c r="DY8" s="61">
        <v>1206</v>
      </c>
      <c r="DZ8" s="61">
        <v>700</v>
      </c>
      <c r="EA8" s="61">
        <v>724</v>
      </c>
      <c r="EB8" s="61">
        <v>601</v>
      </c>
      <c r="EC8" s="62">
        <v>4037</v>
      </c>
      <c r="ED8" s="63">
        <v>6231</v>
      </c>
      <c r="EE8" s="60">
        <v>2307</v>
      </c>
      <c r="EF8" s="61">
        <v>2992</v>
      </c>
      <c r="EG8" s="62">
        <v>5299</v>
      </c>
      <c r="EH8" s="443">
        <v>0</v>
      </c>
      <c r="EI8" s="61">
        <v>2152</v>
      </c>
      <c r="EJ8" s="61">
        <v>2514</v>
      </c>
      <c r="EK8" s="61">
        <v>1379</v>
      </c>
      <c r="EL8" s="61">
        <v>1266</v>
      </c>
      <c r="EM8" s="61">
        <v>1092</v>
      </c>
      <c r="EN8" s="62">
        <v>8403</v>
      </c>
      <c r="EO8" s="63">
        <v>13702</v>
      </c>
      <c r="EP8" s="60">
        <v>4683</v>
      </c>
      <c r="EQ8" s="61">
        <v>5549</v>
      </c>
      <c r="ER8" s="62">
        <v>10232</v>
      </c>
      <c r="ES8" s="443">
        <v>0</v>
      </c>
      <c r="ET8" s="61">
        <v>4812</v>
      </c>
      <c r="EU8" s="61">
        <v>5186</v>
      </c>
      <c r="EV8" s="61">
        <v>2998</v>
      </c>
      <c r="EW8" s="61">
        <v>2736</v>
      </c>
      <c r="EX8" s="61">
        <v>1788</v>
      </c>
      <c r="EY8" s="62">
        <v>17520</v>
      </c>
      <c r="EZ8" s="63">
        <v>27752</v>
      </c>
      <c r="FA8" s="60">
        <v>4500</v>
      </c>
      <c r="FB8" s="61">
        <v>6252</v>
      </c>
      <c r="FC8" s="62">
        <v>10752</v>
      </c>
      <c r="FD8" s="443">
        <v>0</v>
      </c>
      <c r="FE8" s="61">
        <v>6191</v>
      </c>
      <c r="FF8" s="61">
        <v>7180</v>
      </c>
      <c r="FG8" s="61">
        <v>4512</v>
      </c>
      <c r="FH8" s="61">
        <v>4105</v>
      </c>
      <c r="FI8" s="61">
        <v>2678</v>
      </c>
      <c r="FJ8" s="62">
        <v>24666</v>
      </c>
      <c r="FK8" s="63">
        <v>35418</v>
      </c>
      <c r="FL8" s="60">
        <v>2413</v>
      </c>
      <c r="FM8" s="61">
        <v>4174</v>
      </c>
      <c r="FN8" s="62">
        <v>6587</v>
      </c>
      <c r="FO8" s="443">
        <v>0</v>
      </c>
      <c r="FP8" s="61">
        <v>5303</v>
      </c>
      <c r="FQ8" s="61">
        <v>8026</v>
      </c>
      <c r="FR8" s="61">
        <v>6552</v>
      </c>
      <c r="FS8" s="61">
        <v>6849</v>
      </c>
      <c r="FT8" s="61">
        <v>4090</v>
      </c>
      <c r="FU8" s="62">
        <v>30820</v>
      </c>
      <c r="FV8" s="63">
        <v>37407</v>
      </c>
      <c r="FW8" s="60">
        <v>148</v>
      </c>
      <c r="FX8" s="61">
        <v>294</v>
      </c>
      <c r="FY8" s="62">
        <v>442</v>
      </c>
      <c r="FZ8" s="443">
        <v>0</v>
      </c>
      <c r="GA8" s="61">
        <v>198</v>
      </c>
      <c r="GB8" s="61">
        <v>493</v>
      </c>
      <c r="GC8" s="61">
        <v>270</v>
      </c>
      <c r="GD8" s="61">
        <v>242</v>
      </c>
      <c r="GE8" s="61">
        <v>261</v>
      </c>
      <c r="GF8" s="62">
        <v>1464</v>
      </c>
      <c r="GG8" s="63">
        <v>1906</v>
      </c>
      <c r="GH8" s="60">
        <v>15228</v>
      </c>
      <c r="GI8" s="61">
        <v>21073</v>
      </c>
      <c r="GJ8" s="62">
        <v>36301</v>
      </c>
      <c r="GK8" s="443">
        <v>0</v>
      </c>
      <c r="GL8" s="61">
        <v>19726</v>
      </c>
      <c r="GM8" s="61">
        <v>25092</v>
      </c>
      <c r="GN8" s="61">
        <v>16669</v>
      </c>
      <c r="GO8" s="61">
        <v>16209</v>
      </c>
      <c r="GP8" s="61">
        <v>10721</v>
      </c>
      <c r="GQ8" s="62">
        <v>88417</v>
      </c>
      <c r="GR8" s="63">
        <v>124718</v>
      </c>
      <c r="GS8" s="113">
        <v>23135</v>
      </c>
      <c r="GT8" s="72">
        <v>30797</v>
      </c>
      <c r="GU8" s="73">
        <v>53932</v>
      </c>
      <c r="GV8" s="224">
        <v>0</v>
      </c>
      <c r="GW8" s="72">
        <v>29668</v>
      </c>
      <c r="GX8" s="72">
        <v>38395</v>
      </c>
      <c r="GY8" s="72">
        <v>25170</v>
      </c>
      <c r="GZ8" s="72">
        <v>23021</v>
      </c>
      <c r="HA8" s="72">
        <v>14758</v>
      </c>
      <c r="HB8" s="74">
        <v>131012</v>
      </c>
      <c r="HC8" s="75">
        <v>184944</v>
      </c>
      <c r="HD8" s="60">
        <v>598</v>
      </c>
      <c r="HE8" s="61">
        <v>958</v>
      </c>
      <c r="HF8" s="62">
        <v>1556</v>
      </c>
      <c r="HG8" s="227">
        <v>0</v>
      </c>
      <c r="HH8" s="61">
        <v>664</v>
      </c>
      <c r="HI8" s="61">
        <v>1197</v>
      </c>
      <c r="HJ8" s="61">
        <v>701</v>
      </c>
      <c r="HK8" s="61">
        <v>681</v>
      </c>
      <c r="HL8" s="61">
        <v>508</v>
      </c>
      <c r="HM8" s="62">
        <v>3751</v>
      </c>
      <c r="HN8" s="63">
        <v>5307</v>
      </c>
      <c r="HO8" s="60">
        <v>1591</v>
      </c>
      <c r="HP8" s="61">
        <v>2396</v>
      </c>
      <c r="HQ8" s="62">
        <v>3987</v>
      </c>
      <c r="HR8" s="443">
        <v>0</v>
      </c>
      <c r="HS8" s="61">
        <v>1617</v>
      </c>
      <c r="HT8" s="61">
        <v>2715</v>
      </c>
      <c r="HU8" s="61">
        <v>1608</v>
      </c>
      <c r="HV8" s="61">
        <v>1500</v>
      </c>
      <c r="HW8" s="61">
        <v>1171</v>
      </c>
      <c r="HX8" s="62">
        <v>8611</v>
      </c>
      <c r="HY8" s="63">
        <v>12598</v>
      </c>
      <c r="HZ8" s="60">
        <v>3480</v>
      </c>
      <c r="IA8" s="61">
        <v>4622</v>
      </c>
      <c r="IB8" s="62">
        <v>8102</v>
      </c>
      <c r="IC8" s="443">
        <v>0</v>
      </c>
      <c r="ID8" s="61">
        <v>3650</v>
      </c>
      <c r="IE8" s="61">
        <v>4705</v>
      </c>
      <c r="IF8" s="61">
        <v>2802</v>
      </c>
      <c r="IG8" s="61">
        <v>2392</v>
      </c>
      <c r="IH8" s="61">
        <v>1857</v>
      </c>
      <c r="II8" s="62">
        <v>15406</v>
      </c>
      <c r="IJ8" s="63">
        <v>23508</v>
      </c>
      <c r="IK8" s="60">
        <v>6723</v>
      </c>
      <c r="IL8" s="61">
        <v>7997</v>
      </c>
      <c r="IM8" s="62">
        <v>14720</v>
      </c>
      <c r="IN8" s="443">
        <v>0</v>
      </c>
      <c r="IO8" s="61">
        <v>7359</v>
      </c>
      <c r="IP8" s="61">
        <v>8344</v>
      </c>
      <c r="IQ8" s="61">
        <v>4960</v>
      </c>
      <c r="IR8" s="61">
        <v>4324</v>
      </c>
      <c r="IS8" s="61">
        <v>2790</v>
      </c>
      <c r="IT8" s="62">
        <v>27777</v>
      </c>
      <c r="IU8" s="63">
        <v>42497</v>
      </c>
      <c r="IV8" s="60">
        <v>6928</v>
      </c>
      <c r="IW8" s="61">
        <v>8832</v>
      </c>
      <c r="IX8" s="62">
        <v>15760</v>
      </c>
      <c r="IY8" s="443">
        <v>0</v>
      </c>
      <c r="IZ8" s="61">
        <v>9087</v>
      </c>
      <c r="JA8" s="61">
        <v>10600</v>
      </c>
      <c r="JB8" s="61">
        <v>6654</v>
      </c>
      <c r="JC8" s="61">
        <v>5822</v>
      </c>
      <c r="JD8" s="61">
        <v>3582</v>
      </c>
      <c r="JE8" s="62">
        <v>35745</v>
      </c>
      <c r="JF8" s="63">
        <v>51505</v>
      </c>
      <c r="JG8" s="60">
        <v>3815</v>
      </c>
      <c r="JH8" s="61">
        <v>5992</v>
      </c>
      <c r="JI8" s="62">
        <v>9807</v>
      </c>
      <c r="JJ8" s="443">
        <v>0</v>
      </c>
      <c r="JK8" s="61">
        <v>7291</v>
      </c>
      <c r="JL8" s="61">
        <v>10834</v>
      </c>
      <c r="JM8" s="61">
        <v>8445</v>
      </c>
      <c r="JN8" s="61">
        <v>8302</v>
      </c>
      <c r="JO8" s="61">
        <v>4850</v>
      </c>
      <c r="JP8" s="62">
        <v>39722</v>
      </c>
      <c r="JQ8" s="63">
        <v>49529</v>
      </c>
      <c r="JR8" s="60">
        <v>331</v>
      </c>
      <c r="JS8" s="61">
        <v>658</v>
      </c>
      <c r="JT8" s="62">
        <v>989</v>
      </c>
      <c r="JU8" s="443">
        <v>0</v>
      </c>
      <c r="JV8" s="61">
        <v>457</v>
      </c>
      <c r="JW8" s="61">
        <v>1118</v>
      </c>
      <c r="JX8" s="61">
        <v>632</v>
      </c>
      <c r="JY8" s="61">
        <v>561</v>
      </c>
      <c r="JZ8" s="61">
        <v>602</v>
      </c>
      <c r="KA8" s="62">
        <v>3370</v>
      </c>
      <c r="KB8" s="63">
        <v>4359</v>
      </c>
      <c r="KC8" s="60">
        <v>23466</v>
      </c>
      <c r="KD8" s="61">
        <v>31455</v>
      </c>
      <c r="KE8" s="62">
        <v>54921</v>
      </c>
      <c r="KF8" s="443">
        <v>0</v>
      </c>
      <c r="KG8" s="61">
        <v>30125</v>
      </c>
      <c r="KH8" s="61">
        <v>39513</v>
      </c>
      <c r="KI8" s="61">
        <v>25802</v>
      </c>
      <c r="KJ8" s="61">
        <v>23582</v>
      </c>
      <c r="KK8" s="61">
        <v>15360</v>
      </c>
      <c r="KL8" s="62">
        <v>134382</v>
      </c>
      <c r="KM8" s="63">
        <v>189303</v>
      </c>
    </row>
    <row r="9" spans="2:299" ht="21" customHeight="1" x14ac:dyDescent="0.2">
      <c r="B9" s="437" t="s">
        <v>6</v>
      </c>
      <c r="C9" s="287">
        <v>2724</v>
      </c>
      <c r="D9" s="72">
        <v>2435</v>
      </c>
      <c r="E9" s="73">
        <v>5159</v>
      </c>
      <c r="F9" s="443">
        <v>0</v>
      </c>
      <c r="G9" s="72">
        <v>5136</v>
      </c>
      <c r="H9" s="72">
        <v>4168</v>
      </c>
      <c r="I9" s="72">
        <v>2787</v>
      </c>
      <c r="J9" s="72">
        <v>2432</v>
      </c>
      <c r="K9" s="72">
        <v>1597</v>
      </c>
      <c r="L9" s="74">
        <v>16120</v>
      </c>
      <c r="M9" s="75">
        <v>21279</v>
      </c>
      <c r="N9" s="60">
        <v>162</v>
      </c>
      <c r="O9" s="61">
        <v>148</v>
      </c>
      <c r="P9" s="62">
        <v>310</v>
      </c>
      <c r="Q9" s="443">
        <v>0</v>
      </c>
      <c r="R9" s="61">
        <v>277</v>
      </c>
      <c r="S9" s="61">
        <v>245</v>
      </c>
      <c r="T9" s="61">
        <v>149</v>
      </c>
      <c r="U9" s="61">
        <v>141</v>
      </c>
      <c r="V9" s="61">
        <v>106</v>
      </c>
      <c r="W9" s="62">
        <v>918</v>
      </c>
      <c r="X9" s="63">
        <v>1228</v>
      </c>
      <c r="Y9" s="60">
        <v>298</v>
      </c>
      <c r="Z9" s="61">
        <v>272</v>
      </c>
      <c r="AA9" s="62">
        <v>570</v>
      </c>
      <c r="AB9" s="443">
        <v>0</v>
      </c>
      <c r="AC9" s="61">
        <v>535</v>
      </c>
      <c r="AD9" s="61">
        <v>476</v>
      </c>
      <c r="AE9" s="61">
        <v>319</v>
      </c>
      <c r="AF9" s="61">
        <v>278</v>
      </c>
      <c r="AG9" s="61">
        <v>218</v>
      </c>
      <c r="AH9" s="62">
        <v>1826</v>
      </c>
      <c r="AI9" s="63">
        <v>2396</v>
      </c>
      <c r="AJ9" s="60">
        <v>455</v>
      </c>
      <c r="AK9" s="61">
        <v>424</v>
      </c>
      <c r="AL9" s="62">
        <v>879</v>
      </c>
      <c r="AM9" s="443">
        <v>0</v>
      </c>
      <c r="AN9" s="61">
        <v>863</v>
      </c>
      <c r="AO9" s="61">
        <v>712</v>
      </c>
      <c r="AP9" s="61">
        <v>468</v>
      </c>
      <c r="AQ9" s="61">
        <v>434</v>
      </c>
      <c r="AR9" s="61">
        <v>317</v>
      </c>
      <c r="AS9" s="62">
        <v>2794</v>
      </c>
      <c r="AT9" s="63">
        <v>3673</v>
      </c>
      <c r="AU9" s="60">
        <v>685</v>
      </c>
      <c r="AV9" s="61">
        <v>561</v>
      </c>
      <c r="AW9" s="62">
        <v>1246</v>
      </c>
      <c r="AX9" s="443">
        <v>0</v>
      </c>
      <c r="AY9" s="61">
        <v>1271</v>
      </c>
      <c r="AZ9" s="61">
        <v>994</v>
      </c>
      <c r="BA9" s="61">
        <v>638</v>
      </c>
      <c r="BB9" s="61">
        <v>544</v>
      </c>
      <c r="BC9" s="61">
        <v>346</v>
      </c>
      <c r="BD9" s="62">
        <v>3793</v>
      </c>
      <c r="BE9" s="63">
        <v>5039</v>
      </c>
      <c r="BF9" s="60">
        <v>698</v>
      </c>
      <c r="BG9" s="61">
        <v>597</v>
      </c>
      <c r="BH9" s="62">
        <v>1295</v>
      </c>
      <c r="BI9" s="443">
        <v>0</v>
      </c>
      <c r="BJ9" s="61">
        <v>1266</v>
      </c>
      <c r="BK9" s="61">
        <v>976</v>
      </c>
      <c r="BL9" s="61">
        <v>664</v>
      </c>
      <c r="BM9" s="61">
        <v>543</v>
      </c>
      <c r="BN9" s="61">
        <v>339</v>
      </c>
      <c r="BO9" s="62">
        <v>3788</v>
      </c>
      <c r="BP9" s="63">
        <v>5083</v>
      </c>
      <c r="BQ9" s="60">
        <v>426</v>
      </c>
      <c r="BR9" s="61">
        <v>433</v>
      </c>
      <c r="BS9" s="62">
        <v>859</v>
      </c>
      <c r="BT9" s="443">
        <v>0</v>
      </c>
      <c r="BU9" s="61">
        <v>924</v>
      </c>
      <c r="BV9" s="61">
        <v>765</v>
      </c>
      <c r="BW9" s="61">
        <v>549</v>
      </c>
      <c r="BX9" s="61">
        <v>492</v>
      </c>
      <c r="BY9" s="61">
        <v>271</v>
      </c>
      <c r="BZ9" s="62">
        <v>3001</v>
      </c>
      <c r="CA9" s="63">
        <v>3860</v>
      </c>
      <c r="CB9" s="60">
        <v>74</v>
      </c>
      <c r="CC9" s="61">
        <v>97</v>
      </c>
      <c r="CD9" s="62">
        <v>171</v>
      </c>
      <c r="CE9" s="443">
        <v>0</v>
      </c>
      <c r="CF9" s="61">
        <v>186</v>
      </c>
      <c r="CG9" s="61">
        <v>196</v>
      </c>
      <c r="CH9" s="61">
        <v>103</v>
      </c>
      <c r="CI9" s="61">
        <v>115</v>
      </c>
      <c r="CJ9" s="61">
        <v>123</v>
      </c>
      <c r="CK9" s="62">
        <v>723</v>
      </c>
      <c r="CL9" s="63">
        <v>894</v>
      </c>
      <c r="CM9" s="60">
        <v>2798</v>
      </c>
      <c r="CN9" s="61">
        <v>2532</v>
      </c>
      <c r="CO9" s="62">
        <v>5330</v>
      </c>
      <c r="CP9" s="443">
        <v>0</v>
      </c>
      <c r="CQ9" s="61">
        <v>5322</v>
      </c>
      <c r="CR9" s="61">
        <v>4364</v>
      </c>
      <c r="CS9" s="61">
        <v>2890</v>
      </c>
      <c r="CT9" s="61">
        <v>2547</v>
      </c>
      <c r="CU9" s="61">
        <v>1720</v>
      </c>
      <c r="CV9" s="62">
        <v>16843</v>
      </c>
      <c r="CW9" s="63">
        <v>22173</v>
      </c>
      <c r="CX9" s="113">
        <v>5276</v>
      </c>
      <c r="CY9" s="72">
        <v>5519</v>
      </c>
      <c r="CZ9" s="73">
        <v>10795</v>
      </c>
      <c r="DA9" s="443">
        <v>0</v>
      </c>
      <c r="DB9" s="72">
        <v>8928</v>
      </c>
      <c r="DC9" s="72">
        <v>6848</v>
      </c>
      <c r="DD9" s="72">
        <v>5253</v>
      </c>
      <c r="DE9" s="72">
        <v>5236</v>
      </c>
      <c r="DF9" s="72">
        <v>3698</v>
      </c>
      <c r="DG9" s="74">
        <v>29963</v>
      </c>
      <c r="DH9" s="75">
        <v>40758</v>
      </c>
      <c r="DI9" s="60">
        <v>118</v>
      </c>
      <c r="DJ9" s="61">
        <v>130</v>
      </c>
      <c r="DK9" s="62">
        <v>248</v>
      </c>
      <c r="DL9" s="443">
        <v>0</v>
      </c>
      <c r="DM9" s="61">
        <v>165</v>
      </c>
      <c r="DN9" s="61">
        <v>128</v>
      </c>
      <c r="DO9" s="61">
        <v>107</v>
      </c>
      <c r="DP9" s="61">
        <v>99</v>
      </c>
      <c r="DQ9" s="61">
        <v>80</v>
      </c>
      <c r="DR9" s="62">
        <v>579</v>
      </c>
      <c r="DS9" s="63">
        <v>827</v>
      </c>
      <c r="DT9" s="60">
        <v>356</v>
      </c>
      <c r="DU9" s="61">
        <v>348</v>
      </c>
      <c r="DV9" s="62">
        <v>704</v>
      </c>
      <c r="DW9" s="443">
        <v>0</v>
      </c>
      <c r="DX9" s="61">
        <v>469</v>
      </c>
      <c r="DY9" s="61">
        <v>372</v>
      </c>
      <c r="DZ9" s="61">
        <v>222</v>
      </c>
      <c r="EA9" s="61">
        <v>239</v>
      </c>
      <c r="EB9" s="61">
        <v>180</v>
      </c>
      <c r="EC9" s="62">
        <v>1482</v>
      </c>
      <c r="ED9" s="63">
        <v>2186</v>
      </c>
      <c r="EE9" s="60">
        <v>782</v>
      </c>
      <c r="EF9" s="61">
        <v>796</v>
      </c>
      <c r="EG9" s="62">
        <v>1578</v>
      </c>
      <c r="EH9" s="443">
        <v>0</v>
      </c>
      <c r="EI9" s="61">
        <v>1058</v>
      </c>
      <c r="EJ9" s="61">
        <v>687</v>
      </c>
      <c r="EK9" s="61">
        <v>447</v>
      </c>
      <c r="EL9" s="61">
        <v>443</v>
      </c>
      <c r="EM9" s="61">
        <v>357</v>
      </c>
      <c r="EN9" s="62">
        <v>2992</v>
      </c>
      <c r="EO9" s="63">
        <v>4570</v>
      </c>
      <c r="EP9" s="60">
        <v>1645</v>
      </c>
      <c r="EQ9" s="61">
        <v>1543</v>
      </c>
      <c r="ER9" s="62">
        <v>3188</v>
      </c>
      <c r="ES9" s="443">
        <v>0</v>
      </c>
      <c r="ET9" s="61">
        <v>2150</v>
      </c>
      <c r="EU9" s="61">
        <v>1384</v>
      </c>
      <c r="EV9" s="61">
        <v>947</v>
      </c>
      <c r="EW9" s="61">
        <v>902</v>
      </c>
      <c r="EX9" s="61">
        <v>662</v>
      </c>
      <c r="EY9" s="62">
        <v>6045</v>
      </c>
      <c r="EZ9" s="63">
        <v>9233</v>
      </c>
      <c r="FA9" s="60">
        <v>1557</v>
      </c>
      <c r="FB9" s="61">
        <v>1647</v>
      </c>
      <c r="FC9" s="62">
        <v>3204</v>
      </c>
      <c r="FD9" s="443">
        <v>0</v>
      </c>
      <c r="FE9" s="61">
        <v>2690</v>
      </c>
      <c r="FF9" s="61">
        <v>2027</v>
      </c>
      <c r="FG9" s="61">
        <v>1459</v>
      </c>
      <c r="FH9" s="61">
        <v>1263</v>
      </c>
      <c r="FI9" s="61">
        <v>963</v>
      </c>
      <c r="FJ9" s="62">
        <v>8402</v>
      </c>
      <c r="FK9" s="63">
        <v>11606</v>
      </c>
      <c r="FL9" s="60">
        <v>818</v>
      </c>
      <c r="FM9" s="61">
        <v>1055</v>
      </c>
      <c r="FN9" s="62">
        <v>1873</v>
      </c>
      <c r="FO9" s="443">
        <v>0</v>
      </c>
      <c r="FP9" s="61">
        <v>2396</v>
      </c>
      <c r="FQ9" s="61">
        <v>2250</v>
      </c>
      <c r="FR9" s="61">
        <v>2071</v>
      </c>
      <c r="FS9" s="61">
        <v>2290</v>
      </c>
      <c r="FT9" s="61">
        <v>1456</v>
      </c>
      <c r="FU9" s="62">
        <v>10463</v>
      </c>
      <c r="FV9" s="63">
        <v>12336</v>
      </c>
      <c r="FW9" s="60">
        <v>70</v>
      </c>
      <c r="FX9" s="61">
        <v>90</v>
      </c>
      <c r="FY9" s="62">
        <v>160</v>
      </c>
      <c r="FZ9" s="443">
        <v>0</v>
      </c>
      <c r="GA9" s="61">
        <v>128</v>
      </c>
      <c r="GB9" s="61">
        <v>133</v>
      </c>
      <c r="GC9" s="61">
        <v>102</v>
      </c>
      <c r="GD9" s="61">
        <v>99</v>
      </c>
      <c r="GE9" s="61">
        <v>84</v>
      </c>
      <c r="GF9" s="62">
        <v>546</v>
      </c>
      <c r="GG9" s="63">
        <v>706</v>
      </c>
      <c r="GH9" s="60">
        <v>5346</v>
      </c>
      <c r="GI9" s="61">
        <v>5609</v>
      </c>
      <c r="GJ9" s="62">
        <v>10955</v>
      </c>
      <c r="GK9" s="443">
        <v>0</v>
      </c>
      <c r="GL9" s="61">
        <v>9056</v>
      </c>
      <c r="GM9" s="61">
        <v>6981</v>
      </c>
      <c r="GN9" s="61">
        <v>5355</v>
      </c>
      <c r="GO9" s="61">
        <v>5335</v>
      </c>
      <c r="GP9" s="61">
        <v>3782</v>
      </c>
      <c r="GQ9" s="62">
        <v>30509</v>
      </c>
      <c r="GR9" s="63">
        <v>41464</v>
      </c>
      <c r="GS9" s="113">
        <v>8000</v>
      </c>
      <c r="GT9" s="72">
        <v>7954</v>
      </c>
      <c r="GU9" s="73">
        <v>15954</v>
      </c>
      <c r="GV9" s="224">
        <v>0</v>
      </c>
      <c r="GW9" s="72">
        <v>14064</v>
      </c>
      <c r="GX9" s="72">
        <v>11016</v>
      </c>
      <c r="GY9" s="72">
        <v>8040</v>
      </c>
      <c r="GZ9" s="72">
        <v>7668</v>
      </c>
      <c r="HA9" s="72">
        <v>5295</v>
      </c>
      <c r="HB9" s="74">
        <v>46083</v>
      </c>
      <c r="HC9" s="75">
        <v>62037</v>
      </c>
      <c r="HD9" s="60">
        <v>280</v>
      </c>
      <c r="HE9" s="61">
        <v>278</v>
      </c>
      <c r="HF9" s="62">
        <v>558</v>
      </c>
      <c r="HG9" s="227">
        <v>0</v>
      </c>
      <c r="HH9" s="61">
        <v>442</v>
      </c>
      <c r="HI9" s="61">
        <v>373</v>
      </c>
      <c r="HJ9" s="61">
        <v>256</v>
      </c>
      <c r="HK9" s="61">
        <v>240</v>
      </c>
      <c r="HL9" s="61">
        <v>186</v>
      </c>
      <c r="HM9" s="62">
        <v>1497</v>
      </c>
      <c r="HN9" s="63">
        <v>2055</v>
      </c>
      <c r="HO9" s="60">
        <v>654</v>
      </c>
      <c r="HP9" s="61">
        <v>620</v>
      </c>
      <c r="HQ9" s="62">
        <v>1274</v>
      </c>
      <c r="HR9" s="443">
        <v>0</v>
      </c>
      <c r="HS9" s="61">
        <v>1004</v>
      </c>
      <c r="HT9" s="61">
        <v>848</v>
      </c>
      <c r="HU9" s="61">
        <v>541</v>
      </c>
      <c r="HV9" s="61">
        <v>517</v>
      </c>
      <c r="HW9" s="61">
        <v>398</v>
      </c>
      <c r="HX9" s="62">
        <v>3308</v>
      </c>
      <c r="HY9" s="63">
        <v>4582</v>
      </c>
      <c r="HZ9" s="60">
        <v>1237</v>
      </c>
      <c r="IA9" s="61">
        <v>1220</v>
      </c>
      <c r="IB9" s="62">
        <v>2457</v>
      </c>
      <c r="IC9" s="443">
        <v>0</v>
      </c>
      <c r="ID9" s="61">
        <v>1921</v>
      </c>
      <c r="IE9" s="61">
        <v>1399</v>
      </c>
      <c r="IF9" s="61">
        <v>915</v>
      </c>
      <c r="IG9" s="61">
        <v>877</v>
      </c>
      <c r="IH9" s="61">
        <v>674</v>
      </c>
      <c r="II9" s="62">
        <v>5786</v>
      </c>
      <c r="IJ9" s="63">
        <v>8243</v>
      </c>
      <c r="IK9" s="60">
        <v>2330</v>
      </c>
      <c r="IL9" s="61">
        <v>2104</v>
      </c>
      <c r="IM9" s="62">
        <v>4434</v>
      </c>
      <c r="IN9" s="443">
        <v>0</v>
      </c>
      <c r="IO9" s="61">
        <v>3421</v>
      </c>
      <c r="IP9" s="61">
        <v>2378</v>
      </c>
      <c r="IQ9" s="61">
        <v>1585</v>
      </c>
      <c r="IR9" s="61">
        <v>1446</v>
      </c>
      <c r="IS9" s="61">
        <v>1008</v>
      </c>
      <c r="IT9" s="62">
        <v>9838</v>
      </c>
      <c r="IU9" s="63">
        <v>14272</v>
      </c>
      <c r="IV9" s="60">
        <v>2255</v>
      </c>
      <c r="IW9" s="61">
        <v>2244</v>
      </c>
      <c r="IX9" s="62">
        <v>4499</v>
      </c>
      <c r="IY9" s="443">
        <v>0</v>
      </c>
      <c r="IZ9" s="61">
        <v>3956</v>
      </c>
      <c r="JA9" s="61">
        <v>3003</v>
      </c>
      <c r="JB9" s="61">
        <v>2123</v>
      </c>
      <c r="JC9" s="61">
        <v>1806</v>
      </c>
      <c r="JD9" s="61">
        <v>1302</v>
      </c>
      <c r="JE9" s="62">
        <v>12190</v>
      </c>
      <c r="JF9" s="63">
        <v>16689</v>
      </c>
      <c r="JG9" s="60">
        <v>1244</v>
      </c>
      <c r="JH9" s="61">
        <v>1488</v>
      </c>
      <c r="JI9" s="62">
        <v>2732</v>
      </c>
      <c r="JJ9" s="443">
        <v>0</v>
      </c>
      <c r="JK9" s="61">
        <v>3320</v>
      </c>
      <c r="JL9" s="61">
        <v>3015</v>
      </c>
      <c r="JM9" s="61">
        <v>2620</v>
      </c>
      <c r="JN9" s="61">
        <v>2782</v>
      </c>
      <c r="JO9" s="61">
        <v>1727</v>
      </c>
      <c r="JP9" s="62">
        <v>13464</v>
      </c>
      <c r="JQ9" s="63">
        <v>16196</v>
      </c>
      <c r="JR9" s="60">
        <v>144</v>
      </c>
      <c r="JS9" s="61">
        <v>187</v>
      </c>
      <c r="JT9" s="62">
        <v>331</v>
      </c>
      <c r="JU9" s="443">
        <v>0</v>
      </c>
      <c r="JV9" s="61">
        <v>314</v>
      </c>
      <c r="JW9" s="61">
        <v>329</v>
      </c>
      <c r="JX9" s="61">
        <v>205</v>
      </c>
      <c r="JY9" s="61">
        <v>214</v>
      </c>
      <c r="JZ9" s="61">
        <v>207</v>
      </c>
      <c r="KA9" s="62">
        <v>1269</v>
      </c>
      <c r="KB9" s="63">
        <v>1600</v>
      </c>
      <c r="KC9" s="60">
        <v>8144</v>
      </c>
      <c r="KD9" s="61">
        <v>8141</v>
      </c>
      <c r="KE9" s="62">
        <v>16285</v>
      </c>
      <c r="KF9" s="443">
        <v>0</v>
      </c>
      <c r="KG9" s="61">
        <v>14378</v>
      </c>
      <c r="KH9" s="61">
        <v>11345</v>
      </c>
      <c r="KI9" s="61">
        <v>8245</v>
      </c>
      <c r="KJ9" s="61">
        <v>7882</v>
      </c>
      <c r="KK9" s="61">
        <v>5502</v>
      </c>
      <c r="KL9" s="62">
        <v>47352</v>
      </c>
      <c r="KM9" s="63">
        <v>63637</v>
      </c>
    </row>
    <row r="10" spans="2:299" ht="21" customHeight="1" x14ac:dyDescent="0.2">
      <c r="B10" s="437" t="s">
        <v>14</v>
      </c>
      <c r="C10" s="287">
        <v>1573</v>
      </c>
      <c r="D10" s="72">
        <v>1945</v>
      </c>
      <c r="E10" s="73">
        <v>3518</v>
      </c>
      <c r="F10" s="443">
        <v>0</v>
      </c>
      <c r="G10" s="72">
        <v>2337</v>
      </c>
      <c r="H10" s="72">
        <v>2587</v>
      </c>
      <c r="I10" s="72">
        <v>1813</v>
      </c>
      <c r="J10" s="72">
        <v>1497</v>
      </c>
      <c r="K10" s="72">
        <v>884</v>
      </c>
      <c r="L10" s="74">
        <v>9118</v>
      </c>
      <c r="M10" s="75">
        <v>12636</v>
      </c>
      <c r="N10" s="60">
        <v>57</v>
      </c>
      <c r="O10" s="61">
        <v>89</v>
      </c>
      <c r="P10" s="62">
        <v>146</v>
      </c>
      <c r="Q10" s="443">
        <v>0</v>
      </c>
      <c r="R10" s="61">
        <v>92</v>
      </c>
      <c r="S10" s="61">
        <v>125</v>
      </c>
      <c r="T10" s="61">
        <v>90</v>
      </c>
      <c r="U10" s="61">
        <v>98</v>
      </c>
      <c r="V10" s="61">
        <v>65</v>
      </c>
      <c r="W10" s="62">
        <v>470</v>
      </c>
      <c r="X10" s="63">
        <v>616</v>
      </c>
      <c r="Y10" s="60">
        <v>148</v>
      </c>
      <c r="Z10" s="61">
        <v>265</v>
      </c>
      <c r="AA10" s="62">
        <v>413</v>
      </c>
      <c r="AB10" s="443">
        <v>0</v>
      </c>
      <c r="AC10" s="61">
        <v>200</v>
      </c>
      <c r="AD10" s="61">
        <v>268</v>
      </c>
      <c r="AE10" s="61">
        <v>189</v>
      </c>
      <c r="AF10" s="61">
        <v>159</v>
      </c>
      <c r="AG10" s="61">
        <v>120</v>
      </c>
      <c r="AH10" s="62">
        <v>936</v>
      </c>
      <c r="AI10" s="63">
        <v>1349</v>
      </c>
      <c r="AJ10" s="60">
        <v>247</v>
      </c>
      <c r="AK10" s="61">
        <v>363</v>
      </c>
      <c r="AL10" s="62">
        <v>610</v>
      </c>
      <c r="AM10" s="443">
        <v>0</v>
      </c>
      <c r="AN10" s="61">
        <v>363</v>
      </c>
      <c r="AO10" s="61">
        <v>431</v>
      </c>
      <c r="AP10" s="61">
        <v>289</v>
      </c>
      <c r="AQ10" s="61">
        <v>258</v>
      </c>
      <c r="AR10" s="61">
        <v>157</v>
      </c>
      <c r="AS10" s="62">
        <v>1498</v>
      </c>
      <c r="AT10" s="63">
        <v>2108</v>
      </c>
      <c r="AU10" s="60">
        <v>481</v>
      </c>
      <c r="AV10" s="61">
        <v>522</v>
      </c>
      <c r="AW10" s="62">
        <v>1003</v>
      </c>
      <c r="AX10" s="443">
        <v>0</v>
      </c>
      <c r="AY10" s="61">
        <v>678</v>
      </c>
      <c r="AZ10" s="61">
        <v>670</v>
      </c>
      <c r="BA10" s="61">
        <v>459</v>
      </c>
      <c r="BB10" s="61">
        <v>358</v>
      </c>
      <c r="BC10" s="61">
        <v>216</v>
      </c>
      <c r="BD10" s="62">
        <v>2381</v>
      </c>
      <c r="BE10" s="63">
        <v>3384</v>
      </c>
      <c r="BF10" s="60">
        <v>440</v>
      </c>
      <c r="BG10" s="61">
        <v>448</v>
      </c>
      <c r="BH10" s="62">
        <v>888</v>
      </c>
      <c r="BI10" s="443">
        <v>0</v>
      </c>
      <c r="BJ10" s="61">
        <v>630</v>
      </c>
      <c r="BK10" s="61">
        <v>669</v>
      </c>
      <c r="BL10" s="61">
        <v>449</v>
      </c>
      <c r="BM10" s="61">
        <v>357</v>
      </c>
      <c r="BN10" s="61">
        <v>190</v>
      </c>
      <c r="BO10" s="62">
        <v>2295</v>
      </c>
      <c r="BP10" s="63">
        <v>3183</v>
      </c>
      <c r="BQ10" s="60">
        <v>200</v>
      </c>
      <c r="BR10" s="61">
        <v>258</v>
      </c>
      <c r="BS10" s="62">
        <v>458</v>
      </c>
      <c r="BT10" s="443">
        <v>0</v>
      </c>
      <c r="BU10" s="61">
        <v>374</v>
      </c>
      <c r="BV10" s="61">
        <v>424</v>
      </c>
      <c r="BW10" s="61">
        <v>337</v>
      </c>
      <c r="BX10" s="61">
        <v>267</v>
      </c>
      <c r="BY10" s="61">
        <v>136</v>
      </c>
      <c r="BZ10" s="62">
        <v>1538</v>
      </c>
      <c r="CA10" s="63">
        <v>1996</v>
      </c>
      <c r="CB10" s="60">
        <v>34</v>
      </c>
      <c r="CC10" s="61">
        <v>96</v>
      </c>
      <c r="CD10" s="62">
        <v>130</v>
      </c>
      <c r="CE10" s="443">
        <v>0</v>
      </c>
      <c r="CF10" s="61">
        <v>45</v>
      </c>
      <c r="CG10" s="61">
        <v>127</v>
      </c>
      <c r="CH10" s="61">
        <v>76</v>
      </c>
      <c r="CI10" s="61">
        <v>72</v>
      </c>
      <c r="CJ10" s="61">
        <v>48</v>
      </c>
      <c r="CK10" s="62">
        <v>368</v>
      </c>
      <c r="CL10" s="63">
        <v>498</v>
      </c>
      <c r="CM10" s="60">
        <v>1607</v>
      </c>
      <c r="CN10" s="61">
        <v>2041</v>
      </c>
      <c r="CO10" s="62">
        <v>3648</v>
      </c>
      <c r="CP10" s="443">
        <v>0</v>
      </c>
      <c r="CQ10" s="61">
        <v>2382</v>
      </c>
      <c r="CR10" s="61">
        <v>2714</v>
      </c>
      <c r="CS10" s="61">
        <v>1889</v>
      </c>
      <c r="CT10" s="61">
        <v>1569</v>
      </c>
      <c r="CU10" s="61">
        <v>932</v>
      </c>
      <c r="CV10" s="62">
        <v>9486</v>
      </c>
      <c r="CW10" s="63">
        <v>13134</v>
      </c>
      <c r="CX10" s="113">
        <v>3008</v>
      </c>
      <c r="CY10" s="72">
        <v>4233</v>
      </c>
      <c r="CZ10" s="73">
        <v>7241</v>
      </c>
      <c r="DA10" s="443">
        <v>0</v>
      </c>
      <c r="DB10" s="72">
        <v>3892</v>
      </c>
      <c r="DC10" s="72">
        <v>4198</v>
      </c>
      <c r="DD10" s="72">
        <v>3287</v>
      </c>
      <c r="DE10" s="72">
        <v>3079</v>
      </c>
      <c r="DF10" s="72">
        <v>1893</v>
      </c>
      <c r="DG10" s="74">
        <v>16349</v>
      </c>
      <c r="DH10" s="75">
        <v>23590</v>
      </c>
      <c r="DI10" s="60">
        <v>66</v>
      </c>
      <c r="DJ10" s="61">
        <v>97</v>
      </c>
      <c r="DK10" s="62">
        <v>163</v>
      </c>
      <c r="DL10" s="443">
        <v>0</v>
      </c>
      <c r="DM10" s="61">
        <v>61</v>
      </c>
      <c r="DN10" s="61">
        <v>102</v>
      </c>
      <c r="DO10" s="61">
        <v>78</v>
      </c>
      <c r="DP10" s="61">
        <v>58</v>
      </c>
      <c r="DQ10" s="61">
        <v>43</v>
      </c>
      <c r="DR10" s="62">
        <v>342</v>
      </c>
      <c r="DS10" s="63">
        <v>505</v>
      </c>
      <c r="DT10" s="60">
        <v>233</v>
      </c>
      <c r="DU10" s="61">
        <v>315</v>
      </c>
      <c r="DV10" s="62">
        <v>548</v>
      </c>
      <c r="DW10" s="443">
        <v>0</v>
      </c>
      <c r="DX10" s="61">
        <v>188</v>
      </c>
      <c r="DY10" s="61">
        <v>264</v>
      </c>
      <c r="DZ10" s="61">
        <v>157</v>
      </c>
      <c r="EA10" s="61">
        <v>149</v>
      </c>
      <c r="EB10" s="61">
        <v>115</v>
      </c>
      <c r="EC10" s="62">
        <v>873</v>
      </c>
      <c r="ED10" s="63">
        <v>1421</v>
      </c>
      <c r="EE10" s="60">
        <v>535</v>
      </c>
      <c r="EF10" s="61">
        <v>702</v>
      </c>
      <c r="EG10" s="62">
        <v>1237</v>
      </c>
      <c r="EH10" s="443">
        <v>0</v>
      </c>
      <c r="EI10" s="61">
        <v>509</v>
      </c>
      <c r="EJ10" s="61">
        <v>533</v>
      </c>
      <c r="EK10" s="61">
        <v>332</v>
      </c>
      <c r="EL10" s="61">
        <v>323</v>
      </c>
      <c r="EM10" s="61">
        <v>246</v>
      </c>
      <c r="EN10" s="62">
        <v>1943</v>
      </c>
      <c r="EO10" s="63">
        <v>3180</v>
      </c>
      <c r="EP10" s="60">
        <v>973</v>
      </c>
      <c r="EQ10" s="61">
        <v>1274</v>
      </c>
      <c r="ER10" s="62">
        <v>2247</v>
      </c>
      <c r="ES10" s="443">
        <v>0</v>
      </c>
      <c r="ET10" s="61">
        <v>1084</v>
      </c>
      <c r="EU10" s="61">
        <v>1006</v>
      </c>
      <c r="EV10" s="61">
        <v>739</v>
      </c>
      <c r="EW10" s="61">
        <v>589</v>
      </c>
      <c r="EX10" s="61">
        <v>384</v>
      </c>
      <c r="EY10" s="62">
        <v>3802</v>
      </c>
      <c r="EZ10" s="63">
        <v>6049</v>
      </c>
      <c r="FA10" s="60">
        <v>824</v>
      </c>
      <c r="FB10" s="61">
        <v>1161</v>
      </c>
      <c r="FC10" s="62">
        <v>1985</v>
      </c>
      <c r="FD10" s="443">
        <v>0</v>
      </c>
      <c r="FE10" s="61">
        <v>1148</v>
      </c>
      <c r="FF10" s="61">
        <v>1139</v>
      </c>
      <c r="FG10" s="61">
        <v>840</v>
      </c>
      <c r="FH10" s="61">
        <v>772</v>
      </c>
      <c r="FI10" s="61">
        <v>472</v>
      </c>
      <c r="FJ10" s="62">
        <v>4371</v>
      </c>
      <c r="FK10" s="63">
        <v>6356</v>
      </c>
      <c r="FL10" s="60">
        <v>377</v>
      </c>
      <c r="FM10" s="61">
        <v>684</v>
      </c>
      <c r="FN10" s="62">
        <v>1061</v>
      </c>
      <c r="FO10" s="443">
        <v>0</v>
      </c>
      <c r="FP10" s="61">
        <v>902</v>
      </c>
      <c r="FQ10" s="61">
        <v>1154</v>
      </c>
      <c r="FR10" s="61">
        <v>1141</v>
      </c>
      <c r="FS10" s="61">
        <v>1188</v>
      </c>
      <c r="FT10" s="61">
        <v>633</v>
      </c>
      <c r="FU10" s="62">
        <v>5018</v>
      </c>
      <c r="FV10" s="63">
        <v>6079</v>
      </c>
      <c r="FW10" s="60">
        <v>23</v>
      </c>
      <c r="FX10" s="61">
        <v>79</v>
      </c>
      <c r="FY10" s="62">
        <v>102</v>
      </c>
      <c r="FZ10" s="443">
        <v>0</v>
      </c>
      <c r="GA10" s="61">
        <v>45</v>
      </c>
      <c r="GB10" s="61">
        <v>92</v>
      </c>
      <c r="GC10" s="61">
        <v>47</v>
      </c>
      <c r="GD10" s="61">
        <v>47</v>
      </c>
      <c r="GE10" s="61">
        <v>56</v>
      </c>
      <c r="GF10" s="62">
        <v>287</v>
      </c>
      <c r="GG10" s="63">
        <v>389</v>
      </c>
      <c r="GH10" s="60">
        <v>3031</v>
      </c>
      <c r="GI10" s="61">
        <v>4312</v>
      </c>
      <c r="GJ10" s="62">
        <v>7343</v>
      </c>
      <c r="GK10" s="443">
        <v>0</v>
      </c>
      <c r="GL10" s="61">
        <v>3937</v>
      </c>
      <c r="GM10" s="61">
        <v>4290</v>
      </c>
      <c r="GN10" s="61">
        <v>3334</v>
      </c>
      <c r="GO10" s="61">
        <v>3126</v>
      </c>
      <c r="GP10" s="61">
        <v>1949</v>
      </c>
      <c r="GQ10" s="62">
        <v>16636</v>
      </c>
      <c r="GR10" s="63">
        <v>23979</v>
      </c>
      <c r="GS10" s="113">
        <v>4581</v>
      </c>
      <c r="GT10" s="72">
        <v>6178</v>
      </c>
      <c r="GU10" s="73">
        <v>10759</v>
      </c>
      <c r="GV10" s="224">
        <v>0</v>
      </c>
      <c r="GW10" s="72">
        <v>6229</v>
      </c>
      <c r="GX10" s="72">
        <v>6785</v>
      </c>
      <c r="GY10" s="72">
        <v>5100</v>
      </c>
      <c r="GZ10" s="72">
        <v>4576</v>
      </c>
      <c r="HA10" s="72">
        <v>2777</v>
      </c>
      <c r="HB10" s="74">
        <v>25467</v>
      </c>
      <c r="HC10" s="75">
        <v>36226</v>
      </c>
      <c r="HD10" s="60">
        <v>123</v>
      </c>
      <c r="HE10" s="61">
        <v>186</v>
      </c>
      <c r="HF10" s="62">
        <v>309</v>
      </c>
      <c r="HG10" s="227">
        <v>0</v>
      </c>
      <c r="HH10" s="61">
        <v>153</v>
      </c>
      <c r="HI10" s="61">
        <v>227</v>
      </c>
      <c r="HJ10" s="61">
        <v>168</v>
      </c>
      <c r="HK10" s="61">
        <v>156</v>
      </c>
      <c r="HL10" s="61">
        <v>108</v>
      </c>
      <c r="HM10" s="62">
        <v>812</v>
      </c>
      <c r="HN10" s="63">
        <v>1121</v>
      </c>
      <c r="HO10" s="60">
        <v>381</v>
      </c>
      <c r="HP10" s="61">
        <v>580</v>
      </c>
      <c r="HQ10" s="62">
        <v>961</v>
      </c>
      <c r="HR10" s="443">
        <v>0</v>
      </c>
      <c r="HS10" s="61">
        <v>388</v>
      </c>
      <c r="HT10" s="61">
        <v>532</v>
      </c>
      <c r="HU10" s="61">
        <v>346</v>
      </c>
      <c r="HV10" s="61">
        <v>308</v>
      </c>
      <c r="HW10" s="61">
        <v>235</v>
      </c>
      <c r="HX10" s="62">
        <v>1809</v>
      </c>
      <c r="HY10" s="63">
        <v>2770</v>
      </c>
      <c r="HZ10" s="60">
        <v>782</v>
      </c>
      <c r="IA10" s="61">
        <v>1065</v>
      </c>
      <c r="IB10" s="62">
        <v>1847</v>
      </c>
      <c r="IC10" s="443">
        <v>0</v>
      </c>
      <c r="ID10" s="61">
        <v>872</v>
      </c>
      <c r="IE10" s="61">
        <v>964</v>
      </c>
      <c r="IF10" s="61">
        <v>621</v>
      </c>
      <c r="IG10" s="61">
        <v>581</v>
      </c>
      <c r="IH10" s="61">
        <v>403</v>
      </c>
      <c r="II10" s="62">
        <v>3441</v>
      </c>
      <c r="IJ10" s="63">
        <v>5288</v>
      </c>
      <c r="IK10" s="60">
        <v>1454</v>
      </c>
      <c r="IL10" s="61">
        <v>1796</v>
      </c>
      <c r="IM10" s="62">
        <v>3250</v>
      </c>
      <c r="IN10" s="443">
        <v>0</v>
      </c>
      <c r="IO10" s="61">
        <v>1762</v>
      </c>
      <c r="IP10" s="61">
        <v>1676</v>
      </c>
      <c r="IQ10" s="61">
        <v>1198</v>
      </c>
      <c r="IR10" s="61">
        <v>947</v>
      </c>
      <c r="IS10" s="61">
        <v>600</v>
      </c>
      <c r="IT10" s="62">
        <v>6183</v>
      </c>
      <c r="IU10" s="63">
        <v>9433</v>
      </c>
      <c r="IV10" s="60">
        <v>1264</v>
      </c>
      <c r="IW10" s="61">
        <v>1609</v>
      </c>
      <c r="IX10" s="62">
        <v>2873</v>
      </c>
      <c r="IY10" s="443">
        <v>0</v>
      </c>
      <c r="IZ10" s="61">
        <v>1778</v>
      </c>
      <c r="JA10" s="61">
        <v>1808</v>
      </c>
      <c r="JB10" s="61">
        <v>1289</v>
      </c>
      <c r="JC10" s="61">
        <v>1129</v>
      </c>
      <c r="JD10" s="61">
        <v>662</v>
      </c>
      <c r="JE10" s="62">
        <v>6666</v>
      </c>
      <c r="JF10" s="63">
        <v>9539</v>
      </c>
      <c r="JG10" s="60">
        <v>577</v>
      </c>
      <c r="JH10" s="61">
        <v>942</v>
      </c>
      <c r="JI10" s="62">
        <v>1519</v>
      </c>
      <c r="JJ10" s="443">
        <v>0</v>
      </c>
      <c r="JK10" s="61">
        <v>1276</v>
      </c>
      <c r="JL10" s="61">
        <v>1578</v>
      </c>
      <c r="JM10" s="61">
        <v>1478</v>
      </c>
      <c r="JN10" s="61">
        <v>1455</v>
      </c>
      <c r="JO10" s="61">
        <v>769</v>
      </c>
      <c r="JP10" s="62">
        <v>6556</v>
      </c>
      <c r="JQ10" s="63">
        <v>8075</v>
      </c>
      <c r="JR10" s="60">
        <v>57</v>
      </c>
      <c r="JS10" s="61">
        <v>175</v>
      </c>
      <c r="JT10" s="62">
        <v>232</v>
      </c>
      <c r="JU10" s="443">
        <v>0</v>
      </c>
      <c r="JV10" s="61">
        <v>90</v>
      </c>
      <c r="JW10" s="61">
        <v>219</v>
      </c>
      <c r="JX10" s="61">
        <v>123</v>
      </c>
      <c r="JY10" s="61">
        <v>119</v>
      </c>
      <c r="JZ10" s="61">
        <v>104</v>
      </c>
      <c r="KA10" s="62">
        <v>655</v>
      </c>
      <c r="KB10" s="63">
        <v>887</v>
      </c>
      <c r="KC10" s="60">
        <v>4638</v>
      </c>
      <c r="KD10" s="61">
        <v>6353</v>
      </c>
      <c r="KE10" s="62">
        <v>10991</v>
      </c>
      <c r="KF10" s="443">
        <v>0</v>
      </c>
      <c r="KG10" s="61">
        <v>6319</v>
      </c>
      <c r="KH10" s="61">
        <v>7004</v>
      </c>
      <c r="KI10" s="61">
        <v>5223</v>
      </c>
      <c r="KJ10" s="61">
        <v>4695</v>
      </c>
      <c r="KK10" s="61">
        <v>2881</v>
      </c>
      <c r="KL10" s="62">
        <v>26122</v>
      </c>
      <c r="KM10" s="63">
        <v>37113</v>
      </c>
    </row>
    <row r="11" spans="2:299" ht="21" customHeight="1" x14ac:dyDescent="0.2">
      <c r="B11" s="437" t="s">
        <v>7</v>
      </c>
      <c r="C11" s="287">
        <v>1003</v>
      </c>
      <c r="D11" s="72">
        <v>784</v>
      </c>
      <c r="E11" s="73">
        <v>1787</v>
      </c>
      <c r="F11" s="443">
        <v>0</v>
      </c>
      <c r="G11" s="72">
        <v>2329</v>
      </c>
      <c r="H11" s="72">
        <v>1496</v>
      </c>
      <c r="I11" s="72">
        <v>869</v>
      </c>
      <c r="J11" s="72">
        <v>790</v>
      </c>
      <c r="K11" s="72">
        <v>454</v>
      </c>
      <c r="L11" s="74">
        <v>5938</v>
      </c>
      <c r="M11" s="75">
        <v>7725</v>
      </c>
      <c r="N11" s="60">
        <v>30</v>
      </c>
      <c r="O11" s="61">
        <v>32</v>
      </c>
      <c r="P11" s="62">
        <v>62</v>
      </c>
      <c r="Q11" s="443">
        <v>0</v>
      </c>
      <c r="R11" s="61">
        <v>92</v>
      </c>
      <c r="S11" s="61">
        <v>73</v>
      </c>
      <c r="T11" s="61">
        <v>30</v>
      </c>
      <c r="U11" s="61">
        <v>43</v>
      </c>
      <c r="V11" s="61">
        <v>27</v>
      </c>
      <c r="W11" s="62">
        <v>265</v>
      </c>
      <c r="X11" s="63">
        <v>327</v>
      </c>
      <c r="Y11" s="60">
        <v>68</v>
      </c>
      <c r="Z11" s="61">
        <v>80</v>
      </c>
      <c r="AA11" s="62">
        <v>148</v>
      </c>
      <c r="AB11" s="443">
        <v>0</v>
      </c>
      <c r="AC11" s="61">
        <v>215</v>
      </c>
      <c r="AD11" s="61">
        <v>157</v>
      </c>
      <c r="AE11" s="61">
        <v>86</v>
      </c>
      <c r="AF11" s="61">
        <v>82</v>
      </c>
      <c r="AG11" s="61">
        <v>64</v>
      </c>
      <c r="AH11" s="62">
        <v>604</v>
      </c>
      <c r="AI11" s="63">
        <v>752</v>
      </c>
      <c r="AJ11" s="60">
        <v>135</v>
      </c>
      <c r="AK11" s="61">
        <v>128</v>
      </c>
      <c r="AL11" s="62">
        <v>263</v>
      </c>
      <c r="AM11" s="443">
        <v>0</v>
      </c>
      <c r="AN11" s="61">
        <v>386</v>
      </c>
      <c r="AO11" s="61">
        <v>239</v>
      </c>
      <c r="AP11" s="61">
        <v>155</v>
      </c>
      <c r="AQ11" s="61">
        <v>120</v>
      </c>
      <c r="AR11" s="61">
        <v>86</v>
      </c>
      <c r="AS11" s="62">
        <v>986</v>
      </c>
      <c r="AT11" s="63">
        <v>1249</v>
      </c>
      <c r="AU11" s="60">
        <v>296</v>
      </c>
      <c r="AV11" s="61">
        <v>185</v>
      </c>
      <c r="AW11" s="62">
        <v>481</v>
      </c>
      <c r="AX11" s="443">
        <v>0</v>
      </c>
      <c r="AY11" s="61">
        <v>598</v>
      </c>
      <c r="AZ11" s="61">
        <v>351</v>
      </c>
      <c r="BA11" s="61">
        <v>230</v>
      </c>
      <c r="BB11" s="61">
        <v>181</v>
      </c>
      <c r="BC11" s="61">
        <v>105</v>
      </c>
      <c r="BD11" s="62">
        <v>1465</v>
      </c>
      <c r="BE11" s="63">
        <v>1946</v>
      </c>
      <c r="BF11" s="60">
        <v>303</v>
      </c>
      <c r="BG11" s="61">
        <v>223</v>
      </c>
      <c r="BH11" s="62">
        <v>526</v>
      </c>
      <c r="BI11" s="443">
        <v>0</v>
      </c>
      <c r="BJ11" s="61">
        <v>611</v>
      </c>
      <c r="BK11" s="61">
        <v>379</v>
      </c>
      <c r="BL11" s="61">
        <v>190</v>
      </c>
      <c r="BM11" s="61">
        <v>216</v>
      </c>
      <c r="BN11" s="61">
        <v>101</v>
      </c>
      <c r="BO11" s="62">
        <v>1497</v>
      </c>
      <c r="BP11" s="63">
        <v>2023</v>
      </c>
      <c r="BQ11" s="60">
        <v>171</v>
      </c>
      <c r="BR11" s="61">
        <v>136</v>
      </c>
      <c r="BS11" s="62">
        <v>307</v>
      </c>
      <c r="BT11" s="443">
        <v>0</v>
      </c>
      <c r="BU11" s="61">
        <v>427</v>
      </c>
      <c r="BV11" s="61">
        <v>297</v>
      </c>
      <c r="BW11" s="61">
        <v>178</v>
      </c>
      <c r="BX11" s="61">
        <v>148</v>
      </c>
      <c r="BY11" s="61">
        <v>71</v>
      </c>
      <c r="BZ11" s="62">
        <v>1121</v>
      </c>
      <c r="CA11" s="63">
        <v>1428</v>
      </c>
      <c r="CB11" s="60">
        <v>15</v>
      </c>
      <c r="CC11" s="61">
        <v>21</v>
      </c>
      <c r="CD11" s="62">
        <v>36</v>
      </c>
      <c r="CE11" s="443">
        <v>0</v>
      </c>
      <c r="CF11" s="61">
        <v>63</v>
      </c>
      <c r="CG11" s="61">
        <v>59</v>
      </c>
      <c r="CH11" s="61">
        <v>31</v>
      </c>
      <c r="CI11" s="61">
        <v>40</v>
      </c>
      <c r="CJ11" s="61">
        <v>28</v>
      </c>
      <c r="CK11" s="62">
        <v>221</v>
      </c>
      <c r="CL11" s="63">
        <v>257</v>
      </c>
      <c r="CM11" s="60">
        <v>1018</v>
      </c>
      <c r="CN11" s="61">
        <v>805</v>
      </c>
      <c r="CO11" s="62">
        <v>1823</v>
      </c>
      <c r="CP11" s="443">
        <v>0</v>
      </c>
      <c r="CQ11" s="61">
        <v>2392</v>
      </c>
      <c r="CR11" s="61">
        <v>1555</v>
      </c>
      <c r="CS11" s="61">
        <v>900</v>
      </c>
      <c r="CT11" s="61">
        <v>830</v>
      </c>
      <c r="CU11" s="61">
        <v>482</v>
      </c>
      <c r="CV11" s="62">
        <v>6159</v>
      </c>
      <c r="CW11" s="63">
        <v>7982</v>
      </c>
      <c r="CX11" s="113">
        <v>1949</v>
      </c>
      <c r="CY11" s="72">
        <v>2129</v>
      </c>
      <c r="CZ11" s="73">
        <v>4078</v>
      </c>
      <c r="DA11" s="443">
        <v>0</v>
      </c>
      <c r="DB11" s="72">
        <v>4292</v>
      </c>
      <c r="DC11" s="72">
        <v>2652</v>
      </c>
      <c r="DD11" s="72">
        <v>2009</v>
      </c>
      <c r="DE11" s="72">
        <v>1928</v>
      </c>
      <c r="DF11" s="72">
        <v>1151</v>
      </c>
      <c r="DG11" s="74">
        <v>12032</v>
      </c>
      <c r="DH11" s="75">
        <v>16110</v>
      </c>
      <c r="DI11" s="60">
        <v>24</v>
      </c>
      <c r="DJ11" s="61">
        <v>42</v>
      </c>
      <c r="DK11" s="62">
        <v>66</v>
      </c>
      <c r="DL11" s="443">
        <v>0</v>
      </c>
      <c r="DM11" s="61">
        <v>92</v>
      </c>
      <c r="DN11" s="61">
        <v>52</v>
      </c>
      <c r="DO11" s="61">
        <v>35</v>
      </c>
      <c r="DP11" s="61">
        <v>31</v>
      </c>
      <c r="DQ11" s="61">
        <v>37</v>
      </c>
      <c r="DR11" s="62">
        <v>247</v>
      </c>
      <c r="DS11" s="63">
        <v>313</v>
      </c>
      <c r="DT11" s="60">
        <v>128</v>
      </c>
      <c r="DU11" s="61">
        <v>117</v>
      </c>
      <c r="DV11" s="62">
        <v>245</v>
      </c>
      <c r="DW11" s="443">
        <v>0</v>
      </c>
      <c r="DX11" s="61">
        <v>208</v>
      </c>
      <c r="DY11" s="61">
        <v>134</v>
      </c>
      <c r="DZ11" s="61">
        <v>74</v>
      </c>
      <c r="EA11" s="61">
        <v>96</v>
      </c>
      <c r="EB11" s="61">
        <v>48</v>
      </c>
      <c r="EC11" s="62">
        <v>560</v>
      </c>
      <c r="ED11" s="63">
        <v>805</v>
      </c>
      <c r="EE11" s="60">
        <v>284</v>
      </c>
      <c r="EF11" s="61">
        <v>312</v>
      </c>
      <c r="EG11" s="62">
        <v>596</v>
      </c>
      <c r="EH11" s="443">
        <v>0</v>
      </c>
      <c r="EI11" s="61">
        <v>541</v>
      </c>
      <c r="EJ11" s="61">
        <v>262</v>
      </c>
      <c r="EK11" s="61">
        <v>186</v>
      </c>
      <c r="EL11" s="61">
        <v>176</v>
      </c>
      <c r="EM11" s="61">
        <v>138</v>
      </c>
      <c r="EN11" s="62">
        <v>1303</v>
      </c>
      <c r="EO11" s="63">
        <v>1899</v>
      </c>
      <c r="EP11" s="60">
        <v>573</v>
      </c>
      <c r="EQ11" s="61">
        <v>603</v>
      </c>
      <c r="ER11" s="62">
        <v>1176</v>
      </c>
      <c r="ES11" s="443">
        <v>0</v>
      </c>
      <c r="ET11" s="61">
        <v>977</v>
      </c>
      <c r="EU11" s="61">
        <v>557</v>
      </c>
      <c r="EV11" s="61">
        <v>360</v>
      </c>
      <c r="EW11" s="61">
        <v>336</v>
      </c>
      <c r="EX11" s="61">
        <v>213</v>
      </c>
      <c r="EY11" s="62">
        <v>2443</v>
      </c>
      <c r="EZ11" s="63">
        <v>3619</v>
      </c>
      <c r="FA11" s="60">
        <v>602</v>
      </c>
      <c r="FB11" s="61">
        <v>650</v>
      </c>
      <c r="FC11" s="62">
        <v>1252</v>
      </c>
      <c r="FD11" s="443">
        <v>0</v>
      </c>
      <c r="FE11" s="61">
        <v>1269</v>
      </c>
      <c r="FF11" s="61">
        <v>730</v>
      </c>
      <c r="FG11" s="61">
        <v>540</v>
      </c>
      <c r="FH11" s="61">
        <v>471</v>
      </c>
      <c r="FI11" s="61">
        <v>278</v>
      </c>
      <c r="FJ11" s="62">
        <v>3288</v>
      </c>
      <c r="FK11" s="63">
        <v>4540</v>
      </c>
      <c r="FL11" s="60">
        <v>338</v>
      </c>
      <c r="FM11" s="61">
        <v>405</v>
      </c>
      <c r="FN11" s="62">
        <v>743</v>
      </c>
      <c r="FO11" s="443">
        <v>0</v>
      </c>
      <c r="FP11" s="61">
        <v>1205</v>
      </c>
      <c r="FQ11" s="61">
        <v>917</v>
      </c>
      <c r="FR11" s="61">
        <v>814</v>
      </c>
      <c r="FS11" s="61">
        <v>818</v>
      </c>
      <c r="FT11" s="61">
        <v>437</v>
      </c>
      <c r="FU11" s="62">
        <v>4191</v>
      </c>
      <c r="FV11" s="63">
        <v>4934</v>
      </c>
      <c r="FW11" s="60">
        <v>12</v>
      </c>
      <c r="FX11" s="61">
        <v>21</v>
      </c>
      <c r="FY11" s="62">
        <v>33</v>
      </c>
      <c r="FZ11" s="443">
        <v>0</v>
      </c>
      <c r="GA11" s="61">
        <v>68</v>
      </c>
      <c r="GB11" s="61">
        <v>49</v>
      </c>
      <c r="GC11" s="61">
        <v>30</v>
      </c>
      <c r="GD11" s="61">
        <v>29</v>
      </c>
      <c r="GE11" s="61">
        <v>16</v>
      </c>
      <c r="GF11" s="62">
        <v>192</v>
      </c>
      <c r="GG11" s="63">
        <v>225</v>
      </c>
      <c r="GH11" s="60">
        <v>1961</v>
      </c>
      <c r="GI11" s="61">
        <v>2150</v>
      </c>
      <c r="GJ11" s="62">
        <v>4111</v>
      </c>
      <c r="GK11" s="443">
        <v>0</v>
      </c>
      <c r="GL11" s="61">
        <v>4360</v>
      </c>
      <c r="GM11" s="61">
        <v>2701</v>
      </c>
      <c r="GN11" s="61">
        <v>2039</v>
      </c>
      <c r="GO11" s="61">
        <v>1957</v>
      </c>
      <c r="GP11" s="61">
        <v>1167</v>
      </c>
      <c r="GQ11" s="62">
        <v>12224</v>
      </c>
      <c r="GR11" s="63">
        <v>16335</v>
      </c>
      <c r="GS11" s="113">
        <v>2952</v>
      </c>
      <c r="GT11" s="72">
        <v>2913</v>
      </c>
      <c r="GU11" s="73">
        <v>5865</v>
      </c>
      <c r="GV11" s="224">
        <v>0</v>
      </c>
      <c r="GW11" s="72">
        <v>6621</v>
      </c>
      <c r="GX11" s="72">
        <v>4148</v>
      </c>
      <c r="GY11" s="72">
        <v>2878</v>
      </c>
      <c r="GZ11" s="72">
        <v>2718</v>
      </c>
      <c r="HA11" s="72">
        <v>1605</v>
      </c>
      <c r="HB11" s="74">
        <v>17970</v>
      </c>
      <c r="HC11" s="75">
        <v>23835</v>
      </c>
      <c r="HD11" s="60">
        <v>54</v>
      </c>
      <c r="HE11" s="61">
        <v>74</v>
      </c>
      <c r="HF11" s="62">
        <v>128</v>
      </c>
      <c r="HG11" s="227">
        <v>0</v>
      </c>
      <c r="HH11" s="61">
        <v>184</v>
      </c>
      <c r="HI11" s="61">
        <v>125</v>
      </c>
      <c r="HJ11" s="61">
        <v>65</v>
      </c>
      <c r="HK11" s="61">
        <v>74</v>
      </c>
      <c r="HL11" s="61">
        <v>64</v>
      </c>
      <c r="HM11" s="62">
        <v>512</v>
      </c>
      <c r="HN11" s="63">
        <v>640</v>
      </c>
      <c r="HO11" s="60">
        <v>196</v>
      </c>
      <c r="HP11" s="61">
        <v>197</v>
      </c>
      <c r="HQ11" s="62">
        <v>393</v>
      </c>
      <c r="HR11" s="443">
        <v>0</v>
      </c>
      <c r="HS11" s="61">
        <v>423</v>
      </c>
      <c r="HT11" s="61">
        <v>291</v>
      </c>
      <c r="HU11" s="61">
        <v>160</v>
      </c>
      <c r="HV11" s="61">
        <v>178</v>
      </c>
      <c r="HW11" s="61">
        <v>112</v>
      </c>
      <c r="HX11" s="62">
        <v>1164</v>
      </c>
      <c r="HY11" s="63">
        <v>1557</v>
      </c>
      <c r="HZ11" s="60">
        <v>419</v>
      </c>
      <c r="IA11" s="61">
        <v>440</v>
      </c>
      <c r="IB11" s="62">
        <v>859</v>
      </c>
      <c r="IC11" s="443">
        <v>0</v>
      </c>
      <c r="ID11" s="61">
        <v>927</v>
      </c>
      <c r="IE11" s="61">
        <v>501</v>
      </c>
      <c r="IF11" s="61">
        <v>341</v>
      </c>
      <c r="IG11" s="61">
        <v>296</v>
      </c>
      <c r="IH11" s="61">
        <v>224</v>
      </c>
      <c r="II11" s="62">
        <v>2289</v>
      </c>
      <c r="IJ11" s="63">
        <v>3148</v>
      </c>
      <c r="IK11" s="60">
        <v>869</v>
      </c>
      <c r="IL11" s="61">
        <v>788</v>
      </c>
      <c r="IM11" s="62">
        <v>1657</v>
      </c>
      <c r="IN11" s="443">
        <v>0</v>
      </c>
      <c r="IO11" s="61">
        <v>1575</v>
      </c>
      <c r="IP11" s="61">
        <v>908</v>
      </c>
      <c r="IQ11" s="61">
        <v>590</v>
      </c>
      <c r="IR11" s="61">
        <v>517</v>
      </c>
      <c r="IS11" s="61">
        <v>318</v>
      </c>
      <c r="IT11" s="62">
        <v>3908</v>
      </c>
      <c r="IU11" s="63">
        <v>5565</v>
      </c>
      <c r="IV11" s="60">
        <v>905</v>
      </c>
      <c r="IW11" s="61">
        <v>873</v>
      </c>
      <c r="IX11" s="62">
        <v>1778</v>
      </c>
      <c r="IY11" s="443">
        <v>0</v>
      </c>
      <c r="IZ11" s="61">
        <v>1880</v>
      </c>
      <c r="JA11" s="61">
        <v>1109</v>
      </c>
      <c r="JB11" s="61">
        <v>730</v>
      </c>
      <c r="JC11" s="61">
        <v>687</v>
      </c>
      <c r="JD11" s="61">
        <v>379</v>
      </c>
      <c r="JE11" s="62">
        <v>4785</v>
      </c>
      <c r="JF11" s="63">
        <v>6563</v>
      </c>
      <c r="JG11" s="60">
        <v>509</v>
      </c>
      <c r="JH11" s="61">
        <v>541</v>
      </c>
      <c r="JI11" s="62">
        <v>1050</v>
      </c>
      <c r="JJ11" s="443">
        <v>0</v>
      </c>
      <c r="JK11" s="61">
        <v>1632</v>
      </c>
      <c r="JL11" s="61">
        <v>1214</v>
      </c>
      <c r="JM11" s="61">
        <v>992</v>
      </c>
      <c r="JN11" s="61">
        <v>966</v>
      </c>
      <c r="JO11" s="61">
        <v>508</v>
      </c>
      <c r="JP11" s="62">
        <v>5312</v>
      </c>
      <c r="JQ11" s="63">
        <v>6362</v>
      </c>
      <c r="JR11" s="60">
        <v>27</v>
      </c>
      <c r="JS11" s="61">
        <v>42</v>
      </c>
      <c r="JT11" s="62">
        <v>69</v>
      </c>
      <c r="JU11" s="443">
        <v>0</v>
      </c>
      <c r="JV11" s="61">
        <v>131</v>
      </c>
      <c r="JW11" s="61">
        <v>108</v>
      </c>
      <c r="JX11" s="61">
        <v>61</v>
      </c>
      <c r="JY11" s="61">
        <v>69</v>
      </c>
      <c r="JZ11" s="61">
        <v>44</v>
      </c>
      <c r="KA11" s="62">
        <v>413</v>
      </c>
      <c r="KB11" s="63">
        <v>482</v>
      </c>
      <c r="KC11" s="60">
        <v>2979</v>
      </c>
      <c r="KD11" s="61">
        <v>2955</v>
      </c>
      <c r="KE11" s="62">
        <v>5934</v>
      </c>
      <c r="KF11" s="443">
        <v>0</v>
      </c>
      <c r="KG11" s="61">
        <v>6752</v>
      </c>
      <c r="KH11" s="61">
        <v>4256</v>
      </c>
      <c r="KI11" s="61">
        <v>2939</v>
      </c>
      <c r="KJ11" s="61">
        <v>2787</v>
      </c>
      <c r="KK11" s="61">
        <v>1649</v>
      </c>
      <c r="KL11" s="62">
        <v>18383</v>
      </c>
      <c r="KM11" s="63">
        <v>24317</v>
      </c>
    </row>
    <row r="12" spans="2:299" ht="21" customHeight="1" x14ac:dyDescent="0.2">
      <c r="B12" s="437" t="s">
        <v>8</v>
      </c>
      <c r="C12" s="287">
        <v>571</v>
      </c>
      <c r="D12" s="72">
        <v>395</v>
      </c>
      <c r="E12" s="73">
        <v>966</v>
      </c>
      <c r="F12" s="443">
        <v>0</v>
      </c>
      <c r="G12" s="72">
        <v>1014</v>
      </c>
      <c r="H12" s="72">
        <v>896</v>
      </c>
      <c r="I12" s="72">
        <v>639</v>
      </c>
      <c r="J12" s="72">
        <v>488</v>
      </c>
      <c r="K12" s="72">
        <v>282</v>
      </c>
      <c r="L12" s="74">
        <v>3319</v>
      </c>
      <c r="M12" s="75">
        <v>4285</v>
      </c>
      <c r="N12" s="60">
        <v>17</v>
      </c>
      <c r="O12" s="61">
        <v>27</v>
      </c>
      <c r="P12" s="62">
        <v>44</v>
      </c>
      <c r="Q12" s="443">
        <v>0</v>
      </c>
      <c r="R12" s="61">
        <v>54</v>
      </c>
      <c r="S12" s="61">
        <v>47</v>
      </c>
      <c r="T12" s="61">
        <v>23</v>
      </c>
      <c r="U12" s="61">
        <v>29</v>
      </c>
      <c r="V12" s="61">
        <v>19</v>
      </c>
      <c r="W12" s="62">
        <v>172</v>
      </c>
      <c r="X12" s="63">
        <v>216</v>
      </c>
      <c r="Y12" s="60">
        <v>46</v>
      </c>
      <c r="Z12" s="61">
        <v>47</v>
      </c>
      <c r="AA12" s="62">
        <v>93</v>
      </c>
      <c r="AB12" s="443">
        <v>0</v>
      </c>
      <c r="AC12" s="61">
        <v>90</v>
      </c>
      <c r="AD12" s="61">
        <v>97</v>
      </c>
      <c r="AE12" s="61">
        <v>60</v>
      </c>
      <c r="AF12" s="61">
        <v>61</v>
      </c>
      <c r="AG12" s="61">
        <v>44</v>
      </c>
      <c r="AH12" s="62">
        <v>352</v>
      </c>
      <c r="AI12" s="63">
        <v>445</v>
      </c>
      <c r="AJ12" s="60">
        <v>91</v>
      </c>
      <c r="AK12" s="61">
        <v>67</v>
      </c>
      <c r="AL12" s="62">
        <v>158</v>
      </c>
      <c r="AM12" s="443">
        <v>0</v>
      </c>
      <c r="AN12" s="61">
        <v>168</v>
      </c>
      <c r="AO12" s="61">
        <v>161</v>
      </c>
      <c r="AP12" s="61">
        <v>105</v>
      </c>
      <c r="AQ12" s="61">
        <v>76</v>
      </c>
      <c r="AR12" s="61">
        <v>51</v>
      </c>
      <c r="AS12" s="62">
        <v>561</v>
      </c>
      <c r="AT12" s="63">
        <v>719</v>
      </c>
      <c r="AU12" s="60">
        <v>155</v>
      </c>
      <c r="AV12" s="61">
        <v>89</v>
      </c>
      <c r="AW12" s="62">
        <v>244</v>
      </c>
      <c r="AX12" s="443">
        <v>0</v>
      </c>
      <c r="AY12" s="61">
        <v>269</v>
      </c>
      <c r="AZ12" s="61">
        <v>239</v>
      </c>
      <c r="BA12" s="61">
        <v>145</v>
      </c>
      <c r="BB12" s="61">
        <v>131</v>
      </c>
      <c r="BC12" s="61">
        <v>66</v>
      </c>
      <c r="BD12" s="62">
        <v>850</v>
      </c>
      <c r="BE12" s="63">
        <v>1094</v>
      </c>
      <c r="BF12" s="60">
        <v>155</v>
      </c>
      <c r="BG12" s="61">
        <v>95</v>
      </c>
      <c r="BH12" s="62">
        <v>250</v>
      </c>
      <c r="BI12" s="443">
        <v>0</v>
      </c>
      <c r="BJ12" s="61">
        <v>261</v>
      </c>
      <c r="BK12" s="61">
        <v>204</v>
      </c>
      <c r="BL12" s="61">
        <v>164</v>
      </c>
      <c r="BM12" s="61">
        <v>98</v>
      </c>
      <c r="BN12" s="61">
        <v>56</v>
      </c>
      <c r="BO12" s="62">
        <v>783</v>
      </c>
      <c r="BP12" s="63">
        <v>1033</v>
      </c>
      <c r="BQ12" s="60">
        <v>107</v>
      </c>
      <c r="BR12" s="61">
        <v>70</v>
      </c>
      <c r="BS12" s="62">
        <v>177</v>
      </c>
      <c r="BT12" s="443">
        <v>0</v>
      </c>
      <c r="BU12" s="61">
        <v>172</v>
      </c>
      <c r="BV12" s="61">
        <v>148</v>
      </c>
      <c r="BW12" s="61">
        <v>142</v>
      </c>
      <c r="BX12" s="61">
        <v>93</v>
      </c>
      <c r="BY12" s="61">
        <v>46</v>
      </c>
      <c r="BZ12" s="62">
        <v>601</v>
      </c>
      <c r="CA12" s="63">
        <v>778</v>
      </c>
      <c r="CB12" s="60">
        <v>17</v>
      </c>
      <c r="CC12" s="61">
        <v>16</v>
      </c>
      <c r="CD12" s="62">
        <v>33</v>
      </c>
      <c r="CE12" s="443">
        <v>0</v>
      </c>
      <c r="CF12" s="61">
        <v>29</v>
      </c>
      <c r="CG12" s="61">
        <v>43</v>
      </c>
      <c r="CH12" s="61">
        <v>23</v>
      </c>
      <c r="CI12" s="61">
        <v>21</v>
      </c>
      <c r="CJ12" s="61">
        <v>16</v>
      </c>
      <c r="CK12" s="62">
        <v>132</v>
      </c>
      <c r="CL12" s="63">
        <v>165</v>
      </c>
      <c r="CM12" s="60">
        <v>588</v>
      </c>
      <c r="CN12" s="61">
        <v>411</v>
      </c>
      <c r="CO12" s="62">
        <v>999</v>
      </c>
      <c r="CP12" s="443">
        <v>0</v>
      </c>
      <c r="CQ12" s="61">
        <v>1043</v>
      </c>
      <c r="CR12" s="61">
        <v>939</v>
      </c>
      <c r="CS12" s="61">
        <v>662</v>
      </c>
      <c r="CT12" s="61">
        <v>509</v>
      </c>
      <c r="CU12" s="61">
        <v>298</v>
      </c>
      <c r="CV12" s="62">
        <v>3451</v>
      </c>
      <c r="CW12" s="63">
        <v>4450</v>
      </c>
      <c r="CX12" s="113">
        <v>1119</v>
      </c>
      <c r="CY12" s="72">
        <v>968</v>
      </c>
      <c r="CZ12" s="73">
        <v>2087</v>
      </c>
      <c r="DA12" s="443">
        <v>0</v>
      </c>
      <c r="DB12" s="72">
        <v>1749</v>
      </c>
      <c r="DC12" s="72">
        <v>1620</v>
      </c>
      <c r="DD12" s="72">
        <v>1301</v>
      </c>
      <c r="DE12" s="72">
        <v>1142</v>
      </c>
      <c r="DF12" s="72">
        <v>678</v>
      </c>
      <c r="DG12" s="74">
        <v>6490</v>
      </c>
      <c r="DH12" s="75">
        <v>8577</v>
      </c>
      <c r="DI12" s="60">
        <v>30</v>
      </c>
      <c r="DJ12" s="61">
        <v>21</v>
      </c>
      <c r="DK12" s="62">
        <v>51</v>
      </c>
      <c r="DL12" s="443">
        <v>0</v>
      </c>
      <c r="DM12" s="61">
        <v>37</v>
      </c>
      <c r="DN12" s="61">
        <v>29</v>
      </c>
      <c r="DO12" s="61">
        <v>14</v>
      </c>
      <c r="DP12" s="61">
        <v>32</v>
      </c>
      <c r="DQ12" s="61">
        <v>15</v>
      </c>
      <c r="DR12" s="62">
        <v>127</v>
      </c>
      <c r="DS12" s="63">
        <v>178</v>
      </c>
      <c r="DT12" s="60">
        <v>84</v>
      </c>
      <c r="DU12" s="61">
        <v>63</v>
      </c>
      <c r="DV12" s="62">
        <v>147</v>
      </c>
      <c r="DW12" s="443">
        <v>0</v>
      </c>
      <c r="DX12" s="61">
        <v>89</v>
      </c>
      <c r="DY12" s="61">
        <v>78</v>
      </c>
      <c r="DZ12" s="61">
        <v>55</v>
      </c>
      <c r="EA12" s="61">
        <v>57</v>
      </c>
      <c r="EB12" s="61">
        <v>38</v>
      </c>
      <c r="EC12" s="62">
        <v>317</v>
      </c>
      <c r="ED12" s="63">
        <v>464</v>
      </c>
      <c r="EE12" s="60">
        <v>156</v>
      </c>
      <c r="EF12" s="61">
        <v>152</v>
      </c>
      <c r="EG12" s="62">
        <v>308</v>
      </c>
      <c r="EH12" s="443">
        <v>0</v>
      </c>
      <c r="EI12" s="61">
        <v>208</v>
      </c>
      <c r="EJ12" s="61">
        <v>163</v>
      </c>
      <c r="EK12" s="61">
        <v>114</v>
      </c>
      <c r="EL12" s="61">
        <v>109</v>
      </c>
      <c r="EM12" s="61">
        <v>73</v>
      </c>
      <c r="EN12" s="62">
        <v>667</v>
      </c>
      <c r="EO12" s="63">
        <v>975</v>
      </c>
      <c r="EP12" s="60">
        <v>352</v>
      </c>
      <c r="EQ12" s="61">
        <v>260</v>
      </c>
      <c r="ER12" s="62">
        <v>612</v>
      </c>
      <c r="ES12" s="443">
        <v>0</v>
      </c>
      <c r="ET12" s="61">
        <v>459</v>
      </c>
      <c r="EU12" s="61">
        <v>341</v>
      </c>
      <c r="EV12" s="61">
        <v>240</v>
      </c>
      <c r="EW12" s="61">
        <v>207</v>
      </c>
      <c r="EX12" s="61">
        <v>124</v>
      </c>
      <c r="EY12" s="62">
        <v>1371</v>
      </c>
      <c r="EZ12" s="63">
        <v>1983</v>
      </c>
      <c r="FA12" s="60">
        <v>312</v>
      </c>
      <c r="FB12" s="61">
        <v>279</v>
      </c>
      <c r="FC12" s="62">
        <v>591</v>
      </c>
      <c r="FD12" s="443">
        <v>0</v>
      </c>
      <c r="FE12" s="61">
        <v>521</v>
      </c>
      <c r="FF12" s="61">
        <v>465</v>
      </c>
      <c r="FG12" s="61">
        <v>378</v>
      </c>
      <c r="FH12" s="61">
        <v>267</v>
      </c>
      <c r="FI12" s="61">
        <v>175</v>
      </c>
      <c r="FJ12" s="62">
        <v>1806</v>
      </c>
      <c r="FK12" s="63">
        <v>2397</v>
      </c>
      <c r="FL12" s="60">
        <v>185</v>
      </c>
      <c r="FM12" s="61">
        <v>193</v>
      </c>
      <c r="FN12" s="62">
        <v>378</v>
      </c>
      <c r="FO12" s="443">
        <v>0</v>
      </c>
      <c r="FP12" s="61">
        <v>435</v>
      </c>
      <c r="FQ12" s="61">
        <v>544</v>
      </c>
      <c r="FR12" s="61">
        <v>500</v>
      </c>
      <c r="FS12" s="61">
        <v>470</v>
      </c>
      <c r="FT12" s="61">
        <v>253</v>
      </c>
      <c r="FU12" s="62">
        <v>2202</v>
      </c>
      <c r="FV12" s="63">
        <v>2580</v>
      </c>
      <c r="FW12" s="60">
        <v>7</v>
      </c>
      <c r="FX12" s="61">
        <v>17</v>
      </c>
      <c r="FY12" s="62">
        <v>24</v>
      </c>
      <c r="FZ12" s="443">
        <v>0</v>
      </c>
      <c r="GA12" s="61">
        <v>22</v>
      </c>
      <c r="GB12" s="61">
        <v>38</v>
      </c>
      <c r="GC12" s="61">
        <v>14</v>
      </c>
      <c r="GD12" s="61">
        <v>18</v>
      </c>
      <c r="GE12" s="61">
        <v>14</v>
      </c>
      <c r="GF12" s="62">
        <v>106</v>
      </c>
      <c r="GG12" s="63">
        <v>130</v>
      </c>
      <c r="GH12" s="60">
        <v>1126</v>
      </c>
      <c r="GI12" s="61">
        <v>985</v>
      </c>
      <c r="GJ12" s="62">
        <v>2111</v>
      </c>
      <c r="GK12" s="443">
        <v>0</v>
      </c>
      <c r="GL12" s="61">
        <v>1771</v>
      </c>
      <c r="GM12" s="61">
        <v>1658</v>
      </c>
      <c r="GN12" s="61">
        <v>1315</v>
      </c>
      <c r="GO12" s="61">
        <v>1160</v>
      </c>
      <c r="GP12" s="61">
        <v>692</v>
      </c>
      <c r="GQ12" s="62">
        <v>6596</v>
      </c>
      <c r="GR12" s="63">
        <v>8707</v>
      </c>
      <c r="GS12" s="113">
        <v>1690</v>
      </c>
      <c r="GT12" s="72">
        <v>1363</v>
      </c>
      <c r="GU12" s="73">
        <v>3053</v>
      </c>
      <c r="GV12" s="224">
        <v>0</v>
      </c>
      <c r="GW12" s="72">
        <v>2763</v>
      </c>
      <c r="GX12" s="72">
        <v>2516</v>
      </c>
      <c r="GY12" s="72">
        <v>1940</v>
      </c>
      <c r="GZ12" s="72">
        <v>1630</v>
      </c>
      <c r="HA12" s="72">
        <v>960</v>
      </c>
      <c r="HB12" s="74">
        <v>9809</v>
      </c>
      <c r="HC12" s="75">
        <v>12862</v>
      </c>
      <c r="HD12" s="60">
        <v>47</v>
      </c>
      <c r="HE12" s="61">
        <v>48</v>
      </c>
      <c r="HF12" s="62">
        <v>95</v>
      </c>
      <c r="HG12" s="227">
        <v>0</v>
      </c>
      <c r="HH12" s="61">
        <v>91</v>
      </c>
      <c r="HI12" s="61">
        <v>76</v>
      </c>
      <c r="HJ12" s="61">
        <v>37</v>
      </c>
      <c r="HK12" s="61">
        <v>61</v>
      </c>
      <c r="HL12" s="61">
        <v>34</v>
      </c>
      <c r="HM12" s="62">
        <v>299</v>
      </c>
      <c r="HN12" s="63">
        <v>394</v>
      </c>
      <c r="HO12" s="60">
        <v>130</v>
      </c>
      <c r="HP12" s="61">
        <v>110</v>
      </c>
      <c r="HQ12" s="62">
        <v>240</v>
      </c>
      <c r="HR12" s="443">
        <v>0</v>
      </c>
      <c r="HS12" s="61">
        <v>179</v>
      </c>
      <c r="HT12" s="61">
        <v>175</v>
      </c>
      <c r="HU12" s="61">
        <v>115</v>
      </c>
      <c r="HV12" s="61">
        <v>118</v>
      </c>
      <c r="HW12" s="61">
        <v>82</v>
      </c>
      <c r="HX12" s="62">
        <v>669</v>
      </c>
      <c r="HY12" s="63">
        <v>909</v>
      </c>
      <c r="HZ12" s="60">
        <v>247</v>
      </c>
      <c r="IA12" s="61">
        <v>219</v>
      </c>
      <c r="IB12" s="62">
        <v>466</v>
      </c>
      <c r="IC12" s="443">
        <v>0</v>
      </c>
      <c r="ID12" s="61">
        <v>376</v>
      </c>
      <c r="IE12" s="61">
        <v>324</v>
      </c>
      <c r="IF12" s="61">
        <v>219</v>
      </c>
      <c r="IG12" s="61">
        <v>185</v>
      </c>
      <c r="IH12" s="61">
        <v>124</v>
      </c>
      <c r="II12" s="62">
        <v>1228</v>
      </c>
      <c r="IJ12" s="63">
        <v>1694</v>
      </c>
      <c r="IK12" s="60">
        <v>507</v>
      </c>
      <c r="IL12" s="61">
        <v>349</v>
      </c>
      <c r="IM12" s="62">
        <v>856</v>
      </c>
      <c r="IN12" s="443">
        <v>0</v>
      </c>
      <c r="IO12" s="61">
        <v>728</v>
      </c>
      <c r="IP12" s="61">
        <v>580</v>
      </c>
      <c r="IQ12" s="61">
        <v>385</v>
      </c>
      <c r="IR12" s="61">
        <v>338</v>
      </c>
      <c r="IS12" s="61">
        <v>190</v>
      </c>
      <c r="IT12" s="62">
        <v>2221</v>
      </c>
      <c r="IU12" s="63">
        <v>3077</v>
      </c>
      <c r="IV12" s="60">
        <v>467</v>
      </c>
      <c r="IW12" s="61">
        <v>374</v>
      </c>
      <c r="IX12" s="62">
        <v>841</v>
      </c>
      <c r="IY12" s="443">
        <v>0</v>
      </c>
      <c r="IZ12" s="61">
        <v>782</v>
      </c>
      <c r="JA12" s="61">
        <v>669</v>
      </c>
      <c r="JB12" s="61">
        <v>542</v>
      </c>
      <c r="JC12" s="61">
        <v>365</v>
      </c>
      <c r="JD12" s="61">
        <v>231</v>
      </c>
      <c r="JE12" s="62">
        <v>2589</v>
      </c>
      <c r="JF12" s="63">
        <v>3430</v>
      </c>
      <c r="JG12" s="60">
        <v>292</v>
      </c>
      <c r="JH12" s="61">
        <v>263</v>
      </c>
      <c r="JI12" s="62">
        <v>555</v>
      </c>
      <c r="JJ12" s="443">
        <v>0</v>
      </c>
      <c r="JK12" s="61">
        <v>607</v>
      </c>
      <c r="JL12" s="61">
        <v>692</v>
      </c>
      <c r="JM12" s="61">
        <v>642</v>
      </c>
      <c r="JN12" s="61">
        <v>563</v>
      </c>
      <c r="JO12" s="61">
        <v>299</v>
      </c>
      <c r="JP12" s="62">
        <v>2803</v>
      </c>
      <c r="JQ12" s="63">
        <v>3358</v>
      </c>
      <c r="JR12" s="60">
        <v>24</v>
      </c>
      <c r="JS12" s="61">
        <v>33</v>
      </c>
      <c r="JT12" s="62">
        <v>57</v>
      </c>
      <c r="JU12" s="443">
        <v>0</v>
      </c>
      <c r="JV12" s="61">
        <v>51</v>
      </c>
      <c r="JW12" s="61">
        <v>81</v>
      </c>
      <c r="JX12" s="61">
        <v>37</v>
      </c>
      <c r="JY12" s="61">
        <v>39</v>
      </c>
      <c r="JZ12" s="61">
        <v>30</v>
      </c>
      <c r="KA12" s="62">
        <v>238</v>
      </c>
      <c r="KB12" s="63">
        <v>295</v>
      </c>
      <c r="KC12" s="60">
        <v>1714</v>
      </c>
      <c r="KD12" s="61">
        <v>1396</v>
      </c>
      <c r="KE12" s="62">
        <v>3110</v>
      </c>
      <c r="KF12" s="443">
        <v>0</v>
      </c>
      <c r="KG12" s="61">
        <v>2814</v>
      </c>
      <c r="KH12" s="61">
        <v>2597</v>
      </c>
      <c r="KI12" s="61">
        <v>1977</v>
      </c>
      <c r="KJ12" s="61">
        <v>1669</v>
      </c>
      <c r="KK12" s="61">
        <v>990</v>
      </c>
      <c r="KL12" s="62">
        <v>10047</v>
      </c>
      <c r="KM12" s="63">
        <v>13157</v>
      </c>
    </row>
    <row r="13" spans="2:299" ht="21" customHeight="1" x14ac:dyDescent="0.2">
      <c r="B13" s="437" t="s">
        <v>9</v>
      </c>
      <c r="C13" s="287">
        <v>706</v>
      </c>
      <c r="D13" s="72">
        <v>387</v>
      </c>
      <c r="E13" s="73">
        <v>1093</v>
      </c>
      <c r="F13" s="443">
        <v>0</v>
      </c>
      <c r="G13" s="72">
        <v>869</v>
      </c>
      <c r="H13" s="72">
        <v>566</v>
      </c>
      <c r="I13" s="72">
        <v>459</v>
      </c>
      <c r="J13" s="72">
        <v>359</v>
      </c>
      <c r="K13" s="72">
        <v>208</v>
      </c>
      <c r="L13" s="74">
        <v>2461</v>
      </c>
      <c r="M13" s="75">
        <v>3554</v>
      </c>
      <c r="N13" s="60">
        <v>19</v>
      </c>
      <c r="O13" s="61">
        <v>16</v>
      </c>
      <c r="P13" s="62">
        <v>35</v>
      </c>
      <c r="Q13" s="443">
        <v>0</v>
      </c>
      <c r="R13" s="61">
        <v>28</v>
      </c>
      <c r="S13" s="61">
        <v>20</v>
      </c>
      <c r="T13" s="61">
        <v>15</v>
      </c>
      <c r="U13" s="61">
        <v>12</v>
      </c>
      <c r="V13" s="61">
        <v>16</v>
      </c>
      <c r="W13" s="62">
        <v>91</v>
      </c>
      <c r="X13" s="63">
        <v>126</v>
      </c>
      <c r="Y13" s="60">
        <v>36</v>
      </c>
      <c r="Z13" s="61">
        <v>29</v>
      </c>
      <c r="AA13" s="62">
        <v>65</v>
      </c>
      <c r="AB13" s="443">
        <v>0</v>
      </c>
      <c r="AC13" s="61">
        <v>56</v>
      </c>
      <c r="AD13" s="61">
        <v>38</v>
      </c>
      <c r="AE13" s="61">
        <v>29</v>
      </c>
      <c r="AF13" s="61">
        <v>19</v>
      </c>
      <c r="AG13" s="61">
        <v>24</v>
      </c>
      <c r="AH13" s="62">
        <v>166</v>
      </c>
      <c r="AI13" s="63">
        <v>231</v>
      </c>
      <c r="AJ13" s="60">
        <v>76</v>
      </c>
      <c r="AK13" s="61">
        <v>49</v>
      </c>
      <c r="AL13" s="62">
        <v>125</v>
      </c>
      <c r="AM13" s="443">
        <v>0</v>
      </c>
      <c r="AN13" s="61">
        <v>94</v>
      </c>
      <c r="AO13" s="61">
        <v>65</v>
      </c>
      <c r="AP13" s="61">
        <v>73</v>
      </c>
      <c r="AQ13" s="61">
        <v>49</v>
      </c>
      <c r="AR13" s="61">
        <v>32</v>
      </c>
      <c r="AS13" s="62">
        <v>313</v>
      </c>
      <c r="AT13" s="63">
        <v>438</v>
      </c>
      <c r="AU13" s="60">
        <v>179</v>
      </c>
      <c r="AV13" s="61">
        <v>85</v>
      </c>
      <c r="AW13" s="62">
        <v>264</v>
      </c>
      <c r="AX13" s="443">
        <v>0</v>
      </c>
      <c r="AY13" s="61">
        <v>209</v>
      </c>
      <c r="AZ13" s="61">
        <v>111</v>
      </c>
      <c r="BA13" s="61">
        <v>86</v>
      </c>
      <c r="BB13" s="61">
        <v>61</v>
      </c>
      <c r="BC13" s="61">
        <v>49</v>
      </c>
      <c r="BD13" s="62">
        <v>516</v>
      </c>
      <c r="BE13" s="63">
        <v>780</v>
      </c>
      <c r="BF13" s="60">
        <v>226</v>
      </c>
      <c r="BG13" s="61">
        <v>124</v>
      </c>
      <c r="BH13" s="62">
        <v>350</v>
      </c>
      <c r="BI13" s="443">
        <v>0</v>
      </c>
      <c r="BJ13" s="61">
        <v>259</v>
      </c>
      <c r="BK13" s="61">
        <v>148</v>
      </c>
      <c r="BL13" s="61">
        <v>118</v>
      </c>
      <c r="BM13" s="61">
        <v>103</v>
      </c>
      <c r="BN13" s="61">
        <v>41</v>
      </c>
      <c r="BO13" s="62">
        <v>669</v>
      </c>
      <c r="BP13" s="63">
        <v>1019</v>
      </c>
      <c r="BQ13" s="60">
        <v>170</v>
      </c>
      <c r="BR13" s="61">
        <v>84</v>
      </c>
      <c r="BS13" s="62">
        <v>254</v>
      </c>
      <c r="BT13" s="443">
        <v>0</v>
      </c>
      <c r="BU13" s="61">
        <v>223</v>
      </c>
      <c r="BV13" s="61">
        <v>184</v>
      </c>
      <c r="BW13" s="61">
        <v>138</v>
      </c>
      <c r="BX13" s="61">
        <v>115</v>
      </c>
      <c r="BY13" s="61">
        <v>46</v>
      </c>
      <c r="BZ13" s="62">
        <v>706</v>
      </c>
      <c r="CA13" s="63">
        <v>960</v>
      </c>
      <c r="CB13" s="60">
        <v>5</v>
      </c>
      <c r="CC13" s="61">
        <v>12</v>
      </c>
      <c r="CD13" s="62">
        <v>17</v>
      </c>
      <c r="CE13" s="443">
        <v>0</v>
      </c>
      <c r="CF13" s="61">
        <v>30</v>
      </c>
      <c r="CG13" s="61">
        <v>23</v>
      </c>
      <c r="CH13" s="61">
        <v>15</v>
      </c>
      <c r="CI13" s="61">
        <v>15</v>
      </c>
      <c r="CJ13" s="61">
        <v>10</v>
      </c>
      <c r="CK13" s="62">
        <v>93</v>
      </c>
      <c r="CL13" s="63">
        <v>110</v>
      </c>
      <c r="CM13" s="60">
        <v>711</v>
      </c>
      <c r="CN13" s="61">
        <v>399</v>
      </c>
      <c r="CO13" s="62">
        <v>1110</v>
      </c>
      <c r="CP13" s="443">
        <v>0</v>
      </c>
      <c r="CQ13" s="61">
        <v>899</v>
      </c>
      <c r="CR13" s="61">
        <v>589</v>
      </c>
      <c r="CS13" s="61">
        <v>474</v>
      </c>
      <c r="CT13" s="61">
        <v>374</v>
      </c>
      <c r="CU13" s="61">
        <v>218</v>
      </c>
      <c r="CV13" s="62">
        <v>2554</v>
      </c>
      <c r="CW13" s="63">
        <v>3664</v>
      </c>
      <c r="CX13" s="113">
        <v>1412</v>
      </c>
      <c r="CY13" s="72">
        <v>1025</v>
      </c>
      <c r="CZ13" s="73">
        <v>2437</v>
      </c>
      <c r="DA13" s="443">
        <v>0</v>
      </c>
      <c r="DB13" s="72">
        <v>1674</v>
      </c>
      <c r="DC13" s="72">
        <v>1157</v>
      </c>
      <c r="DD13" s="72">
        <v>957</v>
      </c>
      <c r="DE13" s="72">
        <v>1020</v>
      </c>
      <c r="DF13" s="72">
        <v>752</v>
      </c>
      <c r="DG13" s="74">
        <v>5560</v>
      </c>
      <c r="DH13" s="75">
        <v>7997</v>
      </c>
      <c r="DI13" s="60">
        <v>25</v>
      </c>
      <c r="DJ13" s="61">
        <v>21</v>
      </c>
      <c r="DK13" s="62">
        <v>46</v>
      </c>
      <c r="DL13" s="443">
        <v>0</v>
      </c>
      <c r="DM13" s="61">
        <v>13</v>
      </c>
      <c r="DN13" s="61">
        <v>19</v>
      </c>
      <c r="DO13" s="61">
        <v>18</v>
      </c>
      <c r="DP13" s="61">
        <v>6</v>
      </c>
      <c r="DQ13" s="61">
        <v>11</v>
      </c>
      <c r="DR13" s="62">
        <v>67</v>
      </c>
      <c r="DS13" s="63">
        <v>113</v>
      </c>
      <c r="DT13" s="60">
        <v>63</v>
      </c>
      <c r="DU13" s="61">
        <v>55</v>
      </c>
      <c r="DV13" s="62">
        <v>118</v>
      </c>
      <c r="DW13" s="443">
        <v>0</v>
      </c>
      <c r="DX13" s="61">
        <v>62</v>
      </c>
      <c r="DY13" s="61">
        <v>30</v>
      </c>
      <c r="DZ13" s="61">
        <v>26</v>
      </c>
      <c r="EA13" s="61">
        <v>24</v>
      </c>
      <c r="EB13" s="61">
        <v>24</v>
      </c>
      <c r="EC13" s="62">
        <v>166</v>
      </c>
      <c r="ED13" s="63">
        <v>284</v>
      </c>
      <c r="EE13" s="60">
        <v>195</v>
      </c>
      <c r="EF13" s="61">
        <v>137</v>
      </c>
      <c r="EG13" s="62">
        <v>332</v>
      </c>
      <c r="EH13" s="443">
        <v>0</v>
      </c>
      <c r="EI13" s="61">
        <v>174</v>
      </c>
      <c r="EJ13" s="61">
        <v>93</v>
      </c>
      <c r="EK13" s="61">
        <v>68</v>
      </c>
      <c r="EL13" s="61">
        <v>61</v>
      </c>
      <c r="EM13" s="61">
        <v>71</v>
      </c>
      <c r="EN13" s="62">
        <v>467</v>
      </c>
      <c r="EO13" s="63">
        <v>799</v>
      </c>
      <c r="EP13" s="60">
        <v>367</v>
      </c>
      <c r="EQ13" s="61">
        <v>270</v>
      </c>
      <c r="ER13" s="62">
        <v>637</v>
      </c>
      <c r="ES13" s="443">
        <v>0</v>
      </c>
      <c r="ET13" s="61">
        <v>353</v>
      </c>
      <c r="EU13" s="61">
        <v>213</v>
      </c>
      <c r="EV13" s="61">
        <v>138</v>
      </c>
      <c r="EW13" s="61">
        <v>163</v>
      </c>
      <c r="EX13" s="61">
        <v>110</v>
      </c>
      <c r="EY13" s="62">
        <v>977</v>
      </c>
      <c r="EZ13" s="63">
        <v>1614</v>
      </c>
      <c r="FA13" s="60">
        <v>476</v>
      </c>
      <c r="FB13" s="61">
        <v>306</v>
      </c>
      <c r="FC13" s="62">
        <v>782</v>
      </c>
      <c r="FD13" s="443">
        <v>0</v>
      </c>
      <c r="FE13" s="61">
        <v>467</v>
      </c>
      <c r="FF13" s="61">
        <v>332</v>
      </c>
      <c r="FG13" s="61">
        <v>248</v>
      </c>
      <c r="FH13" s="61">
        <v>254</v>
      </c>
      <c r="FI13" s="61">
        <v>172</v>
      </c>
      <c r="FJ13" s="62">
        <v>1473</v>
      </c>
      <c r="FK13" s="63">
        <v>2255</v>
      </c>
      <c r="FL13" s="60">
        <v>286</v>
      </c>
      <c r="FM13" s="61">
        <v>236</v>
      </c>
      <c r="FN13" s="62">
        <v>522</v>
      </c>
      <c r="FO13" s="443">
        <v>0</v>
      </c>
      <c r="FP13" s="61">
        <v>605</v>
      </c>
      <c r="FQ13" s="61">
        <v>470</v>
      </c>
      <c r="FR13" s="61">
        <v>459</v>
      </c>
      <c r="FS13" s="61">
        <v>512</v>
      </c>
      <c r="FT13" s="61">
        <v>364</v>
      </c>
      <c r="FU13" s="62">
        <v>2410</v>
      </c>
      <c r="FV13" s="63">
        <v>2932</v>
      </c>
      <c r="FW13" s="60">
        <v>5</v>
      </c>
      <c r="FX13" s="61">
        <v>18</v>
      </c>
      <c r="FY13" s="62">
        <v>23</v>
      </c>
      <c r="FZ13" s="443">
        <v>0</v>
      </c>
      <c r="GA13" s="61">
        <v>14</v>
      </c>
      <c r="GB13" s="61">
        <v>17</v>
      </c>
      <c r="GC13" s="61">
        <v>9</v>
      </c>
      <c r="GD13" s="61">
        <v>13</v>
      </c>
      <c r="GE13" s="61">
        <v>10</v>
      </c>
      <c r="GF13" s="62">
        <v>63</v>
      </c>
      <c r="GG13" s="63">
        <v>86</v>
      </c>
      <c r="GH13" s="60">
        <v>1417</v>
      </c>
      <c r="GI13" s="61">
        <v>1043</v>
      </c>
      <c r="GJ13" s="62">
        <v>2460</v>
      </c>
      <c r="GK13" s="443">
        <v>0</v>
      </c>
      <c r="GL13" s="61">
        <v>1688</v>
      </c>
      <c r="GM13" s="61">
        <v>1174</v>
      </c>
      <c r="GN13" s="61">
        <v>966</v>
      </c>
      <c r="GO13" s="61">
        <v>1033</v>
      </c>
      <c r="GP13" s="61">
        <v>762</v>
      </c>
      <c r="GQ13" s="62">
        <v>5623</v>
      </c>
      <c r="GR13" s="63">
        <v>8083</v>
      </c>
      <c r="GS13" s="113">
        <v>2118</v>
      </c>
      <c r="GT13" s="72">
        <v>1412</v>
      </c>
      <c r="GU13" s="73">
        <v>3530</v>
      </c>
      <c r="GV13" s="224">
        <v>0</v>
      </c>
      <c r="GW13" s="72">
        <v>2543</v>
      </c>
      <c r="GX13" s="72">
        <v>1723</v>
      </c>
      <c r="GY13" s="72">
        <v>1416</v>
      </c>
      <c r="GZ13" s="72">
        <v>1379</v>
      </c>
      <c r="HA13" s="72">
        <v>960</v>
      </c>
      <c r="HB13" s="74">
        <v>8021</v>
      </c>
      <c r="HC13" s="75">
        <v>11551</v>
      </c>
      <c r="HD13" s="60">
        <v>44</v>
      </c>
      <c r="HE13" s="61">
        <v>37</v>
      </c>
      <c r="HF13" s="62">
        <v>81</v>
      </c>
      <c r="HG13" s="227">
        <v>0</v>
      </c>
      <c r="HH13" s="61">
        <v>41</v>
      </c>
      <c r="HI13" s="61">
        <v>39</v>
      </c>
      <c r="HJ13" s="61">
        <v>33</v>
      </c>
      <c r="HK13" s="61">
        <v>18</v>
      </c>
      <c r="HL13" s="61">
        <v>27</v>
      </c>
      <c r="HM13" s="62">
        <v>158</v>
      </c>
      <c r="HN13" s="63">
        <v>239</v>
      </c>
      <c r="HO13" s="60">
        <v>99</v>
      </c>
      <c r="HP13" s="61">
        <v>84</v>
      </c>
      <c r="HQ13" s="62">
        <v>183</v>
      </c>
      <c r="HR13" s="443">
        <v>0</v>
      </c>
      <c r="HS13" s="61">
        <v>118</v>
      </c>
      <c r="HT13" s="61">
        <v>68</v>
      </c>
      <c r="HU13" s="61">
        <v>55</v>
      </c>
      <c r="HV13" s="61">
        <v>43</v>
      </c>
      <c r="HW13" s="61">
        <v>48</v>
      </c>
      <c r="HX13" s="62">
        <v>332</v>
      </c>
      <c r="HY13" s="63">
        <v>515</v>
      </c>
      <c r="HZ13" s="60">
        <v>271</v>
      </c>
      <c r="IA13" s="61">
        <v>186</v>
      </c>
      <c r="IB13" s="62">
        <v>457</v>
      </c>
      <c r="IC13" s="443">
        <v>0</v>
      </c>
      <c r="ID13" s="61">
        <v>268</v>
      </c>
      <c r="IE13" s="61">
        <v>158</v>
      </c>
      <c r="IF13" s="61">
        <v>141</v>
      </c>
      <c r="IG13" s="61">
        <v>110</v>
      </c>
      <c r="IH13" s="61">
        <v>103</v>
      </c>
      <c r="II13" s="62">
        <v>780</v>
      </c>
      <c r="IJ13" s="63">
        <v>1237</v>
      </c>
      <c r="IK13" s="60">
        <v>546</v>
      </c>
      <c r="IL13" s="61">
        <v>355</v>
      </c>
      <c r="IM13" s="62">
        <v>901</v>
      </c>
      <c r="IN13" s="443">
        <v>0</v>
      </c>
      <c r="IO13" s="61">
        <v>562</v>
      </c>
      <c r="IP13" s="61">
        <v>324</v>
      </c>
      <c r="IQ13" s="61">
        <v>224</v>
      </c>
      <c r="IR13" s="61">
        <v>224</v>
      </c>
      <c r="IS13" s="61">
        <v>159</v>
      </c>
      <c r="IT13" s="62">
        <v>1493</v>
      </c>
      <c r="IU13" s="63">
        <v>2394</v>
      </c>
      <c r="IV13" s="60">
        <v>702</v>
      </c>
      <c r="IW13" s="61">
        <v>430</v>
      </c>
      <c r="IX13" s="62">
        <v>1132</v>
      </c>
      <c r="IY13" s="443">
        <v>0</v>
      </c>
      <c r="IZ13" s="61">
        <v>726</v>
      </c>
      <c r="JA13" s="61">
        <v>480</v>
      </c>
      <c r="JB13" s="61">
        <v>366</v>
      </c>
      <c r="JC13" s="61">
        <v>357</v>
      </c>
      <c r="JD13" s="61">
        <v>213</v>
      </c>
      <c r="JE13" s="62">
        <v>2142</v>
      </c>
      <c r="JF13" s="63">
        <v>3274</v>
      </c>
      <c r="JG13" s="60">
        <v>456</v>
      </c>
      <c r="JH13" s="61">
        <v>320</v>
      </c>
      <c r="JI13" s="62">
        <v>776</v>
      </c>
      <c r="JJ13" s="443">
        <v>0</v>
      </c>
      <c r="JK13" s="61">
        <v>828</v>
      </c>
      <c r="JL13" s="61">
        <v>654</v>
      </c>
      <c r="JM13" s="61">
        <v>597</v>
      </c>
      <c r="JN13" s="61">
        <v>627</v>
      </c>
      <c r="JO13" s="61">
        <v>410</v>
      </c>
      <c r="JP13" s="62">
        <v>3116</v>
      </c>
      <c r="JQ13" s="63">
        <v>3892</v>
      </c>
      <c r="JR13" s="60">
        <v>10</v>
      </c>
      <c r="JS13" s="61">
        <v>30</v>
      </c>
      <c r="JT13" s="62">
        <v>40</v>
      </c>
      <c r="JU13" s="443">
        <v>0</v>
      </c>
      <c r="JV13" s="61">
        <v>44</v>
      </c>
      <c r="JW13" s="61">
        <v>40</v>
      </c>
      <c r="JX13" s="61">
        <v>24</v>
      </c>
      <c r="JY13" s="61">
        <v>28</v>
      </c>
      <c r="JZ13" s="61">
        <v>20</v>
      </c>
      <c r="KA13" s="62">
        <v>156</v>
      </c>
      <c r="KB13" s="63">
        <v>196</v>
      </c>
      <c r="KC13" s="60">
        <v>2128</v>
      </c>
      <c r="KD13" s="61">
        <v>1442</v>
      </c>
      <c r="KE13" s="62">
        <v>3570</v>
      </c>
      <c r="KF13" s="443">
        <v>0</v>
      </c>
      <c r="KG13" s="61">
        <v>2587</v>
      </c>
      <c r="KH13" s="61">
        <v>1763</v>
      </c>
      <c r="KI13" s="61">
        <v>1440</v>
      </c>
      <c r="KJ13" s="61">
        <v>1407</v>
      </c>
      <c r="KK13" s="61">
        <v>980</v>
      </c>
      <c r="KL13" s="62">
        <v>8177</v>
      </c>
      <c r="KM13" s="63">
        <v>11747</v>
      </c>
    </row>
    <row r="14" spans="2:299" ht="21" customHeight="1" x14ac:dyDescent="0.2">
      <c r="B14" s="437" t="s">
        <v>10</v>
      </c>
      <c r="C14" s="287">
        <v>1549</v>
      </c>
      <c r="D14" s="72">
        <v>983</v>
      </c>
      <c r="E14" s="73">
        <v>2532</v>
      </c>
      <c r="F14" s="443">
        <v>0</v>
      </c>
      <c r="G14" s="72">
        <v>1766</v>
      </c>
      <c r="H14" s="72">
        <v>1033</v>
      </c>
      <c r="I14" s="72">
        <v>701</v>
      </c>
      <c r="J14" s="72">
        <v>640</v>
      </c>
      <c r="K14" s="72">
        <v>447</v>
      </c>
      <c r="L14" s="74">
        <v>4587</v>
      </c>
      <c r="M14" s="75">
        <v>7119</v>
      </c>
      <c r="N14" s="60">
        <v>60</v>
      </c>
      <c r="O14" s="61">
        <v>63</v>
      </c>
      <c r="P14" s="62">
        <v>123</v>
      </c>
      <c r="Q14" s="443">
        <v>0</v>
      </c>
      <c r="R14" s="61">
        <v>74</v>
      </c>
      <c r="S14" s="61">
        <v>52</v>
      </c>
      <c r="T14" s="61">
        <v>26</v>
      </c>
      <c r="U14" s="61">
        <v>43</v>
      </c>
      <c r="V14" s="61">
        <v>29</v>
      </c>
      <c r="W14" s="62">
        <v>224</v>
      </c>
      <c r="X14" s="63">
        <v>347</v>
      </c>
      <c r="Y14" s="60">
        <v>147</v>
      </c>
      <c r="Z14" s="61">
        <v>85</v>
      </c>
      <c r="AA14" s="62">
        <v>232</v>
      </c>
      <c r="AB14" s="443">
        <v>0</v>
      </c>
      <c r="AC14" s="61">
        <v>159</v>
      </c>
      <c r="AD14" s="61">
        <v>115</v>
      </c>
      <c r="AE14" s="61">
        <v>81</v>
      </c>
      <c r="AF14" s="61">
        <v>49</v>
      </c>
      <c r="AG14" s="61">
        <v>70</v>
      </c>
      <c r="AH14" s="62">
        <v>474</v>
      </c>
      <c r="AI14" s="63">
        <v>706</v>
      </c>
      <c r="AJ14" s="60">
        <v>235</v>
      </c>
      <c r="AK14" s="61">
        <v>164</v>
      </c>
      <c r="AL14" s="62">
        <v>399</v>
      </c>
      <c r="AM14" s="443">
        <v>0</v>
      </c>
      <c r="AN14" s="61">
        <v>294</v>
      </c>
      <c r="AO14" s="61">
        <v>168</v>
      </c>
      <c r="AP14" s="61">
        <v>100</v>
      </c>
      <c r="AQ14" s="61">
        <v>116</v>
      </c>
      <c r="AR14" s="61">
        <v>77</v>
      </c>
      <c r="AS14" s="62">
        <v>755</v>
      </c>
      <c r="AT14" s="63">
        <v>1154</v>
      </c>
      <c r="AU14" s="60">
        <v>380</v>
      </c>
      <c r="AV14" s="61">
        <v>234</v>
      </c>
      <c r="AW14" s="62">
        <v>614</v>
      </c>
      <c r="AX14" s="443">
        <v>0</v>
      </c>
      <c r="AY14" s="61">
        <v>445</v>
      </c>
      <c r="AZ14" s="61">
        <v>235</v>
      </c>
      <c r="BA14" s="61">
        <v>147</v>
      </c>
      <c r="BB14" s="61">
        <v>138</v>
      </c>
      <c r="BC14" s="61">
        <v>102</v>
      </c>
      <c r="BD14" s="62">
        <v>1067</v>
      </c>
      <c r="BE14" s="63">
        <v>1681</v>
      </c>
      <c r="BF14" s="60">
        <v>454</v>
      </c>
      <c r="BG14" s="61">
        <v>270</v>
      </c>
      <c r="BH14" s="62">
        <v>724</v>
      </c>
      <c r="BI14" s="443">
        <v>0</v>
      </c>
      <c r="BJ14" s="61">
        <v>469</v>
      </c>
      <c r="BK14" s="61">
        <v>257</v>
      </c>
      <c r="BL14" s="61">
        <v>165</v>
      </c>
      <c r="BM14" s="61">
        <v>148</v>
      </c>
      <c r="BN14" s="61">
        <v>92</v>
      </c>
      <c r="BO14" s="62">
        <v>1131</v>
      </c>
      <c r="BP14" s="63">
        <v>1855</v>
      </c>
      <c r="BQ14" s="60">
        <v>273</v>
      </c>
      <c r="BR14" s="61">
        <v>167</v>
      </c>
      <c r="BS14" s="62">
        <v>440</v>
      </c>
      <c r="BT14" s="443">
        <v>0</v>
      </c>
      <c r="BU14" s="61">
        <v>325</v>
      </c>
      <c r="BV14" s="61">
        <v>206</v>
      </c>
      <c r="BW14" s="61">
        <v>182</v>
      </c>
      <c r="BX14" s="61">
        <v>146</v>
      </c>
      <c r="BY14" s="61">
        <v>77</v>
      </c>
      <c r="BZ14" s="62">
        <v>936</v>
      </c>
      <c r="CA14" s="63">
        <v>1376</v>
      </c>
      <c r="CB14" s="60">
        <v>53</v>
      </c>
      <c r="CC14" s="61">
        <v>29</v>
      </c>
      <c r="CD14" s="62">
        <v>82</v>
      </c>
      <c r="CE14" s="443">
        <v>0</v>
      </c>
      <c r="CF14" s="61">
        <v>71</v>
      </c>
      <c r="CG14" s="61">
        <v>53</v>
      </c>
      <c r="CH14" s="61">
        <v>35</v>
      </c>
      <c r="CI14" s="61">
        <v>36</v>
      </c>
      <c r="CJ14" s="61">
        <v>35</v>
      </c>
      <c r="CK14" s="62">
        <v>230</v>
      </c>
      <c r="CL14" s="63">
        <v>312</v>
      </c>
      <c r="CM14" s="60">
        <v>1602</v>
      </c>
      <c r="CN14" s="61">
        <v>1012</v>
      </c>
      <c r="CO14" s="62">
        <v>2614</v>
      </c>
      <c r="CP14" s="443">
        <v>0</v>
      </c>
      <c r="CQ14" s="61">
        <v>1837</v>
      </c>
      <c r="CR14" s="61">
        <v>1086</v>
      </c>
      <c r="CS14" s="61">
        <v>736</v>
      </c>
      <c r="CT14" s="61">
        <v>676</v>
      </c>
      <c r="CU14" s="61">
        <v>482</v>
      </c>
      <c r="CV14" s="62">
        <v>4817</v>
      </c>
      <c r="CW14" s="63">
        <v>7431</v>
      </c>
      <c r="CX14" s="113">
        <v>3165</v>
      </c>
      <c r="CY14" s="72">
        <v>2230</v>
      </c>
      <c r="CZ14" s="73">
        <v>5395</v>
      </c>
      <c r="DA14" s="443">
        <v>0</v>
      </c>
      <c r="DB14" s="72">
        <v>3338</v>
      </c>
      <c r="DC14" s="72">
        <v>1810</v>
      </c>
      <c r="DD14" s="72">
        <v>1445</v>
      </c>
      <c r="DE14" s="72">
        <v>1555</v>
      </c>
      <c r="DF14" s="72">
        <v>1214</v>
      </c>
      <c r="DG14" s="74">
        <v>9362</v>
      </c>
      <c r="DH14" s="75">
        <v>14757</v>
      </c>
      <c r="DI14" s="60">
        <v>62</v>
      </c>
      <c r="DJ14" s="61">
        <v>54</v>
      </c>
      <c r="DK14" s="62">
        <v>116</v>
      </c>
      <c r="DL14" s="443">
        <v>0</v>
      </c>
      <c r="DM14" s="61">
        <v>78</v>
      </c>
      <c r="DN14" s="61">
        <v>31</v>
      </c>
      <c r="DO14" s="61">
        <v>19</v>
      </c>
      <c r="DP14" s="61">
        <v>26</v>
      </c>
      <c r="DQ14" s="61">
        <v>24</v>
      </c>
      <c r="DR14" s="62">
        <v>178</v>
      </c>
      <c r="DS14" s="63">
        <v>294</v>
      </c>
      <c r="DT14" s="60">
        <v>196</v>
      </c>
      <c r="DU14" s="61">
        <v>126</v>
      </c>
      <c r="DV14" s="62">
        <v>322</v>
      </c>
      <c r="DW14" s="443">
        <v>0</v>
      </c>
      <c r="DX14" s="61">
        <v>184</v>
      </c>
      <c r="DY14" s="61">
        <v>87</v>
      </c>
      <c r="DZ14" s="61">
        <v>56</v>
      </c>
      <c r="EA14" s="61">
        <v>49</v>
      </c>
      <c r="EB14" s="61">
        <v>46</v>
      </c>
      <c r="EC14" s="62">
        <v>422</v>
      </c>
      <c r="ED14" s="63">
        <v>744</v>
      </c>
      <c r="EE14" s="60">
        <v>459</v>
      </c>
      <c r="EF14" s="61">
        <v>283</v>
      </c>
      <c r="EG14" s="62">
        <v>742</v>
      </c>
      <c r="EH14" s="443">
        <v>0</v>
      </c>
      <c r="EI14" s="61">
        <v>376</v>
      </c>
      <c r="EJ14" s="61">
        <v>190</v>
      </c>
      <c r="EK14" s="61">
        <v>117</v>
      </c>
      <c r="EL14" s="61">
        <v>133</v>
      </c>
      <c r="EM14" s="61">
        <v>105</v>
      </c>
      <c r="EN14" s="62">
        <v>921</v>
      </c>
      <c r="EO14" s="63">
        <v>1663</v>
      </c>
      <c r="EP14" s="60">
        <v>931</v>
      </c>
      <c r="EQ14" s="61">
        <v>591</v>
      </c>
      <c r="ER14" s="62">
        <v>1522</v>
      </c>
      <c r="ES14" s="443">
        <v>0</v>
      </c>
      <c r="ET14" s="61">
        <v>752</v>
      </c>
      <c r="EU14" s="61">
        <v>345</v>
      </c>
      <c r="EV14" s="61">
        <v>261</v>
      </c>
      <c r="EW14" s="61">
        <v>254</v>
      </c>
      <c r="EX14" s="61">
        <v>222</v>
      </c>
      <c r="EY14" s="62">
        <v>1834</v>
      </c>
      <c r="EZ14" s="63">
        <v>3356</v>
      </c>
      <c r="FA14" s="60">
        <v>968</v>
      </c>
      <c r="FB14" s="61">
        <v>651</v>
      </c>
      <c r="FC14" s="62">
        <v>1619</v>
      </c>
      <c r="FD14" s="443">
        <v>0</v>
      </c>
      <c r="FE14" s="61">
        <v>985</v>
      </c>
      <c r="FF14" s="61">
        <v>481</v>
      </c>
      <c r="FG14" s="61">
        <v>399</v>
      </c>
      <c r="FH14" s="61">
        <v>358</v>
      </c>
      <c r="FI14" s="61">
        <v>326</v>
      </c>
      <c r="FJ14" s="62">
        <v>2549</v>
      </c>
      <c r="FK14" s="63">
        <v>4168</v>
      </c>
      <c r="FL14" s="60">
        <v>549</v>
      </c>
      <c r="FM14" s="61">
        <v>525</v>
      </c>
      <c r="FN14" s="62">
        <v>1074</v>
      </c>
      <c r="FO14" s="443">
        <v>0</v>
      </c>
      <c r="FP14" s="61">
        <v>963</v>
      </c>
      <c r="FQ14" s="61">
        <v>676</v>
      </c>
      <c r="FR14" s="61">
        <v>593</v>
      </c>
      <c r="FS14" s="61">
        <v>735</v>
      </c>
      <c r="FT14" s="61">
        <v>491</v>
      </c>
      <c r="FU14" s="62">
        <v>3458</v>
      </c>
      <c r="FV14" s="63">
        <v>4532</v>
      </c>
      <c r="FW14" s="60">
        <v>26</v>
      </c>
      <c r="FX14" s="61">
        <v>45</v>
      </c>
      <c r="FY14" s="62">
        <v>71</v>
      </c>
      <c r="FZ14" s="443">
        <v>0</v>
      </c>
      <c r="GA14" s="61">
        <v>58</v>
      </c>
      <c r="GB14" s="61">
        <v>42</v>
      </c>
      <c r="GC14" s="61">
        <v>28</v>
      </c>
      <c r="GD14" s="61">
        <v>21</v>
      </c>
      <c r="GE14" s="61">
        <v>24</v>
      </c>
      <c r="GF14" s="62">
        <v>173</v>
      </c>
      <c r="GG14" s="63">
        <v>244</v>
      </c>
      <c r="GH14" s="60">
        <v>3191</v>
      </c>
      <c r="GI14" s="61">
        <v>2275</v>
      </c>
      <c r="GJ14" s="62">
        <v>5466</v>
      </c>
      <c r="GK14" s="443">
        <v>0</v>
      </c>
      <c r="GL14" s="61">
        <v>3396</v>
      </c>
      <c r="GM14" s="61">
        <v>1852</v>
      </c>
      <c r="GN14" s="61">
        <v>1473</v>
      </c>
      <c r="GO14" s="61">
        <v>1576</v>
      </c>
      <c r="GP14" s="61">
        <v>1238</v>
      </c>
      <c r="GQ14" s="62">
        <v>9535</v>
      </c>
      <c r="GR14" s="63">
        <v>15001</v>
      </c>
      <c r="GS14" s="113">
        <v>4714</v>
      </c>
      <c r="GT14" s="72">
        <v>3213</v>
      </c>
      <c r="GU14" s="73">
        <v>7927</v>
      </c>
      <c r="GV14" s="224">
        <v>0</v>
      </c>
      <c r="GW14" s="72">
        <v>5104</v>
      </c>
      <c r="GX14" s="72">
        <v>2843</v>
      </c>
      <c r="GY14" s="72">
        <v>2146</v>
      </c>
      <c r="GZ14" s="72">
        <v>2195</v>
      </c>
      <c r="HA14" s="72">
        <v>1661</v>
      </c>
      <c r="HB14" s="74">
        <v>13949</v>
      </c>
      <c r="HC14" s="75">
        <v>21876</v>
      </c>
      <c r="HD14" s="60">
        <v>122</v>
      </c>
      <c r="HE14" s="61">
        <v>117</v>
      </c>
      <c r="HF14" s="62">
        <v>239</v>
      </c>
      <c r="HG14" s="227">
        <v>0</v>
      </c>
      <c r="HH14" s="61">
        <v>152</v>
      </c>
      <c r="HI14" s="61">
        <v>83</v>
      </c>
      <c r="HJ14" s="61">
        <v>45</v>
      </c>
      <c r="HK14" s="61">
        <v>69</v>
      </c>
      <c r="HL14" s="61">
        <v>53</v>
      </c>
      <c r="HM14" s="62">
        <v>402</v>
      </c>
      <c r="HN14" s="63">
        <v>641</v>
      </c>
      <c r="HO14" s="60">
        <v>343</v>
      </c>
      <c r="HP14" s="61">
        <v>211</v>
      </c>
      <c r="HQ14" s="62">
        <v>554</v>
      </c>
      <c r="HR14" s="443">
        <v>0</v>
      </c>
      <c r="HS14" s="61">
        <v>343</v>
      </c>
      <c r="HT14" s="61">
        <v>202</v>
      </c>
      <c r="HU14" s="61">
        <v>137</v>
      </c>
      <c r="HV14" s="61">
        <v>98</v>
      </c>
      <c r="HW14" s="61">
        <v>116</v>
      </c>
      <c r="HX14" s="62">
        <v>896</v>
      </c>
      <c r="HY14" s="63">
        <v>1450</v>
      </c>
      <c r="HZ14" s="60">
        <v>694</v>
      </c>
      <c r="IA14" s="61">
        <v>447</v>
      </c>
      <c r="IB14" s="62">
        <v>1141</v>
      </c>
      <c r="IC14" s="443">
        <v>0</v>
      </c>
      <c r="ID14" s="61">
        <v>670</v>
      </c>
      <c r="IE14" s="61">
        <v>358</v>
      </c>
      <c r="IF14" s="61">
        <v>217</v>
      </c>
      <c r="IG14" s="61">
        <v>249</v>
      </c>
      <c r="IH14" s="61">
        <v>182</v>
      </c>
      <c r="II14" s="62">
        <v>1676</v>
      </c>
      <c r="IJ14" s="63">
        <v>2817</v>
      </c>
      <c r="IK14" s="60">
        <v>1311</v>
      </c>
      <c r="IL14" s="61">
        <v>825</v>
      </c>
      <c r="IM14" s="62">
        <v>2136</v>
      </c>
      <c r="IN14" s="443">
        <v>0</v>
      </c>
      <c r="IO14" s="61">
        <v>1197</v>
      </c>
      <c r="IP14" s="61">
        <v>580</v>
      </c>
      <c r="IQ14" s="61">
        <v>408</v>
      </c>
      <c r="IR14" s="61">
        <v>392</v>
      </c>
      <c r="IS14" s="61">
        <v>324</v>
      </c>
      <c r="IT14" s="62">
        <v>2901</v>
      </c>
      <c r="IU14" s="63">
        <v>5037</v>
      </c>
      <c r="IV14" s="60">
        <v>1422</v>
      </c>
      <c r="IW14" s="61">
        <v>921</v>
      </c>
      <c r="IX14" s="62">
        <v>2343</v>
      </c>
      <c r="IY14" s="443">
        <v>0</v>
      </c>
      <c r="IZ14" s="61">
        <v>1454</v>
      </c>
      <c r="JA14" s="61">
        <v>738</v>
      </c>
      <c r="JB14" s="61">
        <v>564</v>
      </c>
      <c r="JC14" s="61">
        <v>506</v>
      </c>
      <c r="JD14" s="61">
        <v>418</v>
      </c>
      <c r="JE14" s="62">
        <v>3680</v>
      </c>
      <c r="JF14" s="63">
        <v>6023</v>
      </c>
      <c r="JG14" s="60">
        <v>822</v>
      </c>
      <c r="JH14" s="61">
        <v>692</v>
      </c>
      <c r="JI14" s="62">
        <v>1514</v>
      </c>
      <c r="JJ14" s="443">
        <v>0</v>
      </c>
      <c r="JK14" s="61">
        <v>1288</v>
      </c>
      <c r="JL14" s="61">
        <v>882</v>
      </c>
      <c r="JM14" s="61">
        <v>775</v>
      </c>
      <c r="JN14" s="61">
        <v>881</v>
      </c>
      <c r="JO14" s="61">
        <v>568</v>
      </c>
      <c r="JP14" s="62">
        <v>4394</v>
      </c>
      <c r="JQ14" s="63">
        <v>5908</v>
      </c>
      <c r="JR14" s="60">
        <v>79</v>
      </c>
      <c r="JS14" s="61">
        <v>74</v>
      </c>
      <c r="JT14" s="62">
        <v>153</v>
      </c>
      <c r="JU14" s="443">
        <v>0</v>
      </c>
      <c r="JV14" s="61">
        <v>129</v>
      </c>
      <c r="JW14" s="61">
        <v>95</v>
      </c>
      <c r="JX14" s="61">
        <v>63</v>
      </c>
      <c r="JY14" s="61">
        <v>57</v>
      </c>
      <c r="JZ14" s="61">
        <v>59</v>
      </c>
      <c r="KA14" s="62">
        <v>403</v>
      </c>
      <c r="KB14" s="63">
        <v>556</v>
      </c>
      <c r="KC14" s="60">
        <v>4793</v>
      </c>
      <c r="KD14" s="61">
        <v>3287</v>
      </c>
      <c r="KE14" s="62">
        <v>8080</v>
      </c>
      <c r="KF14" s="443">
        <v>0</v>
      </c>
      <c r="KG14" s="61">
        <v>5233</v>
      </c>
      <c r="KH14" s="61">
        <v>2938</v>
      </c>
      <c r="KI14" s="61">
        <v>2209</v>
      </c>
      <c r="KJ14" s="61">
        <v>2252</v>
      </c>
      <c r="KK14" s="61">
        <v>1720</v>
      </c>
      <c r="KL14" s="62">
        <v>14352</v>
      </c>
      <c r="KM14" s="63">
        <v>22432</v>
      </c>
    </row>
    <row r="15" spans="2:299" ht="21" customHeight="1" x14ac:dyDescent="0.2">
      <c r="B15" s="437" t="s">
        <v>11</v>
      </c>
      <c r="C15" s="287">
        <v>463</v>
      </c>
      <c r="D15" s="72">
        <v>351</v>
      </c>
      <c r="E15" s="73">
        <v>814</v>
      </c>
      <c r="F15" s="443">
        <v>0</v>
      </c>
      <c r="G15" s="72">
        <v>899</v>
      </c>
      <c r="H15" s="72">
        <v>583</v>
      </c>
      <c r="I15" s="72">
        <v>453</v>
      </c>
      <c r="J15" s="72">
        <v>457</v>
      </c>
      <c r="K15" s="72">
        <v>237</v>
      </c>
      <c r="L15" s="74">
        <v>2629</v>
      </c>
      <c r="M15" s="75">
        <v>3443</v>
      </c>
      <c r="N15" s="60">
        <v>17</v>
      </c>
      <c r="O15" s="61">
        <v>15</v>
      </c>
      <c r="P15" s="62">
        <v>32</v>
      </c>
      <c r="Q15" s="443">
        <v>0</v>
      </c>
      <c r="R15" s="61">
        <v>50</v>
      </c>
      <c r="S15" s="61">
        <v>20</v>
      </c>
      <c r="T15" s="61">
        <v>20</v>
      </c>
      <c r="U15" s="61">
        <v>22</v>
      </c>
      <c r="V15" s="61">
        <v>14</v>
      </c>
      <c r="W15" s="62">
        <v>126</v>
      </c>
      <c r="X15" s="63">
        <v>158</v>
      </c>
      <c r="Y15" s="60">
        <v>47</v>
      </c>
      <c r="Z15" s="61">
        <v>33</v>
      </c>
      <c r="AA15" s="62">
        <v>80</v>
      </c>
      <c r="AB15" s="443">
        <v>0</v>
      </c>
      <c r="AC15" s="61">
        <v>94</v>
      </c>
      <c r="AD15" s="61">
        <v>64</v>
      </c>
      <c r="AE15" s="61">
        <v>55</v>
      </c>
      <c r="AF15" s="61">
        <v>46</v>
      </c>
      <c r="AG15" s="61">
        <v>24</v>
      </c>
      <c r="AH15" s="62">
        <v>283</v>
      </c>
      <c r="AI15" s="63">
        <v>363</v>
      </c>
      <c r="AJ15" s="60">
        <v>62</v>
      </c>
      <c r="AK15" s="61">
        <v>72</v>
      </c>
      <c r="AL15" s="62">
        <v>134</v>
      </c>
      <c r="AM15" s="443">
        <v>0</v>
      </c>
      <c r="AN15" s="61">
        <v>142</v>
      </c>
      <c r="AO15" s="61">
        <v>92</v>
      </c>
      <c r="AP15" s="61">
        <v>74</v>
      </c>
      <c r="AQ15" s="61">
        <v>80</v>
      </c>
      <c r="AR15" s="61">
        <v>34</v>
      </c>
      <c r="AS15" s="62">
        <v>422</v>
      </c>
      <c r="AT15" s="63">
        <v>556</v>
      </c>
      <c r="AU15" s="60">
        <v>116</v>
      </c>
      <c r="AV15" s="61">
        <v>92</v>
      </c>
      <c r="AW15" s="62">
        <v>208</v>
      </c>
      <c r="AX15" s="443">
        <v>0</v>
      </c>
      <c r="AY15" s="61">
        <v>236</v>
      </c>
      <c r="AZ15" s="61">
        <v>152</v>
      </c>
      <c r="BA15" s="61">
        <v>112</v>
      </c>
      <c r="BB15" s="61">
        <v>109</v>
      </c>
      <c r="BC15" s="61">
        <v>60</v>
      </c>
      <c r="BD15" s="62">
        <v>669</v>
      </c>
      <c r="BE15" s="63">
        <v>877</v>
      </c>
      <c r="BF15" s="60">
        <v>136</v>
      </c>
      <c r="BG15" s="61">
        <v>82</v>
      </c>
      <c r="BH15" s="62">
        <v>218</v>
      </c>
      <c r="BI15" s="443">
        <v>0</v>
      </c>
      <c r="BJ15" s="61">
        <v>207</v>
      </c>
      <c r="BK15" s="61">
        <v>138</v>
      </c>
      <c r="BL15" s="61">
        <v>103</v>
      </c>
      <c r="BM15" s="61">
        <v>117</v>
      </c>
      <c r="BN15" s="61">
        <v>55</v>
      </c>
      <c r="BO15" s="62">
        <v>620</v>
      </c>
      <c r="BP15" s="63">
        <v>838</v>
      </c>
      <c r="BQ15" s="60">
        <v>85</v>
      </c>
      <c r="BR15" s="61">
        <v>57</v>
      </c>
      <c r="BS15" s="62">
        <v>142</v>
      </c>
      <c r="BT15" s="443">
        <v>0</v>
      </c>
      <c r="BU15" s="61">
        <v>170</v>
      </c>
      <c r="BV15" s="61">
        <v>117</v>
      </c>
      <c r="BW15" s="61">
        <v>89</v>
      </c>
      <c r="BX15" s="61">
        <v>83</v>
      </c>
      <c r="BY15" s="61">
        <v>50</v>
      </c>
      <c r="BZ15" s="62">
        <v>509</v>
      </c>
      <c r="CA15" s="63">
        <v>651</v>
      </c>
      <c r="CB15" s="60">
        <v>10</v>
      </c>
      <c r="CC15" s="61">
        <v>11</v>
      </c>
      <c r="CD15" s="62">
        <v>21</v>
      </c>
      <c r="CE15" s="443">
        <v>0</v>
      </c>
      <c r="CF15" s="61">
        <v>32</v>
      </c>
      <c r="CG15" s="61">
        <v>17</v>
      </c>
      <c r="CH15" s="61">
        <v>15</v>
      </c>
      <c r="CI15" s="61">
        <v>15</v>
      </c>
      <c r="CJ15" s="61">
        <v>14</v>
      </c>
      <c r="CK15" s="62">
        <v>93</v>
      </c>
      <c r="CL15" s="63">
        <v>114</v>
      </c>
      <c r="CM15" s="60">
        <v>473</v>
      </c>
      <c r="CN15" s="61">
        <v>362</v>
      </c>
      <c r="CO15" s="62">
        <v>835</v>
      </c>
      <c r="CP15" s="443">
        <v>0</v>
      </c>
      <c r="CQ15" s="61">
        <v>931</v>
      </c>
      <c r="CR15" s="61">
        <v>600</v>
      </c>
      <c r="CS15" s="61">
        <v>468</v>
      </c>
      <c r="CT15" s="61">
        <v>472</v>
      </c>
      <c r="CU15" s="61">
        <v>251</v>
      </c>
      <c r="CV15" s="62">
        <v>2722</v>
      </c>
      <c r="CW15" s="63">
        <v>3557</v>
      </c>
      <c r="CX15" s="113">
        <v>958</v>
      </c>
      <c r="CY15" s="72">
        <v>820</v>
      </c>
      <c r="CZ15" s="73">
        <v>1778</v>
      </c>
      <c r="DA15" s="443">
        <v>0</v>
      </c>
      <c r="DB15" s="72">
        <v>1747</v>
      </c>
      <c r="DC15" s="72">
        <v>1071</v>
      </c>
      <c r="DD15" s="72">
        <v>950</v>
      </c>
      <c r="DE15" s="72">
        <v>981</v>
      </c>
      <c r="DF15" s="72">
        <v>593</v>
      </c>
      <c r="DG15" s="74">
        <v>5342</v>
      </c>
      <c r="DH15" s="75">
        <v>7120</v>
      </c>
      <c r="DI15" s="60">
        <v>18</v>
      </c>
      <c r="DJ15" s="61">
        <v>16</v>
      </c>
      <c r="DK15" s="62">
        <v>34</v>
      </c>
      <c r="DL15" s="443">
        <v>0</v>
      </c>
      <c r="DM15" s="61">
        <v>38</v>
      </c>
      <c r="DN15" s="61">
        <v>22</v>
      </c>
      <c r="DO15" s="61">
        <v>13</v>
      </c>
      <c r="DP15" s="61">
        <v>19</v>
      </c>
      <c r="DQ15" s="61">
        <v>19</v>
      </c>
      <c r="DR15" s="62">
        <v>111</v>
      </c>
      <c r="DS15" s="63">
        <v>145</v>
      </c>
      <c r="DT15" s="60">
        <v>59</v>
      </c>
      <c r="DU15" s="61">
        <v>56</v>
      </c>
      <c r="DV15" s="62">
        <v>115</v>
      </c>
      <c r="DW15" s="443">
        <v>0</v>
      </c>
      <c r="DX15" s="61">
        <v>90</v>
      </c>
      <c r="DY15" s="61">
        <v>45</v>
      </c>
      <c r="DZ15" s="61">
        <v>47</v>
      </c>
      <c r="EA15" s="61">
        <v>49</v>
      </c>
      <c r="EB15" s="61">
        <v>26</v>
      </c>
      <c r="EC15" s="62">
        <v>257</v>
      </c>
      <c r="ED15" s="63">
        <v>372</v>
      </c>
      <c r="EE15" s="60">
        <v>136</v>
      </c>
      <c r="EF15" s="61">
        <v>108</v>
      </c>
      <c r="EG15" s="62">
        <v>244</v>
      </c>
      <c r="EH15" s="443">
        <v>0</v>
      </c>
      <c r="EI15" s="61">
        <v>175</v>
      </c>
      <c r="EJ15" s="61">
        <v>114</v>
      </c>
      <c r="EK15" s="61">
        <v>81</v>
      </c>
      <c r="EL15" s="61">
        <v>81</v>
      </c>
      <c r="EM15" s="61">
        <v>60</v>
      </c>
      <c r="EN15" s="62">
        <v>511</v>
      </c>
      <c r="EO15" s="63">
        <v>755</v>
      </c>
      <c r="EP15" s="60">
        <v>270</v>
      </c>
      <c r="EQ15" s="61">
        <v>227</v>
      </c>
      <c r="ER15" s="62">
        <v>497</v>
      </c>
      <c r="ES15" s="443">
        <v>0</v>
      </c>
      <c r="ET15" s="61">
        <v>405</v>
      </c>
      <c r="EU15" s="61">
        <v>217</v>
      </c>
      <c r="EV15" s="61">
        <v>177</v>
      </c>
      <c r="EW15" s="61">
        <v>163</v>
      </c>
      <c r="EX15" s="61">
        <v>116</v>
      </c>
      <c r="EY15" s="62">
        <v>1078</v>
      </c>
      <c r="EZ15" s="63">
        <v>1575</v>
      </c>
      <c r="FA15" s="60">
        <v>287</v>
      </c>
      <c r="FB15" s="61">
        <v>248</v>
      </c>
      <c r="FC15" s="62">
        <v>535</v>
      </c>
      <c r="FD15" s="443">
        <v>0</v>
      </c>
      <c r="FE15" s="61">
        <v>539</v>
      </c>
      <c r="FF15" s="61">
        <v>294</v>
      </c>
      <c r="FG15" s="61">
        <v>244</v>
      </c>
      <c r="FH15" s="61">
        <v>214</v>
      </c>
      <c r="FI15" s="61">
        <v>140</v>
      </c>
      <c r="FJ15" s="62">
        <v>1431</v>
      </c>
      <c r="FK15" s="63">
        <v>1966</v>
      </c>
      <c r="FL15" s="60">
        <v>188</v>
      </c>
      <c r="FM15" s="61">
        <v>165</v>
      </c>
      <c r="FN15" s="62">
        <v>353</v>
      </c>
      <c r="FO15" s="443">
        <v>0</v>
      </c>
      <c r="FP15" s="61">
        <v>500</v>
      </c>
      <c r="FQ15" s="61">
        <v>379</v>
      </c>
      <c r="FR15" s="61">
        <v>388</v>
      </c>
      <c r="FS15" s="61">
        <v>455</v>
      </c>
      <c r="FT15" s="61">
        <v>232</v>
      </c>
      <c r="FU15" s="62">
        <v>1954</v>
      </c>
      <c r="FV15" s="63">
        <v>2307</v>
      </c>
      <c r="FW15" s="60">
        <v>13</v>
      </c>
      <c r="FX15" s="61">
        <v>10</v>
      </c>
      <c r="FY15" s="62">
        <v>23</v>
      </c>
      <c r="FZ15" s="443">
        <v>0</v>
      </c>
      <c r="GA15" s="61">
        <v>25</v>
      </c>
      <c r="GB15" s="61">
        <v>15</v>
      </c>
      <c r="GC15" s="61">
        <v>20</v>
      </c>
      <c r="GD15" s="61">
        <v>8</v>
      </c>
      <c r="GE15" s="61">
        <v>10</v>
      </c>
      <c r="GF15" s="62">
        <v>78</v>
      </c>
      <c r="GG15" s="63">
        <v>101</v>
      </c>
      <c r="GH15" s="60">
        <v>971</v>
      </c>
      <c r="GI15" s="61">
        <v>830</v>
      </c>
      <c r="GJ15" s="62">
        <v>1801</v>
      </c>
      <c r="GK15" s="443">
        <v>0</v>
      </c>
      <c r="GL15" s="61">
        <v>1772</v>
      </c>
      <c r="GM15" s="61">
        <v>1086</v>
      </c>
      <c r="GN15" s="61">
        <v>970</v>
      </c>
      <c r="GO15" s="61">
        <v>989</v>
      </c>
      <c r="GP15" s="61">
        <v>603</v>
      </c>
      <c r="GQ15" s="62">
        <v>5420</v>
      </c>
      <c r="GR15" s="63">
        <v>7221</v>
      </c>
      <c r="GS15" s="113">
        <v>1421</v>
      </c>
      <c r="GT15" s="72">
        <v>1171</v>
      </c>
      <c r="GU15" s="73">
        <v>2592</v>
      </c>
      <c r="GV15" s="224">
        <v>0</v>
      </c>
      <c r="GW15" s="72">
        <v>2646</v>
      </c>
      <c r="GX15" s="72">
        <v>1654</v>
      </c>
      <c r="GY15" s="72">
        <v>1403</v>
      </c>
      <c r="GZ15" s="72">
        <v>1438</v>
      </c>
      <c r="HA15" s="72">
        <v>830</v>
      </c>
      <c r="HB15" s="74">
        <v>7971</v>
      </c>
      <c r="HC15" s="75">
        <v>10563</v>
      </c>
      <c r="HD15" s="60">
        <v>35</v>
      </c>
      <c r="HE15" s="61">
        <v>31</v>
      </c>
      <c r="HF15" s="62">
        <v>66</v>
      </c>
      <c r="HG15" s="227">
        <v>0</v>
      </c>
      <c r="HH15" s="61">
        <v>88</v>
      </c>
      <c r="HI15" s="61">
        <v>42</v>
      </c>
      <c r="HJ15" s="61">
        <v>33</v>
      </c>
      <c r="HK15" s="61">
        <v>41</v>
      </c>
      <c r="HL15" s="61">
        <v>33</v>
      </c>
      <c r="HM15" s="62">
        <v>237</v>
      </c>
      <c r="HN15" s="63">
        <v>303</v>
      </c>
      <c r="HO15" s="60">
        <v>106</v>
      </c>
      <c r="HP15" s="61">
        <v>89</v>
      </c>
      <c r="HQ15" s="62">
        <v>195</v>
      </c>
      <c r="HR15" s="443">
        <v>0</v>
      </c>
      <c r="HS15" s="61">
        <v>184</v>
      </c>
      <c r="HT15" s="61">
        <v>109</v>
      </c>
      <c r="HU15" s="61">
        <v>102</v>
      </c>
      <c r="HV15" s="61">
        <v>95</v>
      </c>
      <c r="HW15" s="61">
        <v>50</v>
      </c>
      <c r="HX15" s="62">
        <v>540</v>
      </c>
      <c r="HY15" s="63">
        <v>735</v>
      </c>
      <c r="HZ15" s="60">
        <v>198</v>
      </c>
      <c r="IA15" s="61">
        <v>180</v>
      </c>
      <c r="IB15" s="62">
        <v>378</v>
      </c>
      <c r="IC15" s="443">
        <v>0</v>
      </c>
      <c r="ID15" s="61">
        <v>317</v>
      </c>
      <c r="IE15" s="61">
        <v>206</v>
      </c>
      <c r="IF15" s="61">
        <v>155</v>
      </c>
      <c r="IG15" s="61">
        <v>161</v>
      </c>
      <c r="IH15" s="61">
        <v>94</v>
      </c>
      <c r="II15" s="62">
        <v>933</v>
      </c>
      <c r="IJ15" s="63">
        <v>1311</v>
      </c>
      <c r="IK15" s="60">
        <v>386</v>
      </c>
      <c r="IL15" s="61">
        <v>319</v>
      </c>
      <c r="IM15" s="62">
        <v>705</v>
      </c>
      <c r="IN15" s="443">
        <v>0</v>
      </c>
      <c r="IO15" s="61">
        <v>641</v>
      </c>
      <c r="IP15" s="61">
        <v>369</v>
      </c>
      <c r="IQ15" s="61">
        <v>289</v>
      </c>
      <c r="IR15" s="61">
        <v>272</v>
      </c>
      <c r="IS15" s="61">
        <v>176</v>
      </c>
      <c r="IT15" s="62">
        <v>1747</v>
      </c>
      <c r="IU15" s="63">
        <v>2452</v>
      </c>
      <c r="IV15" s="60">
        <v>423</v>
      </c>
      <c r="IW15" s="61">
        <v>330</v>
      </c>
      <c r="IX15" s="62">
        <v>753</v>
      </c>
      <c r="IY15" s="443">
        <v>0</v>
      </c>
      <c r="IZ15" s="61">
        <v>746</v>
      </c>
      <c r="JA15" s="61">
        <v>432</v>
      </c>
      <c r="JB15" s="61">
        <v>347</v>
      </c>
      <c r="JC15" s="61">
        <v>331</v>
      </c>
      <c r="JD15" s="61">
        <v>195</v>
      </c>
      <c r="JE15" s="62">
        <v>2051</v>
      </c>
      <c r="JF15" s="63">
        <v>2804</v>
      </c>
      <c r="JG15" s="60">
        <v>273</v>
      </c>
      <c r="JH15" s="61">
        <v>222</v>
      </c>
      <c r="JI15" s="62">
        <v>495</v>
      </c>
      <c r="JJ15" s="443">
        <v>0</v>
      </c>
      <c r="JK15" s="61">
        <v>670</v>
      </c>
      <c r="JL15" s="61">
        <v>496</v>
      </c>
      <c r="JM15" s="61">
        <v>477</v>
      </c>
      <c r="JN15" s="61">
        <v>538</v>
      </c>
      <c r="JO15" s="61">
        <v>282</v>
      </c>
      <c r="JP15" s="62">
        <v>2463</v>
      </c>
      <c r="JQ15" s="63">
        <v>2958</v>
      </c>
      <c r="JR15" s="60">
        <v>23</v>
      </c>
      <c r="JS15" s="61">
        <v>21</v>
      </c>
      <c r="JT15" s="62">
        <v>44</v>
      </c>
      <c r="JU15" s="443">
        <v>0</v>
      </c>
      <c r="JV15" s="61">
        <v>57</v>
      </c>
      <c r="JW15" s="61">
        <v>32</v>
      </c>
      <c r="JX15" s="61">
        <v>35</v>
      </c>
      <c r="JY15" s="61">
        <v>23</v>
      </c>
      <c r="JZ15" s="61">
        <v>24</v>
      </c>
      <c r="KA15" s="62">
        <v>171</v>
      </c>
      <c r="KB15" s="63">
        <v>215</v>
      </c>
      <c r="KC15" s="60">
        <v>1444</v>
      </c>
      <c r="KD15" s="61">
        <v>1192</v>
      </c>
      <c r="KE15" s="62">
        <v>2636</v>
      </c>
      <c r="KF15" s="443">
        <v>0</v>
      </c>
      <c r="KG15" s="61">
        <v>2703</v>
      </c>
      <c r="KH15" s="61">
        <v>1686</v>
      </c>
      <c r="KI15" s="61">
        <v>1438</v>
      </c>
      <c r="KJ15" s="61">
        <v>1461</v>
      </c>
      <c r="KK15" s="61">
        <v>854</v>
      </c>
      <c r="KL15" s="62">
        <v>8142</v>
      </c>
      <c r="KM15" s="63">
        <v>10778</v>
      </c>
    </row>
    <row r="16" spans="2:299" ht="21" customHeight="1" x14ac:dyDescent="0.2">
      <c r="B16" s="437" t="s">
        <v>12</v>
      </c>
      <c r="C16" s="287">
        <v>714</v>
      </c>
      <c r="D16" s="72">
        <v>628</v>
      </c>
      <c r="E16" s="73">
        <v>1342</v>
      </c>
      <c r="F16" s="443">
        <v>0</v>
      </c>
      <c r="G16" s="72">
        <v>728</v>
      </c>
      <c r="H16" s="72">
        <v>665</v>
      </c>
      <c r="I16" s="72">
        <v>474</v>
      </c>
      <c r="J16" s="72">
        <v>446</v>
      </c>
      <c r="K16" s="72">
        <v>222</v>
      </c>
      <c r="L16" s="74">
        <v>2535</v>
      </c>
      <c r="M16" s="75">
        <v>3877</v>
      </c>
      <c r="N16" s="76">
        <v>24</v>
      </c>
      <c r="O16" s="61">
        <v>25</v>
      </c>
      <c r="P16" s="62">
        <v>49</v>
      </c>
      <c r="Q16" s="443">
        <v>0</v>
      </c>
      <c r="R16" s="61">
        <v>17</v>
      </c>
      <c r="S16" s="61">
        <v>28</v>
      </c>
      <c r="T16" s="61">
        <v>17</v>
      </c>
      <c r="U16" s="61">
        <v>23</v>
      </c>
      <c r="V16" s="61">
        <v>9</v>
      </c>
      <c r="W16" s="62">
        <v>94</v>
      </c>
      <c r="X16" s="63">
        <v>143</v>
      </c>
      <c r="Y16" s="60">
        <v>58</v>
      </c>
      <c r="Z16" s="61">
        <v>64</v>
      </c>
      <c r="AA16" s="62">
        <v>122</v>
      </c>
      <c r="AB16" s="443">
        <v>0</v>
      </c>
      <c r="AC16" s="61">
        <v>47</v>
      </c>
      <c r="AD16" s="61">
        <v>57</v>
      </c>
      <c r="AE16" s="61">
        <v>37</v>
      </c>
      <c r="AF16" s="61">
        <v>46</v>
      </c>
      <c r="AG16" s="61">
        <v>22</v>
      </c>
      <c r="AH16" s="62">
        <v>209</v>
      </c>
      <c r="AI16" s="63">
        <v>331</v>
      </c>
      <c r="AJ16" s="76">
        <v>94</v>
      </c>
      <c r="AK16" s="61">
        <v>93</v>
      </c>
      <c r="AL16" s="62">
        <v>187</v>
      </c>
      <c r="AM16" s="443">
        <v>0</v>
      </c>
      <c r="AN16" s="61">
        <v>100</v>
      </c>
      <c r="AO16" s="61">
        <v>88</v>
      </c>
      <c r="AP16" s="61">
        <v>64</v>
      </c>
      <c r="AQ16" s="61">
        <v>61</v>
      </c>
      <c r="AR16" s="61">
        <v>39</v>
      </c>
      <c r="AS16" s="62">
        <v>352</v>
      </c>
      <c r="AT16" s="63">
        <v>539</v>
      </c>
      <c r="AU16" s="60">
        <v>195</v>
      </c>
      <c r="AV16" s="61">
        <v>165</v>
      </c>
      <c r="AW16" s="62">
        <v>360</v>
      </c>
      <c r="AX16" s="443">
        <v>0</v>
      </c>
      <c r="AY16" s="61">
        <v>173</v>
      </c>
      <c r="AZ16" s="61">
        <v>169</v>
      </c>
      <c r="BA16" s="61">
        <v>122</v>
      </c>
      <c r="BB16" s="61">
        <v>89</v>
      </c>
      <c r="BC16" s="61">
        <v>58</v>
      </c>
      <c r="BD16" s="62">
        <v>611</v>
      </c>
      <c r="BE16" s="63">
        <v>971</v>
      </c>
      <c r="BF16" s="76">
        <v>207</v>
      </c>
      <c r="BG16" s="61">
        <v>154</v>
      </c>
      <c r="BH16" s="62">
        <v>361</v>
      </c>
      <c r="BI16" s="443">
        <v>0</v>
      </c>
      <c r="BJ16" s="61">
        <v>216</v>
      </c>
      <c r="BK16" s="61">
        <v>174</v>
      </c>
      <c r="BL16" s="61">
        <v>130</v>
      </c>
      <c r="BM16" s="61">
        <v>117</v>
      </c>
      <c r="BN16" s="61">
        <v>60</v>
      </c>
      <c r="BO16" s="62">
        <v>697</v>
      </c>
      <c r="BP16" s="63">
        <v>1058</v>
      </c>
      <c r="BQ16" s="60">
        <v>136</v>
      </c>
      <c r="BR16" s="61">
        <v>127</v>
      </c>
      <c r="BS16" s="62">
        <v>263</v>
      </c>
      <c r="BT16" s="443">
        <v>0</v>
      </c>
      <c r="BU16" s="61">
        <v>175</v>
      </c>
      <c r="BV16" s="61">
        <v>149</v>
      </c>
      <c r="BW16" s="61">
        <v>104</v>
      </c>
      <c r="BX16" s="61">
        <v>110</v>
      </c>
      <c r="BY16" s="61">
        <v>34</v>
      </c>
      <c r="BZ16" s="62">
        <v>572</v>
      </c>
      <c r="CA16" s="63">
        <v>835</v>
      </c>
      <c r="CB16" s="60">
        <v>17</v>
      </c>
      <c r="CC16" s="61">
        <v>36</v>
      </c>
      <c r="CD16" s="62">
        <v>53</v>
      </c>
      <c r="CE16" s="443">
        <v>0</v>
      </c>
      <c r="CF16" s="61">
        <v>17</v>
      </c>
      <c r="CG16" s="61">
        <v>31</v>
      </c>
      <c r="CH16" s="61">
        <v>17</v>
      </c>
      <c r="CI16" s="61">
        <v>12</v>
      </c>
      <c r="CJ16" s="61">
        <v>20</v>
      </c>
      <c r="CK16" s="62">
        <v>97</v>
      </c>
      <c r="CL16" s="63">
        <v>150</v>
      </c>
      <c r="CM16" s="60">
        <v>731</v>
      </c>
      <c r="CN16" s="61">
        <v>664</v>
      </c>
      <c r="CO16" s="62">
        <v>1395</v>
      </c>
      <c r="CP16" s="443">
        <v>0</v>
      </c>
      <c r="CQ16" s="61">
        <v>745</v>
      </c>
      <c r="CR16" s="61">
        <v>696</v>
      </c>
      <c r="CS16" s="61">
        <v>491</v>
      </c>
      <c r="CT16" s="61">
        <v>458</v>
      </c>
      <c r="CU16" s="61">
        <v>242</v>
      </c>
      <c r="CV16" s="62">
        <v>2632</v>
      </c>
      <c r="CW16" s="63">
        <v>4027</v>
      </c>
      <c r="CX16" s="113">
        <v>1358</v>
      </c>
      <c r="CY16" s="72">
        <v>1433</v>
      </c>
      <c r="CZ16" s="73">
        <v>2791</v>
      </c>
      <c r="DA16" s="443">
        <v>0</v>
      </c>
      <c r="DB16" s="72">
        <v>1528</v>
      </c>
      <c r="DC16" s="72">
        <v>1133</v>
      </c>
      <c r="DD16" s="72">
        <v>963</v>
      </c>
      <c r="DE16" s="72">
        <v>1036</v>
      </c>
      <c r="DF16" s="72">
        <v>669</v>
      </c>
      <c r="DG16" s="74">
        <v>5329</v>
      </c>
      <c r="DH16" s="75">
        <v>8120</v>
      </c>
      <c r="DI16" s="76">
        <v>22</v>
      </c>
      <c r="DJ16" s="61">
        <v>32</v>
      </c>
      <c r="DK16" s="62">
        <v>54</v>
      </c>
      <c r="DL16" s="443">
        <v>0</v>
      </c>
      <c r="DM16" s="61">
        <v>25</v>
      </c>
      <c r="DN16" s="61">
        <v>21</v>
      </c>
      <c r="DO16" s="61">
        <v>13</v>
      </c>
      <c r="DP16" s="61">
        <v>12</v>
      </c>
      <c r="DQ16" s="61">
        <v>12</v>
      </c>
      <c r="DR16" s="62">
        <v>83</v>
      </c>
      <c r="DS16" s="63">
        <v>137</v>
      </c>
      <c r="DT16" s="60">
        <v>88</v>
      </c>
      <c r="DU16" s="61">
        <v>77</v>
      </c>
      <c r="DV16" s="62">
        <v>165</v>
      </c>
      <c r="DW16" s="443">
        <v>0</v>
      </c>
      <c r="DX16" s="61">
        <v>48</v>
      </c>
      <c r="DY16" s="61">
        <v>54</v>
      </c>
      <c r="DZ16" s="61">
        <v>38</v>
      </c>
      <c r="EA16" s="61">
        <v>41</v>
      </c>
      <c r="EB16" s="61">
        <v>30</v>
      </c>
      <c r="EC16" s="62">
        <v>211</v>
      </c>
      <c r="ED16" s="63">
        <v>376</v>
      </c>
      <c r="EE16" s="76">
        <v>182</v>
      </c>
      <c r="EF16" s="61">
        <v>206</v>
      </c>
      <c r="EG16" s="62">
        <v>388</v>
      </c>
      <c r="EH16" s="443">
        <v>0</v>
      </c>
      <c r="EI16" s="61">
        <v>145</v>
      </c>
      <c r="EJ16" s="61">
        <v>107</v>
      </c>
      <c r="EK16" s="61">
        <v>75</v>
      </c>
      <c r="EL16" s="61">
        <v>96</v>
      </c>
      <c r="EM16" s="61">
        <v>76</v>
      </c>
      <c r="EN16" s="62">
        <v>499</v>
      </c>
      <c r="EO16" s="63">
        <v>887</v>
      </c>
      <c r="EP16" s="60">
        <v>413</v>
      </c>
      <c r="EQ16" s="61">
        <v>401</v>
      </c>
      <c r="ER16" s="62">
        <v>814</v>
      </c>
      <c r="ES16" s="443">
        <v>0</v>
      </c>
      <c r="ET16" s="61">
        <v>363</v>
      </c>
      <c r="EU16" s="61">
        <v>223</v>
      </c>
      <c r="EV16" s="61">
        <v>171</v>
      </c>
      <c r="EW16" s="61">
        <v>155</v>
      </c>
      <c r="EX16" s="61">
        <v>129</v>
      </c>
      <c r="EY16" s="62">
        <v>1041</v>
      </c>
      <c r="EZ16" s="63">
        <v>1855</v>
      </c>
      <c r="FA16" s="76">
        <v>399</v>
      </c>
      <c r="FB16" s="61">
        <v>396</v>
      </c>
      <c r="FC16" s="62">
        <v>795</v>
      </c>
      <c r="FD16" s="443">
        <v>0</v>
      </c>
      <c r="FE16" s="61">
        <v>497</v>
      </c>
      <c r="FF16" s="61">
        <v>317</v>
      </c>
      <c r="FG16" s="61">
        <v>271</v>
      </c>
      <c r="FH16" s="61">
        <v>268</v>
      </c>
      <c r="FI16" s="61">
        <v>151</v>
      </c>
      <c r="FJ16" s="62">
        <v>1504</v>
      </c>
      <c r="FK16" s="63">
        <v>2299</v>
      </c>
      <c r="FL16" s="60">
        <v>254</v>
      </c>
      <c r="FM16" s="61">
        <v>321</v>
      </c>
      <c r="FN16" s="62">
        <v>575</v>
      </c>
      <c r="FO16" s="443">
        <v>0</v>
      </c>
      <c r="FP16" s="61">
        <v>450</v>
      </c>
      <c r="FQ16" s="61">
        <v>411</v>
      </c>
      <c r="FR16" s="61">
        <v>395</v>
      </c>
      <c r="FS16" s="61">
        <v>464</v>
      </c>
      <c r="FT16" s="61">
        <v>271</v>
      </c>
      <c r="FU16" s="62">
        <v>1991</v>
      </c>
      <c r="FV16" s="63">
        <v>2566</v>
      </c>
      <c r="FW16" s="60">
        <v>9</v>
      </c>
      <c r="FX16" s="61">
        <v>24</v>
      </c>
      <c r="FY16" s="62">
        <v>33</v>
      </c>
      <c r="FZ16" s="443">
        <v>0</v>
      </c>
      <c r="GA16" s="61">
        <v>15</v>
      </c>
      <c r="GB16" s="61">
        <v>15</v>
      </c>
      <c r="GC16" s="61">
        <v>15</v>
      </c>
      <c r="GD16" s="61">
        <v>14</v>
      </c>
      <c r="GE16" s="61">
        <v>10</v>
      </c>
      <c r="GF16" s="62">
        <v>69</v>
      </c>
      <c r="GG16" s="63">
        <v>102</v>
      </c>
      <c r="GH16" s="60">
        <v>1367</v>
      </c>
      <c r="GI16" s="61">
        <v>1457</v>
      </c>
      <c r="GJ16" s="62">
        <v>2824</v>
      </c>
      <c r="GK16" s="443">
        <v>0</v>
      </c>
      <c r="GL16" s="61">
        <v>1543</v>
      </c>
      <c r="GM16" s="61">
        <v>1148</v>
      </c>
      <c r="GN16" s="61">
        <v>978</v>
      </c>
      <c r="GO16" s="61">
        <v>1050</v>
      </c>
      <c r="GP16" s="61">
        <v>679</v>
      </c>
      <c r="GQ16" s="62">
        <v>5398</v>
      </c>
      <c r="GR16" s="63">
        <v>8222</v>
      </c>
      <c r="GS16" s="113">
        <v>2072</v>
      </c>
      <c r="GT16" s="72">
        <v>2061</v>
      </c>
      <c r="GU16" s="73">
        <v>4133</v>
      </c>
      <c r="GV16" s="224">
        <v>0</v>
      </c>
      <c r="GW16" s="72">
        <v>2256</v>
      </c>
      <c r="GX16" s="72">
        <v>1798</v>
      </c>
      <c r="GY16" s="72">
        <v>1437</v>
      </c>
      <c r="GZ16" s="72">
        <v>1482</v>
      </c>
      <c r="HA16" s="72">
        <v>891</v>
      </c>
      <c r="HB16" s="74">
        <v>7864</v>
      </c>
      <c r="HC16" s="75">
        <v>11997</v>
      </c>
      <c r="HD16" s="76">
        <v>46</v>
      </c>
      <c r="HE16" s="61">
        <v>57</v>
      </c>
      <c r="HF16" s="62">
        <v>103</v>
      </c>
      <c r="HG16" s="227">
        <v>0</v>
      </c>
      <c r="HH16" s="61">
        <v>42</v>
      </c>
      <c r="HI16" s="61">
        <v>49</v>
      </c>
      <c r="HJ16" s="61">
        <v>30</v>
      </c>
      <c r="HK16" s="61">
        <v>35</v>
      </c>
      <c r="HL16" s="61">
        <v>21</v>
      </c>
      <c r="HM16" s="62">
        <v>177</v>
      </c>
      <c r="HN16" s="63">
        <v>280</v>
      </c>
      <c r="HO16" s="60">
        <v>146</v>
      </c>
      <c r="HP16" s="61">
        <v>141</v>
      </c>
      <c r="HQ16" s="62">
        <v>287</v>
      </c>
      <c r="HR16" s="443">
        <v>0</v>
      </c>
      <c r="HS16" s="61">
        <v>95</v>
      </c>
      <c r="HT16" s="61">
        <v>111</v>
      </c>
      <c r="HU16" s="61">
        <v>75</v>
      </c>
      <c r="HV16" s="61">
        <v>87</v>
      </c>
      <c r="HW16" s="61">
        <v>52</v>
      </c>
      <c r="HX16" s="62">
        <v>420</v>
      </c>
      <c r="HY16" s="63">
        <v>707</v>
      </c>
      <c r="HZ16" s="76">
        <v>276</v>
      </c>
      <c r="IA16" s="61">
        <v>299</v>
      </c>
      <c r="IB16" s="62">
        <v>575</v>
      </c>
      <c r="IC16" s="443">
        <v>0</v>
      </c>
      <c r="ID16" s="61">
        <v>245</v>
      </c>
      <c r="IE16" s="61">
        <v>195</v>
      </c>
      <c r="IF16" s="61">
        <v>139</v>
      </c>
      <c r="IG16" s="61">
        <v>157</v>
      </c>
      <c r="IH16" s="61">
        <v>115</v>
      </c>
      <c r="II16" s="62">
        <v>851</v>
      </c>
      <c r="IJ16" s="63">
        <v>1426</v>
      </c>
      <c r="IK16" s="60">
        <v>608</v>
      </c>
      <c r="IL16" s="61">
        <v>566</v>
      </c>
      <c r="IM16" s="62">
        <v>1174</v>
      </c>
      <c r="IN16" s="443">
        <v>0</v>
      </c>
      <c r="IO16" s="61">
        <v>536</v>
      </c>
      <c r="IP16" s="61">
        <v>392</v>
      </c>
      <c r="IQ16" s="61">
        <v>293</v>
      </c>
      <c r="IR16" s="61">
        <v>244</v>
      </c>
      <c r="IS16" s="61">
        <v>187</v>
      </c>
      <c r="IT16" s="62">
        <v>1652</v>
      </c>
      <c r="IU16" s="63">
        <v>2826</v>
      </c>
      <c r="IV16" s="76">
        <v>606</v>
      </c>
      <c r="IW16" s="61">
        <v>550</v>
      </c>
      <c r="IX16" s="62">
        <v>1156</v>
      </c>
      <c r="IY16" s="443">
        <v>0</v>
      </c>
      <c r="IZ16" s="61">
        <v>713</v>
      </c>
      <c r="JA16" s="61">
        <v>491</v>
      </c>
      <c r="JB16" s="61">
        <v>401</v>
      </c>
      <c r="JC16" s="61">
        <v>385</v>
      </c>
      <c r="JD16" s="61">
        <v>211</v>
      </c>
      <c r="JE16" s="62">
        <v>2201</v>
      </c>
      <c r="JF16" s="63">
        <v>3357</v>
      </c>
      <c r="JG16" s="60">
        <v>390</v>
      </c>
      <c r="JH16" s="61">
        <v>448</v>
      </c>
      <c r="JI16" s="62">
        <v>838</v>
      </c>
      <c r="JJ16" s="443">
        <v>0</v>
      </c>
      <c r="JK16" s="61">
        <v>625</v>
      </c>
      <c r="JL16" s="61">
        <v>560</v>
      </c>
      <c r="JM16" s="61">
        <v>499</v>
      </c>
      <c r="JN16" s="61">
        <v>574</v>
      </c>
      <c r="JO16" s="61">
        <v>305</v>
      </c>
      <c r="JP16" s="62">
        <v>2563</v>
      </c>
      <c r="JQ16" s="63">
        <v>3401</v>
      </c>
      <c r="JR16" s="60">
        <v>26</v>
      </c>
      <c r="JS16" s="61">
        <v>60</v>
      </c>
      <c r="JT16" s="62">
        <v>86</v>
      </c>
      <c r="JU16" s="443">
        <v>0</v>
      </c>
      <c r="JV16" s="61">
        <v>32</v>
      </c>
      <c r="JW16" s="61">
        <v>46</v>
      </c>
      <c r="JX16" s="61">
        <v>32</v>
      </c>
      <c r="JY16" s="61">
        <v>26</v>
      </c>
      <c r="JZ16" s="61">
        <v>30</v>
      </c>
      <c r="KA16" s="62">
        <v>166</v>
      </c>
      <c r="KB16" s="63">
        <v>252</v>
      </c>
      <c r="KC16" s="60">
        <v>2098</v>
      </c>
      <c r="KD16" s="61">
        <v>2121</v>
      </c>
      <c r="KE16" s="62">
        <v>4219</v>
      </c>
      <c r="KF16" s="443">
        <v>0</v>
      </c>
      <c r="KG16" s="61">
        <v>2288</v>
      </c>
      <c r="KH16" s="61">
        <v>1844</v>
      </c>
      <c r="KI16" s="61">
        <v>1469</v>
      </c>
      <c r="KJ16" s="61">
        <v>1508</v>
      </c>
      <c r="KK16" s="61">
        <v>921</v>
      </c>
      <c r="KL16" s="62">
        <v>8030</v>
      </c>
      <c r="KM16" s="63">
        <v>12249</v>
      </c>
    </row>
    <row r="17" spans="2:299" ht="21" customHeight="1" x14ac:dyDescent="0.2">
      <c r="B17" s="437" t="s">
        <v>13</v>
      </c>
      <c r="C17" s="287">
        <v>160</v>
      </c>
      <c r="D17" s="72">
        <v>175</v>
      </c>
      <c r="E17" s="73">
        <v>335</v>
      </c>
      <c r="F17" s="443">
        <v>0</v>
      </c>
      <c r="G17" s="72">
        <v>306</v>
      </c>
      <c r="H17" s="72">
        <v>273</v>
      </c>
      <c r="I17" s="72">
        <v>203</v>
      </c>
      <c r="J17" s="72">
        <v>124</v>
      </c>
      <c r="K17" s="72">
        <v>101</v>
      </c>
      <c r="L17" s="74">
        <v>1007</v>
      </c>
      <c r="M17" s="75">
        <v>1342</v>
      </c>
      <c r="N17" s="60">
        <v>5</v>
      </c>
      <c r="O17" s="61">
        <v>4</v>
      </c>
      <c r="P17" s="62">
        <v>9</v>
      </c>
      <c r="Q17" s="443">
        <v>0</v>
      </c>
      <c r="R17" s="61">
        <v>12</v>
      </c>
      <c r="S17" s="61">
        <v>7</v>
      </c>
      <c r="T17" s="61">
        <v>9</v>
      </c>
      <c r="U17" s="61">
        <v>5</v>
      </c>
      <c r="V17" s="61">
        <v>5</v>
      </c>
      <c r="W17" s="62">
        <v>38</v>
      </c>
      <c r="X17" s="63">
        <v>47</v>
      </c>
      <c r="Y17" s="60">
        <v>12</v>
      </c>
      <c r="Z17" s="61">
        <v>10</v>
      </c>
      <c r="AA17" s="62">
        <v>22</v>
      </c>
      <c r="AB17" s="443">
        <v>0</v>
      </c>
      <c r="AC17" s="61">
        <v>24</v>
      </c>
      <c r="AD17" s="61">
        <v>20</v>
      </c>
      <c r="AE17" s="61">
        <v>9</v>
      </c>
      <c r="AF17" s="61">
        <v>14</v>
      </c>
      <c r="AG17" s="61">
        <v>11</v>
      </c>
      <c r="AH17" s="62">
        <v>78</v>
      </c>
      <c r="AI17" s="63">
        <v>100</v>
      </c>
      <c r="AJ17" s="60">
        <v>20</v>
      </c>
      <c r="AK17" s="61">
        <v>18</v>
      </c>
      <c r="AL17" s="62">
        <v>38</v>
      </c>
      <c r="AM17" s="443">
        <v>0</v>
      </c>
      <c r="AN17" s="61">
        <v>41</v>
      </c>
      <c r="AO17" s="61">
        <v>32</v>
      </c>
      <c r="AP17" s="61">
        <v>25</v>
      </c>
      <c r="AQ17" s="61">
        <v>11</v>
      </c>
      <c r="AR17" s="61">
        <v>16</v>
      </c>
      <c r="AS17" s="62">
        <v>125</v>
      </c>
      <c r="AT17" s="63">
        <v>163</v>
      </c>
      <c r="AU17" s="60">
        <v>35</v>
      </c>
      <c r="AV17" s="61">
        <v>44</v>
      </c>
      <c r="AW17" s="62">
        <v>79</v>
      </c>
      <c r="AX17" s="443">
        <v>0</v>
      </c>
      <c r="AY17" s="61">
        <v>75</v>
      </c>
      <c r="AZ17" s="61">
        <v>57</v>
      </c>
      <c r="BA17" s="61">
        <v>44</v>
      </c>
      <c r="BB17" s="61">
        <v>27</v>
      </c>
      <c r="BC17" s="61">
        <v>22</v>
      </c>
      <c r="BD17" s="62">
        <v>225</v>
      </c>
      <c r="BE17" s="63">
        <v>304</v>
      </c>
      <c r="BF17" s="60">
        <v>52</v>
      </c>
      <c r="BG17" s="61">
        <v>59</v>
      </c>
      <c r="BH17" s="62">
        <v>111</v>
      </c>
      <c r="BI17" s="443">
        <v>0</v>
      </c>
      <c r="BJ17" s="61">
        <v>82</v>
      </c>
      <c r="BK17" s="61">
        <v>82</v>
      </c>
      <c r="BL17" s="61">
        <v>61</v>
      </c>
      <c r="BM17" s="61">
        <v>35</v>
      </c>
      <c r="BN17" s="61">
        <v>19</v>
      </c>
      <c r="BO17" s="62">
        <v>279</v>
      </c>
      <c r="BP17" s="63">
        <v>390</v>
      </c>
      <c r="BQ17" s="60">
        <v>36</v>
      </c>
      <c r="BR17" s="61">
        <v>40</v>
      </c>
      <c r="BS17" s="62">
        <v>76</v>
      </c>
      <c r="BT17" s="443">
        <v>0</v>
      </c>
      <c r="BU17" s="61">
        <v>72</v>
      </c>
      <c r="BV17" s="61">
        <v>75</v>
      </c>
      <c r="BW17" s="61">
        <v>55</v>
      </c>
      <c r="BX17" s="61">
        <v>32</v>
      </c>
      <c r="BY17" s="61">
        <v>28</v>
      </c>
      <c r="BZ17" s="62">
        <v>262</v>
      </c>
      <c r="CA17" s="63">
        <v>338</v>
      </c>
      <c r="CB17" s="60">
        <v>5</v>
      </c>
      <c r="CC17" s="61">
        <v>2</v>
      </c>
      <c r="CD17" s="62">
        <v>7</v>
      </c>
      <c r="CE17" s="443">
        <v>0</v>
      </c>
      <c r="CF17" s="61">
        <v>10</v>
      </c>
      <c r="CG17" s="61">
        <v>10</v>
      </c>
      <c r="CH17" s="61">
        <v>5</v>
      </c>
      <c r="CI17" s="61">
        <v>2</v>
      </c>
      <c r="CJ17" s="61">
        <v>6</v>
      </c>
      <c r="CK17" s="62">
        <v>33</v>
      </c>
      <c r="CL17" s="63">
        <v>40</v>
      </c>
      <c r="CM17" s="60">
        <v>165</v>
      </c>
      <c r="CN17" s="61">
        <v>177</v>
      </c>
      <c r="CO17" s="62">
        <v>342</v>
      </c>
      <c r="CP17" s="443">
        <v>0</v>
      </c>
      <c r="CQ17" s="61">
        <v>316</v>
      </c>
      <c r="CR17" s="61">
        <v>283</v>
      </c>
      <c r="CS17" s="61">
        <v>208</v>
      </c>
      <c r="CT17" s="61">
        <v>126</v>
      </c>
      <c r="CU17" s="61">
        <v>107</v>
      </c>
      <c r="CV17" s="62">
        <v>1040</v>
      </c>
      <c r="CW17" s="63">
        <v>1382</v>
      </c>
      <c r="CX17" s="113">
        <v>388</v>
      </c>
      <c r="CY17" s="72">
        <v>407</v>
      </c>
      <c r="CZ17" s="73">
        <v>795</v>
      </c>
      <c r="DA17" s="443">
        <v>0</v>
      </c>
      <c r="DB17" s="72">
        <v>592</v>
      </c>
      <c r="DC17" s="72">
        <v>506</v>
      </c>
      <c r="DD17" s="72">
        <v>349</v>
      </c>
      <c r="DE17" s="72">
        <v>362</v>
      </c>
      <c r="DF17" s="72">
        <v>302</v>
      </c>
      <c r="DG17" s="74">
        <v>2111</v>
      </c>
      <c r="DH17" s="75">
        <v>2906</v>
      </c>
      <c r="DI17" s="60">
        <v>5</v>
      </c>
      <c r="DJ17" s="61">
        <v>5</v>
      </c>
      <c r="DK17" s="62">
        <v>10</v>
      </c>
      <c r="DL17" s="443">
        <v>0</v>
      </c>
      <c r="DM17" s="61">
        <v>8</v>
      </c>
      <c r="DN17" s="61">
        <v>7</v>
      </c>
      <c r="DO17" s="61">
        <v>4</v>
      </c>
      <c r="DP17" s="61">
        <v>4</v>
      </c>
      <c r="DQ17" s="61">
        <v>2</v>
      </c>
      <c r="DR17" s="62">
        <v>25</v>
      </c>
      <c r="DS17" s="63">
        <v>35</v>
      </c>
      <c r="DT17" s="60">
        <v>20</v>
      </c>
      <c r="DU17" s="61">
        <v>19</v>
      </c>
      <c r="DV17" s="62">
        <v>39</v>
      </c>
      <c r="DW17" s="443">
        <v>0</v>
      </c>
      <c r="DX17" s="61">
        <v>19</v>
      </c>
      <c r="DY17" s="61">
        <v>15</v>
      </c>
      <c r="DZ17" s="61">
        <v>11</v>
      </c>
      <c r="EA17" s="61">
        <v>13</v>
      </c>
      <c r="EB17" s="61">
        <v>13</v>
      </c>
      <c r="EC17" s="62">
        <v>71</v>
      </c>
      <c r="ED17" s="63">
        <v>110</v>
      </c>
      <c r="EE17" s="60">
        <v>39</v>
      </c>
      <c r="EF17" s="61">
        <v>45</v>
      </c>
      <c r="EG17" s="62">
        <v>84</v>
      </c>
      <c r="EH17" s="443">
        <v>0</v>
      </c>
      <c r="EI17" s="61">
        <v>69</v>
      </c>
      <c r="EJ17" s="61">
        <v>38</v>
      </c>
      <c r="EK17" s="61">
        <v>31</v>
      </c>
      <c r="EL17" s="61">
        <v>23</v>
      </c>
      <c r="EM17" s="61">
        <v>27</v>
      </c>
      <c r="EN17" s="62">
        <v>188</v>
      </c>
      <c r="EO17" s="63">
        <v>272</v>
      </c>
      <c r="EP17" s="60">
        <v>119</v>
      </c>
      <c r="EQ17" s="61">
        <v>126</v>
      </c>
      <c r="ER17" s="62">
        <v>245</v>
      </c>
      <c r="ES17" s="443">
        <v>0</v>
      </c>
      <c r="ET17" s="61">
        <v>149</v>
      </c>
      <c r="EU17" s="61">
        <v>106</v>
      </c>
      <c r="EV17" s="61">
        <v>48</v>
      </c>
      <c r="EW17" s="61">
        <v>47</v>
      </c>
      <c r="EX17" s="61">
        <v>54</v>
      </c>
      <c r="EY17" s="62">
        <v>404</v>
      </c>
      <c r="EZ17" s="63">
        <v>649</v>
      </c>
      <c r="FA17" s="60">
        <v>131</v>
      </c>
      <c r="FB17" s="61">
        <v>109</v>
      </c>
      <c r="FC17" s="62">
        <v>240</v>
      </c>
      <c r="FD17" s="443">
        <v>0</v>
      </c>
      <c r="FE17" s="61">
        <v>179</v>
      </c>
      <c r="FF17" s="61">
        <v>140</v>
      </c>
      <c r="FG17" s="61">
        <v>92</v>
      </c>
      <c r="FH17" s="61">
        <v>94</v>
      </c>
      <c r="FI17" s="61">
        <v>62</v>
      </c>
      <c r="FJ17" s="62">
        <v>567</v>
      </c>
      <c r="FK17" s="63">
        <v>807</v>
      </c>
      <c r="FL17" s="60">
        <v>74</v>
      </c>
      <c r="FM17" s="61">
        <v>103</v>
      </c>
      <c r="FN17" s="62">
        <v>177</v>
      </c>
      <c r="FO17" s="443">
        <v>0</v>
      </c>
      <c r="FP17" s="61">
        <v>168</v>
      </c>
      <c r="FQ17" s="61">
        <v>200</v>
      </c>
      <c r="FR17" s="61">
        <v>163</v>
      </c>
      <c r="FS17" s="61">
        <v>181</v>
      </c>
      <c r="FT17" s="61">
        <v>144</v>
      </c>
      <c r="FU17" s="62">
        <v>856</v>
      </c>
      <c r="FV17" s="63">
        <v>1033</v>
      </c>
      <c r="FW17" s="60">
        <v>0</v>
      </c>
      <c r="FX17" s="61">
        <v>1</v>
      </c>
      <c r="FY17" s="62">
        <v>1</v>
      </c>
      <c r="FZ17" s="443">
        <v>0</v>
      </c>
      <c r="GA17" s="61">
        <v>6</v>
      </c>
      <c r="GB17" s="61">
        <v>6</v>
      </c>
      <c r="GC17" s="61">
        <v>6</v>
      </c>
      <c r="GD17" s="61">
        <v>2</v>
      </c>
      <c r="GE17" s="61">
        <v>6</v>
      </c>
      <c r="GF17" s="62">
        <v>26</v>
      </c>
      <c r="GG17" s="63">
        <v>27</v>
      </c>
      <c r="GH17" s="60">
        <v>388</v>
      </c>
      <c r="GI17" s="61">
        <v>408</v>
      </c>
      <c r="GJ17" s="62">
        <v>796</v>
      </c>
      <c r="GK17" s="443">
        <v>0</v>
      </c>
      <c r="GL17" s="61">
        <v>598</v>
      </c>
      <c r="GM17" s="61">
        <v>512</v>
      </c>
      <c r="GN17" s="61">
        <v>355</v>
      </c>
      <c r="GO17" s="61">
        <v>364</v>
      </c>
      <c r="GP17" s="61">
        <v>308</v>
      </c>
      <c r="GQ17" s="62">
        <v>2137</v>
      </c>
      <c r="GR17" s="63">
        <v>2933</v>
      </c>
      <c r="GS17" s="113">
        <v>548</v>
      </c>
      <c r="GT17" s="72">
        <v>582</v>
      </c>
      <c r="GU17" s="73">
        <v>1130</v>
      </c>
      <c r="GV17" s="224">
        <v>0</v>
      </c>
      <c r="GW17" s="72">
        <v>898</v>
      </c>
      <c r="GX17" s="72">
        <v>779</v>
      </c>
      <c r="GY17" s="72">
        <v>552</v>
      </c>
      <c r="GZ17" s="72">
        <v>486</v>
      </c>
      <c r="HA17" s="72">
        <v>403</v>
      </c>
      <c r="HB17" s="74">
        <v>3118</v>
      </c>
      <c r="HC17" s="75">
        <v>4248</v>
      </c>
      <c r="HD17" s="60">
        <v>10</v>
      </c>
      <c r="HE17" s="61">
        <v>9</v>
      </c>
      <c r="HF17" s="62">
        <v>19</v>
      </c>
      <c r="HG17" s="227">
        <v>0</v>
      </c>
      <c r="HH17" s="61">
        <v>20</v>
      </c>
      <c r="HI17" s="61">
        <v>14</v>
      </c>
      <c r="HJ17" s="61">
        <v>13</v>
      </c>
      <c r="HK17" s="61">
        <v>9</v>
      </c>
      <c r="HL17" s="61">
        <v>7</v>
      </c>
      <c r="HM17" s="62">
        <v>63</v>
      </c>
      <c r="HN17" s="63">
        <v>82</v>
      </c>
      <c r="HO17" s="60">
        <v>32</v>
      </c>
      <c r="HP17" s="61">
        <v>29</v>
      </c>
      <c r="HQ17" s="62">
        <v>61</v>
      </c>
      <c r="HR17" s="443">
        <v>0</v>
      </c>
      <c r="HS17" s="61">
        <v>43</v>
      </c>
      <c r="HT17" s="61">
        <v>35</v>
      </c>
      <c r="HU17" s="61">
        <v>20</v>
      </c>
      <c r="HV17" s="61">
        <v>27</v>
      </c>
      <c r="HW17" s="61">
        <v>24</v>
      </c>
      <c r="HX17" s="62">
        <v>149</v>
      </c>
      <c r="HY17" s="63">
        <v>210</v>
      </c>
      <c r="HZ17" s="60">
        <v>59</v>
      </c>
      <c r="IA17" s="61">
        <v>63</v>
      </c>
      <c r="IB17" s="62">
        <v>122</v>
      </c>
      <c r="IC17" s="443">
        <v>0</v>
      </c>
      <c r="ID17" s="61">
        <v>110</v>
      </c>
      <c r="IE17" s="61">
        <v>70</v>
      </c>
      <c r="IF17" s="61">
        <v>56</v>
      </c>
      <c r="IG17" s="61">
        <v>34</v>
      </c>
      <c r="IH17" s="61">
        <v>43</v>
      </c>
      <c r="II17" s="62">
        <v>313</v>
      </c>
      <c r="IJ17" s="63">
        <v>435</v>
      </c>
      <c r="IK17" s="60">
        <v>154</v>
      </c>
      <c r="IL17" s="61">
        <v>170</v>
      </c>
      <c r="IM17" s="62">
        <v>324</v>
      </c>
      <c r="IN17" s="443">
        <v>0</v>
      </c>
      <c r="IO17" s="61">
        <v>224</v>
      </c>
      <c r="IP17" s="61">
        <v>163</v>
      </c>
      <c r="IQ17" s="61">
        <v>92</v>
      </c>
      <c r="IR17" s="61">
        <v>74</v>
      </c>
      <c r="IS17" s="61">
        <v>76</v>
      </c>
      <c r="IT17" s="62">
        <v>629</v>
      </c>
      <c r="IU17" s="63">
        <v>953</v>
      </c>
      <c r="IV17" s="60">
        <v>183</v>
      </c>
      <c r="IW17" s="61">
        <v>168</v>
      </c>
      <c r="IX17" s="62">
        <v>351</v>
      </c>
      <c r="IY17" s="443">
        <v>0</v>
      </c>
      <c r="IZ17" s="61">
        <v>261</v>
      </c>
      <c r="JA17" s="61">
        <v>222</v>
      </c>
      <c r="JB17" s="61">
        <v>153</v>
      </c>
      <c r="JC17" s="61">
        <v>129</v>
      </c>
      <c r="JD17" s="61">
        <v>81</v>
      </c>
      <c r="JE17" s="62">
        <v>846</v>
      </c>
      <c r="JF17" s="63">
        <v>1197</v>
      </c>
      <c r="JG17" s="60">
        <v>110</v>
      </c>
      <c r="JH17" s="61">
        <v>143</v>
      </c>
      <c r="JI17" s="62">
        <v>253</v>
      </c>
      <c r="JJ17" s="443">
        <v>0</v>
      </c>
      <c r="JK17" s="61">
        <v>240</v>
      </c>
      <c r="JL17" s="61">
        <v>275</v>
      </c>
      <c r="JM17" s="61">
        <v>218</v>
      </c>
      <c r="JN17" s="61">
        <v>213</v>
      </c>
      <c r="JO17" s="61">
        <v>172</v>
      </c>
      <c r="JP17" s="62">
        <v>1118</v>
      </c>
      <c r="JQ17" s="63">
        <v>1371</v>
      </c>
      <c r="JR17" s="60">
        <v>5</v>
      </c>
      <c r="JS17" s="61">
        <v>3</v>
      </c>
      <c r="JT17" s="62">
        <v>8</v>
      </c>
      <c r="JU17" s="443">
        <v>0</v>
      </c>
      <c r="JV17" s="61">
        <v>16</v>
      </c>
      <c r="JW17" s="61">
        <v>16</v>
      </c>
      <c r="JX17" s="61">
        <v>11</v>
      </c>
      <c r="JY17" s="61">
        <v>4</v>
      </c>
      <c r="JZ17" s="61">
        <v>12</v>
      </c>
      <c r="KA17" s="62">
        <v>59</v>
      </c>
      <c r="KB17" s="63">
        <v>67</v>
      </c>
      <c r="KC17" s="60">
        <v>553</v>
      </c>
      <c r="KD17" s="61">
        <v>585</v>
      </c>
      <c r="KE17" s="62">
        <v>1138</v>
      </c>
      <c r="KF17" s="443">
        <v>0</v>
      </c>
      <c r="KG17" s="61">
        <v>914</v>
      </c>
      <c r="KH17" s="61">
        <v>795</v>
      </c>
      <c r="KI17" s="61">
        <v>563</v>
      </c>
      <c r="KJ17" s="61">
        <v>490</v>
      </c>
      <c r="KK17" s="61">
        <v>415</v>
      </c>
      <c r="KL17" s="62">
        <v>3177</v>
      </c>
      <c r="KM17" s="63">
        <v>4315</v>
      </c>
    </row>
    <row r="18" spans="2:299" ht="21" customHeight="1" x14ac:dyDescent="0.2">
      <c r="B18" s="437" t="s">
        <v>15</v>
      </c>
      <c r="C18" s="287">
        <v>124</v>
      </c>
      <c r="D18" s="72">
        <v>154</v>
      </c>
      <c r="E18" s="73">
        <v>278</v>
      </c>
      <c r="F18" s="443">
        <v>0</v>
      </c>
      <c r="G18" s="72">
        <v>261</v>
      </c>
      <c r="H18" s="72">
        <v>226</v>
      </c>
      <c r="I18" s="72">
        <v>142</v>
      </c>
      <c r="J18" s="72">
        <v>137</v>
      </c>
      <c r="K18" s="72">
        <v>63</v>
      </c>
      <c r="L18" s="74">
        <v>829</v>
      </c>
      <c r="M18" s="75">
        <v>1107</v>
      </c>
      <c r="N18" s="60">
        <v>6</v>
      </c>
      <c r="O18" s="61">
        <v>7</v>
      </c>
      <c r="P18" s="62">
        <v>13</v>
      </c>
      <c r="Q18" s="443">
        <v>0</v>
      </c>
      <c r="R18" s="61">
        <v>11</v>
      </c>
      <c r="S18" s="61">
        <v>17</v>
      </c>
      <c r="T18" s="61">
        <v>10</v>
      </c>
      <c r="U18" s="61">
        <v>5</v>
      </c>
      <c r="V18" s="61">
        <v>4</v>
      </c>
      <c r="W18" s="62">
        <v>47</v>
      </c>
      <c r="X18" s="63">
        <v>60</v>
      </c>
      <c r="Y18" s="60">
        <v>18</v>
      </c>
      <c r="Z18" s="61">
        <v>18</v>
      </c>
      <c r="AA18" s="62">
        <v>36</v>
      </c>
      <c r="AB18" s="443">
        <v>0</v>
      </c>
      <c r="AC18" s="61">
        <v>29</v>
      </c>
      <c r="AD18" s="61">
        <v>24</v>
      </c>
      <c r="AE18" s="61">
        <v>18</v>
      </c>
      <c r="AF18" s="61">
        <v>17</v>
      </c>
      <c r="AG18" s="61">
        <v>7</v>
      </c>
      <c r="AH18" s="62">
        <v>95</v>
      </c>
      <c r="AI18" s="63">
        <v>131</v>
      </c>
      <c r="AJ18" s="60">
        <v>19</v>
      </c>
      <c r="AK18" s="61">
        <v>23</v>
      </c>
      <c r="AL18" s="62">
        <v>42</v>
      </c>
      <c r="AM18" s="443">
        <v>0</v>
      </c>
      <c r="AN18" s="61">
        <v>33</v>
      </c>
      <c r="AO18" s="61">
        <v>50</v>
      </c>
      <c r="AP18" s="61">
        <v>22</v>
      </c>
      <c r="AQ18" s="61">
        <v>23</v>
      </c>
      <c r="AR18" s="61">
        <v>16</v>
      </c>
      <c r="AS18" s="62">
        <v>144</v>
      </c>
      <c r="AT18" s="63">
        <v>186</v>
      </c>
      <c r="AU18" s="60">
        <v>33</v>
      </c>
      <c r="AV18" s="61">
        <v>41</v>
      </c>
      <c r="AW18" s="62">
        <v>74</v>
      </c>
      <c r="AX18" s="443">
        <v>0</v>
      </c>
      <c r="AY18" s="61">
        <v>79</v>
      </c>
      <c r="AZ18" s="61">
        <v>48</v>
      </c>
      <c r="BA18" s="61">
        <v>27</v>
      </c>
      <c r="BB18" s="61">
        <v>37</v>
      </c>
      <c r="BC18" s="61">
        <v>12</v>
      </c>
      <c r="BD18" s="62">
        <v>203</v>
      </c>
      <c r="BE18" s="63">
        <v>277</v>
      </c>
      <c r="BF18" s="60">
        <v>31</v>
      </c>
      <c r="BG18" s="61">
        <v>46</v>
      </c>
      <c r="BH18" s="62">
        <v>77</v>
      </c>
      <c r="BI18" s="443">
        <v>0</v>
      </c>
      <c r="BJ18" s="61">
        <v>63</v>
      </c>
      <c r="BK18" s="61">
        <v>43</v>
      </c>
      <c r="BL18" s="61">
        <v>33</v>
      </c>
      <c r="BM18" s="61">
        <v>29</v>
      </c>
      <c r="BN18" s="61">
        <v>18</v>
      </c>
      <c r="BO18" s="62">
        <v>186</v>
      </c>
      <c r="BP18" s="63">
        <v>263</v>
      </c>
      <c r="BQ18" s="60">
        <v>17</v>
      </c>
      <c r="BR18" s="61">
        <v>19</v>
      </c>
      <c r="BS18" s="62">
        <v>36</v>
      </c>
      <c r="BT18" s="443">
        <v>0</v>
      </c>
      <c r="BU18" s="61">
        <v>46</v>
      </c>
      <c r="BV18" s="61">
        <v>44</v>
      </c>
      <c r="BW18" s="61">
        <v>32</v>
      </c>
      <c r="BX18" s="61">
        <v>26</v>
      </c>
      <c r="BY18" s="61">
        <v>6</v>
      </c>
      <c r="BZ18" s="62">
        <v>154</v>
      </c>
      <c r="CA18" s="63">
        <v>190</v>
      </c>
      <c r="CB18" s="60">
        <v>1</v>
      </c>
      <c r="CC18" s="61">
        <v>4</v>
      </c>
      <c r="CD18" s="62">
        <v>5</v>
      </c>
      <c r="CE18" s="443">
        <v>0</v>
      </c>
      <c r="CF18" s="61">
        <v>8</v>
      </c>
      <c r="CG18" s="61">
        <v>7</v>
      </c>
      <c r="CH18" s="61">
        <v>3</v>
      </c>
      <c r="CI18" s="61">
        <v>4</v>
      </c>
      <c r="CJ18" s="61">
        <v>6</v>
      </c>
      <c r="CK18" s="62">
        <v>28</v>
      </c>
      <c r="CL18" s="63">
        <v>33</v>
      </c>
      <c r="CM18" s="60">
        <v>125</v>
      </c>
      <c r="CN18" s="61">
        <v>158</v>
      </c>
      <c r="CO18" s="62">
        <v>283</v>
      </c>
      <c r="CP18" s="443">
        <v>0</v>
      </c>
      <c r="CQ18" s="61">
        <v>269</v>
      </c>
      <c r="CR18" s="61">
        <v>233</v>
      </c>
      <c r="CS18" s="61">
        <v>145</v>
      </c>
      <c r="CT18" s="61">
        <v>141</v>
      </c>
      <c r="CU18" s="61">
        <v>69</v>
      </c>
      <c r="CV18" s="62">
        <v>857</v>
      </c>
      <c r="CW18" s="63">
        <v>1140</v>
      </c>
      <c r="CX18" s="113">
        <v>285</v>
      </c>
      <c r="CY18" s="72">
        <v>375</v>
      </c>
      <c r="CZ18" s="73">
        <v>660</v>
      </c>
      <c r="DA18" s="443">
        <v>0</v>
      </c>
      <c r="DB18" s="72">
        <v>458</v>
      </c>
      <c r="DC18" s="72">
        <v>436</v>
      </c>
      <c r="DD18" s="72">
        <v>320</v>
      </c>
      <c r="DE18" s="72">
        <v>312</v>
      </c>
      <c r="DF18" s="72">
        <v>165</v>
      </c>
      <c r="DG18" s="74">
        <v>1691</v>
      </c>
      <c r="DH18" s="75">
        <v>2351</v>
      </c>
      <c r="DI18" s="60">
        <v>6</v>
      </c>
      <c r="DJ18" s="61">
        <v>7</v>
      </c>
      <c r="DK18" s="62">
        <v>13</v>
      </c>
      <c r="DL18" s="443">
        <v>0</v>
      </c>
      <c r="DM18" s="61">
        <v>10</v>
      </c>
      <c r="DN18" s="61">
        <v>11</v>
      </c>
      <c r="DO18" s="61">
        <v>3</v>
      </c>
      <c r="DP18" s="61">
        <v>1</v>
      </c>
      <c r="DQ18" s="61">
        <v>4</v>
      </c>
      <c r="DR18" s="62">
        <v>29</v>
      </c>
      <c r="DS18" s="63">
        <v>42</v>
      </c>
      <c r="DT18" s="60">
        <v>21</v>
      </c>
      <c r="DU18" s="61">
        <v>18</v>
      </c>
      <c r="DV18" s="62">
        <v>39</v>
      </c>
      <c r="DW18" s="443">
        <v>0</v>
      </c>
      <c r="DX18" s="61">
        <v>25</v>
      </c>
      <c r="DY18" s="61">
        <v>30</v>
      </c>
      <c r="DZ18" s="61">
        <v>20</v>
      </c>
      <c r="EA18" s="61">
        <v>11</v>
      </c>
      <c r="EB18" s="61">
        <v>10</v>
      </c>
      <c r="EC18" s="62">
        <v>96</v>
      </c>
      <c r="ED18" s="63">
        <v>135</v>
      </c>
      <c r="EE18" s="60">
        <v>64</v>
      </c>
      <c r="EF18" s="61">
        <v>55</v>
      </c>
      <c r="EG18" s="62">
        <v>119</v>
      </c>
      <c r="EH18" s="443">
        <v>0</v>
      </c>
      <c r="EI18" s="61">
        <v>51</v>
      </c>
      <c r="EJ18" s="61">
        <v>44</v>
      </c>
      <c r="EK18" s="61">
        <v>28</v>
      </c>
      <c r="EL18" s="61">
        <v>15</v>
      </c>
      <c r="EM18" s="61">
        <v>19</v>
      </c>
      <c r="EN18" s="62">
        <v>157</v>
      </c>
      <c r="EO18" s="63">
        <v>276</v>
      </c>
      <c r="EP18" s="60">
        <v>89</v>
      </c>
      <c r="EQ18" s="61">
        <v>116</v>
      </c>
      <c r="ER18" s="62">
        <v>205</v>
      </c>
      <c r="ES18" s="443">
        <v>0</v>
      </c>
      <c r="ET18" s="61">
        <v>109</v>
      </c>
      <c r="EU18" s="61">
        <v>90</v>
      </c>
      <c r="EV18" s="61">
        <v>59</v>
      </c>
      <c r="EW18" s="61">
        <v>47</v>
      </c>
      <c r="EX18" s="61">
        <v>33</v>
      </c>
      <c r="EY18" s="62">
        <v>338</v>
      </c>
      <c r="EZ18" s="63">
        <v>543</v>
      </c>
      <c r="FA18" s="60">
        <v>66</v>
      </c>
      <c r="FB18" s="61">
        <v>103</v>
      </c>
      <c r="FC18" s="62">
        <v>169</v>
      </c>
      <c r="FD18" s="443">
        <v>0</v>
      </c>
      <c r="FE18" s="61">
        <v>145</v>
      </c>
      <c r="FF18" s="61">
        <v>124</v>
      </c>
      <c r="FG18" s="61">
        <v>81</v>
      </c>
      <c r="FH18" s="61">
        <v>94</v>
      </c>
      <c r="FI18" s="61">
        <v>39</v>
      </c>
      <c r="FJ18" s="62">
        <v>483</v>
      </c>
      <c r="FK18" s="63">
        <v>652</v>
      </c>
      <c r="FL18" s="60">
        <v>39</v>
      </c>
      <c r="FM18" s="61">
        <v>76</v>
      </c>
      <c r="FN18" s="62">
        <v>115</v>
      </c>
      <c r="FO18" s="443">
        <v>0</v>
      </c>
      <c r="FP18" s="61">
        <v>118</v>
      </c>
      <c r="FQ18" s="61">
        <v>137</v>
      </c>
      <c r="FR18" s="61">
        <v>129</v>
      </c>
      <c r="FS18" s="61">
        <v>144</v>
      </c>
      <c r="FT18" s="61">
        <v>60</v>
      </c>
      <c r="FU18" s="62">
        <v>588</v>
      </c>
      <c r="FV18" s="63">
        <v>703</v>
      </c>
      <c r="FW18" s="60">
        <v>3</v>
      </c>
      <c r="FX18" s="61">
        <v>3</v>
      </c>
      <c r="FY18" s="62">
        <v>6</v>
      </c>
      <c r="FZ18" s="443">
        <v>0</v>
      </c>
      <c r="GA18" s="61">
        <v>5</v>
      </c>
      <c r="GB18" s="61">
        <v>8</v>
      </c>
      <c r="GC18" s="61">
        <v>1</v>
      </c>
      <c r="GD18" s="61">
        <v>1</v>
      </c>
      <c r="GE18" s="61">
        <v>6</v>
      </c>
      <c r="GF18" s="62">
        <v>21</v>
      </c>
      <c r="GG18" s="63">
        <v>27</v>
      </c>
      <c r="GH18" s="60">
        <v>288</v>
      </c>
      <c r="GI18" s="61">
        <v>378</v>
      </c>
      <c r="GJ18" s="62">
        <v>666</v>
      </c>
      <c r="GK18" s="443">
        <v>0</v>
      </c>
      <c r="GL18" s="61">
        <v>463</v>
      </c>
      <c r="GM18" s="61">
        <v>444</v>
      </c>
      <c r="GN18" s="61">
        <v>321</v>
      </c>
      <c r="GO18" s="61">
        <v>313</v>
      </c>
      <c r="GP18" s="61">
        <v>171</v>
      </c>
      <c r="GQ18" s="62">
        <v>1712</v>
      </c>
      <c r="GR18" s="63">
        <v>2378</v>
      </c>
      <c r="GS18" s="113">
        <v>409</v>
      </c>
      <c r="GT18" s="72">
        <v>529</v>
      </c>
      <c r="GU18" s="73">
        <v>938</v>
      </c>
      <c r="GV18" s="224">
        <v>0</v>
      </c>
      <c r="GW18" s="72">
        <v>719</v>
      </c>
      <c r="GX18" s="72">
        <v>662</v>
      </c>
      <c r="GY18" s="72">
        <v>462</v>
      </c>
      <c r="GZ18" s="72">
        <v>449</v>
      </c>
      <c r="HA18" s="72">
        <v>228</v>
      </c>
      <c r="HB18" s="74">
        <v>2520</v>
      </c>
      <c r="HC18" s="75">
        <v>3458</v>
      </c>
      <c r="HD18" s="60">
        <v>12</v>
      </c>
      <c r="HE18" s="61">
        <v>14</v>
      </c>
      <c r="HF18" s="62">
        <v>26</v>
      </c>
      <c r="HG18" s="227">
        <v>0</v>
      </c>
      <c r="HH18" s="61">
        <v>21</v>
      </c>
      <c r="HI18" s="61">
        <v>28</v>
      </c>
      <c r="HJ18" s="61">
        <v>13</v>
      </c>
      <c r="HK18" s="61">
        <v>6</v>
      </c>
      <c r="HL18" s="61">
        <v>8</v>
      </c>
      <c r="HM18" s="62">
        <v>76</v>
      </c>
      <c r="HN18" s="63">
        <v>102</v>
      </c>
      <c r="HO18" s="60">
        <v>39</v>
      </c>
      <c r="HP18" s="61">
        <v>36</v>
      </c>
      <c r="HQ18" s="62">
        <v>75</v>
      </c>
      <c r="HR18" s="443">
        <v>0</v>
      </c>
      <c r="HS18" s="61">
        <v>54</v>
      </c>
      <c r="HT18" s="61">
        <v>54</v>
      </c>
      <c r="HU18" s="61">
        <v>38</v>
      </c>
      <c r="HV18" s="61">
        <v>28</v>
      </c>
      <c r="HW18" s="61">
        <v>17</v>
      </c>
      <c r="HX18" s="62">
        <v>191</v>
      </c>
      <c r="HY18" s="63">
        <v>266</v>
      </c>
      <c r="HZ18" s="60">
        <v>83</v>
      </c>
      <c r="IA18" s="61">
        <v>78</v>
      </c>
      <c r="IB18" s="62">
        <v>161</v>
      </c>
      <c r="IC18" s="443">
        <v>0</v>
      </c>
      <c r="ID18" s="61">
        <v>84</v>
      </c>
      <c r="IE18" s="61">
        <v>94</v>
      </c>
      <c r="IF18" s="61">
        <v>50</v>
      </c>
      <c r="IG18" s="61">
        <v>38</v>
      </c>
      <c r="IH18" s="61">
        <v>35</v>
      </c>
      <c r="II18" s="62">
        <v>301</v>
      </c>
      <c r="IJ18" s="63">
        <v>462</v>
      </c>
      <c r="IK18" s="60">
        <v>122</v>
      </c>
      <c r="IL18" s="61">
        <v>157</v>
      </c>
      <c r="IM18" s="62">
        <v>279</v>
      </c>
      <c r="IN18" s="443">
        <v>0</v>
      </c>
      <c r="IO18" s="61">
        <v>188</v>
      </c>
      <c r="IP18" s="61">
        <v>138</v>
      </c>
      <c r="IQ18" s="61">
        <v>86</v>
      </c>
      <c r="IR18" s="61">
        <v>84</v>
      </c>
      <c r="IS18" s="61">
        <v>45</v>
      </c>
      <c r="IT18" s="62">
        <v>541</v>
      </c>
      <c r="IU18" s="63">
        <v>820</v>
      </c>
      <c r="IV18" s="60">
        <v>97</v>
      </c>
      <c r="IW18" s="61">
        <v>149</v>
      </c>
      <c r="IX18" s="62">
        <v>246</v>
      </c>
      <c r="IY18" s="443">
        <v>0</v>
      </c>
      <c r="IZ18" s="61">
        <v>208</v>
      </c>
      <c r="JA18" s="61">
        <v>167</v>
      </c>
      <c r="JB18" s="61">
        <v>114</v>
      </c>
      <c r="JC18" s="61">
        <v>123</v>
      </c>
      <c r="JD18" s="61">
        <v>57</v>
      </c>
      <c r="JE18" s="62">
        <v>669</v>
      </c>
      <c r="JF18" s="63">
        <v>915</v>
      </c>
      <c r="JG18" s="60">
        <v>56</v>
      </c>
      <c r="JH18" s="61">
        <v>95</v>
      </c>
      <c r="JI18" s="62">
        <v>151</v>
      </c>
      <c r="JJ18" s="443">
        <v>0</v>
      </c>
      <c r="JK18" s="61">
        <v>164</v>
      </c>
      <c r="JL18" s="61">
        <v>181</v>
      </c>
      <c r="JM18" s="61">
        <v>161</v>
      </c>
      <c r="JN18" s="61">
        <v>170</v>
      </c>
      <c r="JO18" s="61">
        <v>66</v>
      </c>
      <c r="JP18" s="62">
        <v>742</v>
      </c>
      <c r="JQ18" s="63">
        <v>893</v>
      </c>
      <c r="JR18" s="60">
        <v>4</v>
      </c>
      <c r="JS18" s="61">
        <v>7</v>
      </c>
      <c r="JT18" s="62">
        <v>11</v>
      </c>
      <c r="JU18" s="443">
        <v>0</v>
      </c>
      <c r="JV18" s="61">
        <v>13</v>
      </c>
      <c r="JW18" s="61">
        <v>15</v>
      </c>
      <c r="JX18" s="61">
        <v>4</v>
      </c>
      <c r="JY18" s="61">
        <v>5</v>
      </c>
      <c r="JZ18" s="61">
        <v>12</v>
      </c>
      <c r="KA18" s="62">
        <v>49</v>
      </c>
      <c r="KB18" s="63">
        <v>60</v>
      </c>
      <c r="KC18" s="60">
        <v>413</v>
      </c>
      <c r="KD18" s="61">
        <v>536</v>
      </c>
      <c r="KE18" s="62">
        <v>949</v>
      </c>
      <c r="KF18" s="443">
        <v>0</v>
      </c>
      <c r="KG18" s="61">
        <v>732</v>
      </c>
      <c r="KH18" s="61">
        <v>677</v>
      </c>
      <c r="KI18" s="61">
        <v>466</v>
      </c>
      <c r="KJ18" s="61">
        <v>454</v>
      </c>
      <c r="KK18" s="61">
        <v>240</v>
      </c>
      <c r="KL18" s="62">
        <v>2569</v>
      </c>
      <c r="KM18" s="63">
        <v>3518</v>
      </c>
    </row>
    <row r="19" spans="2:299" ht="21" customHeight="1" x14ac:dyDescent="0.2">
      <c r="B19" s="437" t="s">
        <v>16</v>
      </c>
      <c r="C19" s="287">
        <v>254</v>
      </c>
      <c r="D19" s="72">
        <v>306</v>
      </c>
      <c r="E19" s="73">
        <v>560</v>
      </c>
      <c r="F19" s="443">
        <v>0</v>
      </c>
      <c r="G19" s="72">
        <v>458</v>
      </c>
      <c r="H19" s="72">
        <v>635</v>
      </c>
      <c r="I19" s="72">
        <v>402</v>
      </c>
      <c r="J19" s="72">
        <v>314</v>
      </c>
      <c r="K19" s="72">
        <v>204</v>
      </c>
      <c r="L19" s="74">
        <v>2013</v>
      </c>
      <c r="M19" s="75">
        <v>2573</v>
      </c>
      <c r="N19" s="60">
        <v>8</v>
      </c>
      <c r="O19" s="61">
        <v>11</v>
      </c>
      <c r="P19" s="62">
        <v>19</v>
      </c>
      <c r="Q19" s="443">
        <v>0</v>
      </c>
      <c r="R19" s="61">
        <v>13</v>
      </c>
      <c r="S19" s="61">
        <v>28</v>
      </c>
      <c r="T19" s="61">
        <v>23</v>
      </c>
      <c r="U19" s="61">
        <v>20</v>
      </c>
      <c r="V19" s="61">
        <v>20</v>
      </c>
      <c r="W19" s="62">
        <v>104</v>
      </c>
      <c r="X19" s="63">
        <v>123</v>
      </c>
      <c r="Y19" s="60">
        <v>28</v>
      </c>
      <c r="Z19" s="61">
        <v>55</v>
      </c>
      <c r="AA19" s="62">
        <v>83</v>
      </c>
      <c r="AB19" s="443">
        <v>0</v>
      </c>
      <c r="AC19" s="61">
        <v>50</v>
      </c>
      <c r="AD19" s="61">
        <v>78</v>
      </c>
      <c r="AE19" s="61">
        <v>44</v>
      </c>
      <c r="AF19" s="61">
        <v>36</v>
      </c>
      <c r="AG19" s="61">
        <v>27</v>
      </c>
      <c r="AH19" s="62">
        <v>235</v>
      </c>
      <c r="AI19" s="63">
        <v>318</v>
      </c>
      <c r="AJ19" s="60">
        <v>50</v>
      </c>
      <c r="AK19" s="61">
        <v>50</v>
      </c>
      <c r="AL19" s="62">
        <v>100</v>
      </c>
      <c r="AM19" s="443">
        <v>0</v>
      </c>
      <c r="AN19" s="61">
        <v>72</v>
      </c>
      <c r="AO19" s="61">
        <v>113</v>
      </c>
      <c r="AP19" s="61">
        <v>75</v>
      </c>
      <c r="AQ19" s="61">
        <v>58</v>
      </c>
      <c r="AR19" s="61">
        <v>38</v>
      </c>
      <c r="AS19" s="62">
        <v>356</v>
      </c>
      <c r="AT19" s="63">
        <v>456</v>
      </c>
      <c r="AU19" s="60">
        <v>88</v>
      </c>
      <c r="AV19" s="61">
        <v>68</v>
      </c>
      <c r="AW19" s="62">
        <v>156</v>
      </c>
      <c r="AX19" s="443">
        <v>0</v>
      </c>
      <c r="AY19" s="61">
        <v>127</v>
      </c>
      <c r="AZ19" s="61">
        <v>171</v>
      </c>
      <c r="BA19" s="61">
        <v>91</v>
      </c>
      <c r="BB19" s="61">
        <v>75</v>
      </c>
      <c r="BC19" s="61">
        <v>43</v>
      </c>
      <c r="BD19" s="62">
        <v>507</v>
      </c>
      <c r="BE19" s="63">
        <v>663</v>
      </c>
      <c r="BF19" s="60">
        <v>52</v>
      </c>
      <c r="BG19" s="61">
        <v>75</v>
      </c>
      <c r="BH19" s="62">
        <v>127</v>
      </c>
      <c r="BI19" s="443">
        <v>0</v>
      </c>
      <c r="BJ19" s="61">
        <v>135</v>
      </c>
      <c r="BK19" s="61">
        <v>147</v>
      </c>
      <c r="BL19" s="61">
        <v>92</v>
      </c>
      <c r="BM19" s="61">
        <v>59</v>
      </c>
      <c r="BN19" s="61">
        <v>40</v>
      </c>
      <c r="BO19" s="62">
        <v>473</v>
      </c>
      <c r="BP19" s="63">
        <v>600</v>
      </c>
      <c r="BQ19" s="60">
        <v>28</v>
      </c>
      <c r="BR19" s="61">
        <v>47</v>
      </c>
      <c r="BS19" s="62">
        <v>75</v>
      </c>
      <c r="BT19" s="443">
        <v>0</v>
      </c>
      <c r="BU19" s="61">
        <v>61</v>
      </c>
      <c r="BV19" s="61">
        <v>98</v>
      </c>
      <c r="BW19" s="61">
        <v>77</v>
      </c>
      <c r="BX19" s="61">
        <v>66</v>
      </c>
      <c r="BY19" s="61">
        <v>36</v>
      </c>
      <c r="BZ19" s="62">
        <v>338</v>
      </c>
      <c r="CA19" s="63">
        <v>413</v>
      </c>
      <c r="CB19" s="60">
        <v>8</v>
      </c>
      <c r="CC19" s="61">
        <v>12</v>
      </c>
      <c r="CD19" s="62">
        <v>20</v>
      </c>
      <c r="CE19" s="443">
        <v>0</v>
      </c>
      <c r="CF19" s="61">
        <v>17</v>
      </c>
      <c r="CG19" s="61">
        <v>23</v>
      </c>
      <c r="CH19" s="61">
        <v>18</v>
      </c>
      <c r="CI19" s="61">
        <v>16</v>
      </c>
      <c r="CJ19" s="61">
        <v>11</v>
      </c>
      <c r="CK19" s="62">
        <v>85</v>
      </c>
      <c r="CL19" s="63">
        <v>105</v>
      </c>
      <c r="CM19" s="60">
        <v>262</v>
      </c>
      <c r="CN19" s="61">
        <v>318</v>
      </c>
      <c r="CO19" s="62">
        <v>580</v>
      </c>
      <c r="CP19" s="443">
        <v>0</v>
      </c>
      <c r="CQ19" s="61">
        <v>475</v>
      </c>
      <c r="CR19" s="61">
        <v>658</v>
      </c>
      <c r="CS19" s="61">
        <v>420</v>
      </c>
      <c r="CT19" s="61">
        <v>330</v>
      </c>
      <c r="CU19" s="61">
        <v>215</v>
      </c>
      <c r="CV19" s="62">
        <v>2098</v>
      </c>
      <c r="CW19" s="63">
        <v>2678</v>
      </c>
      <c r="CX19" s="113">
        <v>408</v>
      </c>
      <c r="CY19" s="72">
        <v>646</v>
      </c>
      <c r="CZ19" s="73">
        <v>1054</v>
      </c>
      <c r="DA19" s="443">
        <v>0</v>
      </c>
      <c r="DB19" s="72">
        <v>805</v>
      </c>
      <c r="DC19" s="72">
        <v>993</v>
      </c>
      <c r="DD19" s="72">
        <v>763</v>
      </c>
      <c r="DE19" s="72">
        <v>789</v>
      </c>
      <c r="DF19" s="72">
        <v>478</v>
      </c>
      <c r="DG19" s="74">
        <v>3828</v>
      </c>
      <c r="DH19" s="75">
        <v>4882</v>
      </c>
      <c r="DI19" s="60">
        <v>13</v>
      </c>
      <c r="DJ19" s="61">
        <v>28</v>
      </c>
      <c r="DK19" s="62">
        <v>41</v>
      </c>
      <c r="DL19" s="443">
        <v>0</v>
      </c>
      <c r="DM19" s="61">
        <v>7</v>
      </c>
      <c r="DN19" s="61">
        <v>26</v>
      </c>
      <c r="DO19" s="61">
        <v>17</v>
      </c>
      <c r="DP19" s="61">
        <v>15</v>
      </c>
      <c r="DQ19" s="61">
        <v>12</v>
      </c>
      <c r="DR19" s="62">
        <v>77</v>
      </c>
      <c r="DS19" s="63">
        <v>118</v>
      </c>
      <c r="DT19" s="60">
        <v>31</v>
      </c>
      <c r="DU19" s="61">
        <v>54</v>
      </c>
      <c r="DV19" s="62">
        <v>85</v>
      </c>
      <c r="DW19" s="443">
        <v>0</v>
      </c>
      <c r="DX19" s="61">
        <v>52</v>
      </c>
      <c r="DY19" s="61">
        <v>73</v>
      </c>
      <c r="DZ19" s="61">
        <v>40</v>
      </c>
      <c r="EA19" s="61">
        <v>41</v>
      </c>
      <c r="EB19" s="61">
        <v>28</v>
      </c>
      <c r="EC19" s="62">
        <v>234</v>
      </c>
      <c r="ED19" s="63">
        <v>319</v>
      </c>
      <c r="EE19" s="60">
        <v>84</v>
      </c>
      <c r="EF19" s="61">
        <v>111</v>
      </c>
      <c r="EG19" s="62">
        <v>195</v>
      </c>
      <c r="EH19" s="443">
        <v>0</v>
      </c>
      <c r="EI19" s="61">
        <v>93</v>
      </c>
      <c r="EJ19" s="61">
        <v>125</v>
      </c>
      <c r="EK19" s="61">
        <v>77</v>
      </c>
      <c r="EL19" s="61">
        <v>78</v>
      </c>
      <c r="EM19" s="61">
        <v>48</v>
      </c>
      <c r="EN19" s="62">
        <v>421</v>
      </c>
      <c r="EO19" s="63">
        <v>616</v>
      </c>
      <c r="EP19" s="60">
        <v>118</v>
      </c>
      <c r="EQ19" s="61">
        <v>165</v>
      </c>
      <c r="ER19" s="62">
        <v>283</v>
      </c>
      <c r="ES19" s="443">
        <v>0</v>
      </c>
      <c r="ET19" s="61">
        <v>209</v>
      </c>
      <c r="EU19" s="61">
        <v>208</v>
      </c>
      <c r="EV19" s="61">
        <v>144</v>
      </c>
      <c r="EW19" s="61">
        <v>131</v>
      </c>
      <c r="EX19" s="61">
        <v>93</v>
      </c>
      <c r="EY19" s="62">
        <v>785</v>
      </c>
      <c r="EZ19" s="63">
        <v>1068</v>
      </c>
      <c r="FA19" s="60">
        <v>93</v>
      </c>
      <c r="FB19" s="61">
        <v>166</v>
      </c>
      <c r="FC19" s="62">
        <v>259</v>
      </c>
      <c r="FD19" s="443">
        <v>0</v>
      </c>
      <c r="FE19" s="61">
        <v>252</v>
      </c>
      <c r="FF19" s="61">
        <v>245</v>
      </c>
      <c r="FG19" s="61">
        <v>202</v>
      </c>
      <c r="FH19" s="61">
        <v>183</v>
      </c>
      <c r="FI19" s="61">
        <v>111</v>
      </c>
      <c r="FJ19" s="62">
        <v>993</v>
      </c>
      <c r="FK19" s="63">
        <v>1252</v>
      </c>
      <c r="FL19" s="60">
        <v>69</v>
      </c>
      <c r="FM19" s="61">
        <v>122</v>
      </c>
      <c r="FN19" s="62">
        <v>191</v>
      </c>
      <c r="FO19" s="443">
        <v>0</v>
      </c>
      <c r="FP19" s="61">
        <v>192</v>
      </c>
      <c r="FQ19" s="61">
        <v>316</v>
      </c>
      <c r="FR19" s="61">
        <v>283</v>
      </c>
      <c r="FS19" s="61">
        <v>341</v>
      </c>
      <c r="FT19" s="61">
        <v>186</v>
      </c>
      <c r="FU19" s="62">
        <v>1318</v>
      </c>
      <c r="FV19" s="63">
        <v>1509</v>
      </c>
      <c r="FW19" s="60">
        <v>13</v>
      </c>
      <c r="FX19" s="61">
        <v>15</v>
      </c>
      <c r="FY19" s="62">
        <v>28</v>
      </c>
      <c r="FZ19" s="443">
        <v>0</v>
      </c>
      <c r="GA19" s="61">
        <v>7</v>
      </c>
      <c r="GB19" s="61">
        <v>22</v>
      </c>
      <c r="GC19" s="61">
        <v>7</v>
      </c>
      <c r="GD19" s="61">
        <v>11</v>
      </c>
      <c r="GE19" s="61">
        <v>15</v>
      </c>
      <c r="GF19" s="62">
        <v>62</v>
      </c>
      <c r="GG19" s="63">
        <v>90</v>
      </c>
      <c r="GH19" s="60">
        <v>421</v>
      </c>
      <c r="GI19" s="61">
        <v>661</v>
      </c>
      <c r="GJ19" s="62">
        <v>1082</v>
      </c>
      <c r="GK19" s="443">
        <v>0</v>
      </c>
      <c r="GL19" s="61">
        <v>812</v>
      </c>
      <c r="GM19" s="61">
        <v>1015</v>
      </c>
      <c r="GN19" s="61">
        <v>770</v>
      </c>
      <c r="GO19" s="61">
        <v>800</v>
      </c>
      <c r="GP19" s="61">
        <v>493</v>
      </c>
      <c r="GQ19" s="62">
        <v>3890</v>
      </c>
      <c r="GR19" s="63">
        <v>4972</v>
      </c>
      <c r="GS19" s="113">
        <v>662</v>
      </c>
      <c r="GT19" s="72">
        <v>952</v>
      </c>
      <c r="GU19" s="73">
        <v>1614</v>
      </c>
      <c r="GV19" s="224">
        <v>0</v>
      </c>
      <c r="GW19" s="72">
        <v>1263</v>
      </c>
      <c r="GX19" s="72">
        <v>1628</v>
      </c>
      <c r="GY19" s="72">
        <v>1165</v>
      </c>
      <c r="GZ19" s="72">
        <v>1103</v>
      </c>
      <c r="HA19" s="72">
        <v>682</v>
      </c>
      <c r="HB19" s="74">
        <v>5841</v>
      </c>
      <c r="HC19" s="75">
        <v>7455</v>
      </c>
      <c r="HD19" s="60">
        <v>21</v>
      </c>
      <c r="HE19" s="61">
        <v>39</v>
      </c>
      <c r="HF19" s="62">
        <v>60</v>
      </c>
      <c r="HG19" s="227">
        <v>0</v>
      </c>
      <c r="HH19" s="61">
        <v>20</v>
      </c>
      <c r="HI19" s="61">
        <v>54</v>
      </c>
      <c r="HJ19" s="61">
        <v>40</v>
      </c>
      <c r="HK19" s="61">
        <v>35</v>
      </c>
      <c r="HL19" s="61">
        <v>32</v>
      </c>
      <c r="HM19" s="62">
        <v>181</v>
      </c>
      <c r="HN19" s="63">
        <v>241</v>
      </c>
      <c r="HO19" s="60">
        <v>59</v>
      </c>
      <c r="HP19" s="61">
        <v>109</v>
      </c>
      <c r="HQ19" s="62">
        <v>168</v>
      </c>
      <c r="HR19" s="443">
        <v>0</v>
      </c>
      <c r="HS19" s="61">
        <v>102</v>
      </c>
      <c r="HT19" s="61">
        <v>151</v>
      </c>
      <c r="HU19" s="61">
        <v>84</v>
      </c>
      <c r="HV19" s="61">
        <v>77</v>
      </c>
      <c r="HW19" s="61">
        <v>55</v>
      </c>
      <c r="HX19" s="62">
        <v>469</v>
      </c>
      <c r="HY19" s="63">
        <v>637</v>
      </c>
      <c r="HZ19" s="60">
        <v>134</v>
      </c>
      <c r="IA19" s="61">
        <v>161</v>
      </c>
      <c r="IB19" s="62">
        <v>295</v>
      </c>
      <c r="IC19" s="443">
        <v>0</v>
      </c>
      <c r="ID19" s="61">
        <v>165</v>
      </c>
      <c r="IE19" s="61">
        <v>238</v>
      </c>
      <c r="IF19" s="61">
        <v>152</v>
      </c>
      <c r="IG19" s="61">
        <v>136</v>
      </c>
      <c r="IH19" s="61">
        <v>86</v>
      </c>
      <c r="II19" s="62">
        <v>777</v>
      </c>
      <c r="IJ19" s="63">
        <v>1072</v>
      </c>
      <c r="IK19" s="60">
        <v>206</v>
      </c>
      <c r="IL19" s="61">
        <v>233</v>
      </c>
      <c r="IM19" s="62">
        <v>439</v>
      </c>
      <c r="IN19" s="443">
        <v>0</v>
      </c>
      <c r="IO19" s="61">
        <v>336</v>
      </c>
      <c r="IP19" s="61">
        <v>379</v>
      </c>
      <c r="IQ19" s="61">
        <v>235</v>
      </c>
      <c r="IR19" s="61">
        <v>206</v>
      </c>
      <c r="IS19" s="61">
        <v>136</v>
      </c>
      <c r="IT19" s="62">
        <v>1292</v>
      </c>
      <c r="IU19" s="63">
        <v>1731</v>
      </c>
      <c r="IV19" s="60">
        <v>145</v>
      </c>
      <c r="IW19" s="61">
        <v>241</v>
      </c>
      <c r="IX19" s="62">
        <v>386</v>
      </c>
      <c r="IY19" s="443">
        <v>0</v>
      </c>
      <c r="IZ19" s="61">
        <v>387</v>
      </c>
      <c r="JA19" s="61">
        <v>392</v>
      </c>
      <c r="JB19" s="61">
        <v>294</v>
      </c>
      <c r="JC19" s="61">
        <v>242</v>
      </c>
      <c r="JD19" s="61">
        <v>151</v>
      </c>
      <c r="JE19" s="62">
        <v>1466</v>
      </c>
      <c r="JF19" s="63">
        <v>1852</v>
      </c>
      <c r="JG19" s="60">
        <v>97</v>
      </c>
      <c r="JH19" s="61">
        <v>169</v>
      </c>
      <c r="JI19" s="62">
        <v>266</v>
      </c>
      <c r="JJ19" s="443">
        <v>0</v>
      </c>
      <c r="JK19" s="61">
        <v>253</v>
      </c>
      <c r="JL19" s="61">
        <v>414</v>
      </c>
      <c r="JM19" s="61">
        <v>360</v>
      </c>
      <c r="JN19" s="61">
        <v>407</v>
      </c>
      <c r="JO19" s="61">
        <v>222</v>
      </c>
      <c r="JP19" s="62">
        <v>1656</v>
      </c>
      <c r="JQ19" s="63">
        <v>1922</v>
      </c>
      <c r="JR19" s="60">
        <v>21</v>
      </c>
      <c r="JS19" s="61">
        <v>27</v>
      </c>
      <c r="JT19" s="62">
        <v>48</v>
      </c>
      <c r="JU19" s="443">
        <v>0</v>
      </c>
      <c r="JV19" s="61">
        <v>24</v>
      </c>
      <c r="JW19" s="61">
        <v>45</v>
      </c>
      <c r="JX19" s="61">
        <v>25</v>
      </c>
      <c r="JY19" s="61">
        <v>27</v>
      </c>
      <c r="JZ19" s="61">
        <v>26</v>
      </c>
      <c r="KA19" s="62">
        <v>147</v>
      </c>
      <c r="KB19" s="63">
        <v>195</v>
      </c>
      <c r="KC19" s="60">
        <v>683</v>
      </c>
      <c r="KD19" s="61">
        <v>979</v>
      </c>
      <c r="KE19" s="62">
        <v>1662</v>
      </c>
      <c r="KF19" s="443">
        <v>0</v>
      </c>
      <c r="KG19" s="61">
        <v>1287</v>
      </c>
      <c r="KH19" s="61">
        <v>1673</v>
      </c>
      <c r="KI19" s="61">
        <v>1190</v>
      </c>
      <c r="KJ19" s="61">
        <v>1130</v>
      </c>
      <c r="KK19" s="61">
        <v>708</v>
      </c>
      <c r="KL19" s="62">
        <v>5988</v>
      </c>
      <c r="KM19" s="63">
        <v>7650</v>
      </c>
    </row>
    <row r="20" spans="2:299" ht="21" customHeight="1" x14ac:dyDescent="0.2">
      <c r="B20" s="437" t="s">
        <v>17</v>
      </c>
      <c r="C20" s="287">
        <v>303</v>
      </c>
      <c r="D20" s="72">
        <v>392</v>
      </c>
      <c r="E20" s="73">
        <v>695</v>
      </c>
      <c r="F20" s="443">
        <v>0</v>
      </c>
      <c r="G20" s="72">
        <v>577</v>
      </c>
      <c r="H20" s="72">
        <v>793</v>
      </c>
      <c r="I20" s="72">
        <v>563</v>
      </c>
      <c r="J20" s="72">
        <v>407</v>
      </c>
      <c r="K20" s="72">
        <v>252</v>
      </c>
      <c r="L20" s="74">
        <v>2592</v>
      </c>
      <c r="M20" s="75">
        <v>3287</v>
      </c>
      <c r="N20" s="60">
        <v>14</v>
      </c>
      <c r="O20" s="61">
        <v>20</v>
      </c>
      <c r="P20" s="62">
        <v>34</v>
      </c>
      <c r="Q20" s="443">
        <v>0</v>
      </c>
      <c r="R20" s="61">
        <v>14</v>
      </c>
      <c r="S20" s="61">
        <v>51</v>
      </c>
      <c r="T20" s="61">
        <v>32</v>
      </c>
      <c r="U20" s="61">
        <v>23</v>
      </c>
      <c r="V20" s="61">
        <v>24</v>
      </c>
      <c r="W20" s="62">
        <v>144</v>
      </c>
      <c r="X20" s="63">
        <v>178</v>
      </c>
      <c r="Y20" s="60">
        <v>19</v>
      </c>
      <c r="Z20" s="61">
        <v>54</v>
      </c>
      <c r="AA20" s="62">
        <v>73</v>
      </c>
      <c r="AB20" s="443">
        <v>0</v>
      </c>
      <c r="AC20" s="61">
        <v>56</v>
      </c>
      <c r="AD20" s="61">
        <v>89</v>
      </c>
      <c r="AE20" s="61">
        <v>68</v>
      </c>
      <c r="AF20" s="61">
        <v>54</v>
      </c>
      <c r="AG20" s="61">
        <v>36</v>
      </c>
      <c r="AH20" s="62">
        <v>303</v>
      </c>
      <c r="AI20" s="63">
        <v>376</v>
      </c>
      <c r="AJ20" s="60">
        <v>53</v>
      </c>
      <c r="AK20" s="61">
        <v>59</v>
      </c>
      <c r="AL20" s="62">
        <v>112</v>
      </c>
      <c r="AM20" s="443">
        <v>0</v>
      </c>
      <c r="AN20" s="61">
        <v>101</v>
      </c>
      <c r="AO20" s="61">
        <v>150</v>
      </c>
      <c r="AP20" s="61">
        <v>94</v>
      </c>
      <c r="AQ20" s="61">
        <v>62</v>
      </c>
      <c r="AR20" s="61">
        <v>49</v>
      </c>
      <c r="AS20" s="62">
        <v>456</v>
      </c>
      <c r="AT20" s="63">
        <v>568</v>
      </c>
      <c r="AU20" s="60">
        <v>91</v>
      </c>
      <c r="AV20" s="61">
        <v>105</v>
      </c>
      <c r="AW20" s="62">
        <v>196</v>
      </c>
      <c r="AX20" s="443">
        <v>0</v>
      </c>
      <c r="AY20" s="61">
        <v>168</v>
      </c>
      <c r="AZ20" s="61">
        <v>216</v>
      </c>
      <c r="BA20" s="61">
        <v>157</v>
      </c>
      <c r="BB20" s="61">
        <v>99</v>
      </c>
      <c r="BC20" s="61">
        <v>58</v>
      </c>
      <c r="BD20" s="62">
        <v>698</v>
      </c>
      <c r="BE20" s="63">
        <v>894</v>
      </c>
      <c r="BF20" s="60">
        <v>77</v>
      </c>
      <c r="BG20" s="61">
        <v>90</v>
      </c>
      <c r="BH20" s="62">
        <v>167</v>
      </c>
      <c r="BI20" s="443">
        <v>0</v>
      </c>
      <c r="BJ20" s="61">
        <v>150</v>
      </c>
      <c r="BK20" s="61">
        <v>166</v>
      </c>
      <c r="BL20" s="61">
        <v>127</v>
      </c>
      <c r="BM20" s="61">
        <v>103</v>
      </c>
      <c r="BN20" s="61">
        <v>47</v>
      </c>
      <c r="BO20" s="62">
        <v>593</v>
      </c>
      <c r="BP20" s="63">
        <v>760</v>
      </c>
      <c r="BQ20" s="60">
        <v>49</v>
      </c>
      <c r="BR20" s="61">
        <v>64</v>
      </c>
      <c r="BS20" s="62">
        <v>113</v>
      </c>
      <c r="BT20" s="443">
        <v>0</v>
      </c>
      <c r="BU20" s="61">
        <v>88</v>
      </c>
      <c r="BV20" s="61">
        <v>121</v>
      </c>
      <c r="BW20" s="61">
        <v>85</v>
      </c>
      <c r="BX20" s="61">
        <v>66</v>
      </c>
      <c r="BY20" s="61">
        <v>38</v>
      </c>
      <c r="BZ20" s="62">
        <v>398</v>
      </c>
      <c r="CA20" s="63">
        <v>511</v>
      </c>
      <c r="CB20" s="60">
        <v>10</v>
      </c>
      <c r="CC20" s="61">
        <v>22</v>
      </c>
      <c r="CD20" s="62">
        <v>32</v>
      </c>
      <c r="CE20" s="443">
        <v>0</v>
      </c>
      <c r="CF20" s="61">
        <v>23</v>
      </c>
      <c r="CG20" s="61">
        <v>43</v>
      </c>
      <c r="CH20" s="61">
        <v>23</v>
      </c>
      <c r="CI20" s="61">
        <v>15</v>
      </c>
      <c r="CJ20" s="61">
        <v>15</v>
      </c>
      <c r="CK20" s="62">
        <v>119</v>
      </c>
      <c r="CL20" s="63">
        <v>151</v>
      </c>
      <c r="CM20" s="60">
        <v>313</v>
      </c>
      <c r="CN20" s="61">
        <v>414</v>
      </c>
      <c r="CO20" s="62">
        <v>727</v>
      </c>
      <c r="CP20" s="443">
        <v>0</v>
      </c>
      <c r="CQ20" s="61">
        <v>600</v>
      </c>
      <c r="CR20" s="61">
        <v>836</v>
      </c>
      <c r="CS20" s="61">
        <v>586</v>
      </c>
      <c r="CT20" s="61">
        <v>422</v>
      </c>
      <c r="CU20" s="61">
        <v>267</v>
      </c>
      <c r="CV20" s="62">
        <v>2711</v>
      </c>
      <c r="CW20" s="63">
        <v>3438</v>
      </c>
      <c r="CX20" s="113">
        <v>627</v>
      </c>
      <c r="CY20" s="72">
        <v>903</v>
      </c>
      <c r="CZ20" s="73">
        <v>1530</v>
      </c>
      <c r="DA20" s="443">
        <v>0</v>
      </c>
      <c r="DB20" s="72">
        <v>941</v>
      </c>
      <c r="DC20" s="72">
        <v>1314</v>
      </c>
      <c r="DD20" s="72">
        <v>952</v>
      </c>
      <c r="DE20" s="72">
        <v>910</v>
      </c>
      <c r="DF20" s="72">
        <v>595</v>
      </c>
      <c r="DG20" s="74">
        <v>4712</v>
      </c>
      <c r="DH20" s="75">
        <v>6242</v>
      </c>
      <c r="DI20" s="60">
        <v>14</v>
      </c>
      <c r="DJ20" s="61">
        <v>33</v>
      </c>
      <c r="DK20" s="62">
        <v>47</v>
      </c>
      <c r="DL20" s="443">
        <v>0</v>
      </c>
      <c r="DM20" s="61">
        <v>15</v>
      </c>
      <c r="DN20" s="61">
        <v>35</v>
      </c>
      <c r="DO20" s="61">
        <v>25</v>
      </c>
      <c r="DP20" s="61">
        <v>18</v>
      </c>
      <c r="DQ20" s="61">
        <v>18</v>
      </c>
      <c r="DR20" s="62">
        <v>111</v>
      </c>
      <c r="DS20" s="63">
        <v>158</v>
      </c>
      <c r="DT20" s="60">
        <v>38</v>
      </c>
      <c r="DU20" s="61">
        <v>75</v>
      </c>
      <c r="DV20" s="62">
        <v>113</v>
      </c>
      <c r="DW20" s="443">
        <v>0</v>
      </c>
      <c r="DX20" s="61">
        <v>68</v>
      </c>
      <c r="DY20" s="61">
        <v>78</v>
      </c>
      <c r="DZ20" s="61">
        <v>56</v>
      </c>
      <c r="EA20" s="61">
        <v>46</v>
      </c>
      <c r="EB20" s="61">
        <v>29</v>
      </c>
      <c r="EC20" s="62">
        <v>277</v>
      </c>
      <c r="ED20" s="63">
        <v>390</v>
      </c>
      <c r="EE20" s="60">
        <v>116</v>
      </c>
      <c r="EF20" s="61">
        <v>152</v>
      </c>
      <c r="EG20" s="62">
        <v>268</v>
      </c>
      <c r="EH20" s="443">
        <v>0</v>
      </c>
      <c r="EI20" s="61">
        <v>126</v>
      </c>
      <c r="EJ20" s="61">
        <v>168</v>
      </c>
      <c r="EK20" s="61">
        <v>113</v>
      </c>
      <c r="EL20" s="61">
        <v>94</v>
      </c>
      <c r="EM20" s="61">
        <v>61</v>
      </c>
      <c r="EN20" s="62">
        <v>562</v>
      </c>
      <c r="EO20" s="63">
        <v>830</v>
      </c>
      <c r="EP20" s="60">
        <v>216</v>
      </c>
      <c r="EQ20" s="61">
        <v>247</v>
      </c>
      <c r="ER20" s="62">
        <v>463</v>
      </c>
      <c r="ES20" s="443">
        <v>0</v>
      </c>
      <c r="ET20" s="61">
        <v>239</v>
      </c>
      <c r="EU20" s="61">
        <v>329</v>
      </c>
      <c r="EV20" s="61">
        <v>235</v>
      </c>
      <c r="EW20" s="61">
        <v>187</v>
      </c>
      <c r="EX20" s="61">
        <v>111</v>
      </c>
      <c r="EY20" s="62">
        <v>1101</v>
      </c>
      <c r="EZ20" s="63">
        <v>1564</v>
      </c>
      <c r="FA20" s="60">
        <v>165</v>
      </c>
      <c r="FB20" s="61">
        <v>247</v>
      </c>
      <c r="FC20" s="62">
        <v>412</v>
      </c>
      <c r="FD20" s="443">
        <v>0</v>
      </c>
      <c r="FE20" s="61">
        <v>275</v>
      </c>
      <c r="FF20" s="61">
        <v>352</v>
      </c>
      <c r="FG20" s="61">
        <v>245</v>
      </c>
      <c r="FH20" s="61">
        <v>224</v>
      </c>
      <c r="FI20" s="61">
        <v>178</v>
      </c>
      <c r="FJ20" s="62">
        <v>1274</v>
      </c>
      <c r="FK20" s="63">
        <v>1686</v>
      </c>
      <c r="FL20" s="60">
        <v>78</v>
      </c>
      <c r="FM20" s="61">
        <v>149</v>
      </c>
      <c r="FN20" s="62">
        <v>227</v>
      </c>
      <c r="FO20" s="443">
        <v>0</v>
      </c>
      <c r="FP20" s="61">
        <v>218</v>
      </c>
      <c r="FQ20" s="61">
        <v>352</v>
      </c>
      <c r="FR20" s="61">
        <v>278</v>
      </c>
      <c r="FS20" s="61">
        <v>341</v>
      </c>
      <c r="FT20" s="61">
        <v>198</v>
      </c>
      <c r="FU20" s="62">
        <v>1387</v>
      </c>
      <c r="FV20" s="63">
        <v>1614</v>
      </c>
      <c r="FW20" s="60">
        <v>4</v>
      </c>
      <c r="FX20" s="61">
        <v>19</v>
      </c>
      <c r="FY20" s="62">
        <v>23</v>
      </c>
      <c r="FZ20" s="443">
        <v>0</v>
      </c>
      <c r="GA20" s="61">
        <v>7</v>
      </c>
      <c r="GB20" s="61">
        <v>30</v>
      </c>
      <c r="GC20" s="61">
        <v>17</v>
      </c>
      <c r="GD20" s="61">
        <v>16</v>
      </c>
      <c r="GE20" s="61">
        <v>22</v>
      </c>
      <c r="GF20" s="62">
        <v>92</v>
      </c>
      <c r="GG20" s="63">
        <v>115</v>
      </c>
      <c r="GH20" s="60">
        <v>631</v>
      </c>
      <c r="GI20" s="61">
        <v>922</v>
      </c>
      <c r="GJ20" s="62">
        <v>1553</v>
      </c>
      <c r="GK20" s="443">
        <v>0</v>
      </c>
      <c r="GL20" s="61">
        <v>948</v>
      </c>
      <c r="GM20" s="61">
        <v>1344</v>
      </c>
      <c r="GN20" s="61">
        <v>969</v>
      </c>
      <c r="GO20" s="61">
        <v>926</v>
      </c>
      <c r="GP20" s="61">
        <v>617</v>
      </c>
      <c r="GQ20" s="62">
        <v>4804</v>
      </c>
      <c r="GR20" s="63">
        <v>6357</v>
      </c>
      <c r="GS20" s="113">
        <v>930</v>
      </c>
      <c r="GT20" s="72">
        <v>1295</v>
      </c>
      <c r="GU20" s="73">
        <v>2225</v>
      </c>
      <c r="GV20" s="224">
        <v>0</v>
      </c>
      <c r="GW20" s="72">
        <v>1518</v>
      </c>
      <c r="GX20" s="72">
        <v>2107</v>
      </c>
      <c r="GY20" s="72">
        <v>1515</v>
      </c>
      <c r="GZ20" s="72">
        <v>1317</v>
      </c>
      <c r="HA20" s="72">
        <v>847</v>
      </c>
      <c r="HB20" s="74">
        <v>7304</v>
      </c>
      <c r="HC20" s="75">
        <v>9529</v>
      </c>
      <c r="HD20" s="60">
        <v>28</v>
      </c>
      <c r="HE20" s="61">
        <v>53</v>
      </c>
      <c r="HF20" s="62">
        <v>81</v>
      </c>
      <c r="HG20" s="227">
        <v>0</v>
      </c>
      <c r="HH20" s="61">
        <v>29</v>
      </c>
      <c r="HI20" s="61">
        <v>86</v>
      </c>
      <c r="HJ20" s="61">
        <v>57</v>
      </c>
      <c r="HK20" s="61">
        <v>41</v>
      </c>
      <c r="HL20" s="61">
        <v>42</v>
      </c>
      <c r="HM20" s="62">
        <v>255</v>
      </c>
      <c r="HN20" s="63">
        <v>336</v>
      </c>
      <c r="HO20" s="60">
        <v>57</v>
      </c>
      <c r="HP20" s="61">
        <v>129</v>
      </c>
      <c r="HQ20" s="62">
        <v>186</v>
      </c>
      <c r="HR20" s="443">
        <v>0</v>
      </c>
      <c r="HS20" s="61">
        <v>124</v>
      </c>
      <c r="HT20" s="61">
        <v>167</v>
      </c>
      <c r="HU20" s="61">
        <v>124</v>
      </c>
      <c r="HV20" s="61">
        <v>100</v>
      </c>
      <c r="HW20" s="61">
        <v>65</v>
      </c>
      <c r="HX20" s="62">
        <v>580</v>
      </c>
      <c r="HY20" s="63">
        <v>766</v>
      </c>
      <c r="HZ20" s="60">
        <v>169</v>
      </c>
      <c r="IA20" s="61">
        <v>211</v>
      </c>
      <c r="IB20" s="62">
        <v>380</v>
      </c>
      <c r="IC20" s="443">
        <v>0</v>
      </c>
      <c r="ID20" s="61">
        <v>227</v>
      </c>
      <c r="IE20" s="61">
        <v>318</v>
      </c>
      <c r="IF20" s="61">
        <v>207</v>
      </c>
      <c r="IG20" s="61">
        <v>156</v>
      </c>
      <c r="IH20" s="61">
        <v>110</v>
      </c>
      <c r="II20" s="62">
        <v>1018</v>
      </c>
      <c r="IJ20" s="63">
        <v>1398</v>
      </c>
      <c r="IK20" s="60">
        <v>307</v>
      </c>
      <c r="IL20" s="61">
        <v>352</v>
      </c>
      <c r="IM20" s="62">
        <v>659</v>
      </c>
      <c r="IN20" s="443">
        <v>0</v>
      </c>
      <c r="IO20" s="61">
        <v>407</v>
      </c>
      <c r="IP20" s="61">
        <v>545</v>
      </c>
      <c r="IQ20" s="61">
        <v>392</v>
      </c>
      <c r="IR20" s="61">
        <v>286</v>
      </c>
      <c r="IS20" s="61">
        <v>169</v>
      </c>
      <c r="IT20" s="62">
        <v>1799</v>
      </c>
      <c r="IU20" s="63">
        <v>2458</v>
      </c>
      <c r="IV20" s="60">
        <v>242</v>
      </c>
      <c r="IW20" s="61">
        <v>337</v>
      </c>
      <c r="IX20" s="62">
        <v>579</v>
      </c>
      <c r="IY20" s="443">
        <v>0</v>
      </c>
      <c r="IZ20" s="61">
        <v>425</v>
      </c>
      <c r="JA20" s="61">
        <v>518</v>
      </c>
      <c r="JB20" s="61">
        <v>372</v>
      </c>
      <c r="JC20" s="61">
        <v>327</v>
      </c>
      <c r="JD20" s="61">
        <v>225</v>
      </c>
      <c r="JE20" s="62">
        <v>1867</v>
      </c>
      <c r="JF20" s="63">
        <v>2446</v>
      </c>
      <c r="JG20" s="60">
        <v>127</v>
      </c>
      <c r="JH20" s="61">
        <v>213</v>
      </c>
      <c r="JI20" s="62">
        <v>340</v>
      </c>
      <c r="JJ20" s="443">
        <v>0</v>
      </c>
      <c r="JK20" s="61">
        <v>306</v>
      </c>
      <c r="JL20" s="61">
        <v>473</v>
      </c>
      <c r="JM20" s="61">
        <v>363</v>
      </c>
      <c r="JN20" s="61">
        <v>407</v>
      </c>
      <c r="JO20" s="61">
        <v>236</v>
      </c>
      <c r="JP20" s="62">
        <v>1785</v>
      </c>
      <c r="JQ20" s="63">
        <v>2125</v>
      </c>
      <c r="JR20" s="60">
        <v>14</v>
      </c>
      <c r="JS20" s="61">
        <v>41</v>
      </c>
      <c r="JT20" s="62">
        <v>55</v>
      </c>
      <c r="JU20" s="443">
        <v>0</v>
      </c>
      <c r="JV20" s="61">
        <v>30</v>
      </c>
      <c r="JW20" s="61">
        <v>73</v>
      </c>
      <c r="JX20" s="61">
        <v>40</v>
      </c>
      <c r="JY20" s="61">
        <v>31</v>
      </c>
      <c r="JZ20" s="61">
        <v>37</v>
      </c>
      <c r="KA20" s="62">
        <v>211</v>
      </c>
      <c r="KB20" s="63">
        <v>266</v>
      </c>
      <c r="KC20" s="60">
        <v>944</v>
      </c>
      <c r="KD20" s="61">
        <v>1336</v>
      </c>
      <c r="KE20" s="62">
        <v>2280</v>
      </c>
      <c r="KF20" s="443">
        <v>0</v>
      </c>
      <c r="KG20" s="61">
        <v>1548</v>
      </c>
      <c r="KH20" s="61">
        <v>2180</v>
      </c>
      <c r="KI20" s="61">
        <v>1555</v>
      </c>
      <c r="KJ20" s="61">
        <v>1348</v>
      </c>
      <c r="KK20" s="61">
        <v>884</v>
      </c>
      <c r="KL20" s="62">
        <v>7515</v>
      </c>
      <c r="KM20" s="63">
        <v>9795</v>
      </c>
    </row>
    <row r="21" spans="2:299" ht="21" customHeight="1" x14ac:dyDescent="0.2">
      <c r="B21" s="437" t="s">
        <v>18</v>
      </c>
      <c r="C21" s="287">
        <v>437</v>
      </c>
      <c r="D21" s="72">
        <v>466</v>
      </c>
      <c r="E21" s="73">
        <v>903</v>
      </c>
      <c r="F21" s="443">
        <v>0</v>
      </c>
      <c r="G21" s="72">
        <v>997</v>
      </c>
      <c r="H21" s="72">
        <v>814</v>
      </c>
      <c r="I21" s="72">
        <v>530</v>
      </c>
      <c r="J21" s="72">
        <v>436</v>
      </c>
      <c r="K21" s="72">
        <v>276</v>
      </c>
      <c r="L21" s="74">
        <v>3053</v>
      </c>
      <c r="M21" s="75">
        <v>3956</v>
      </c>
      <c r="N21" s="60">
        <v>24</v>
      </c>
      <c r="O21" s="61">
        <v>22</v>
      </c>
      <c r="P21" s="62">
        <v>46</v>
      </c>
      <c r="Q21" s="443">
        <v>0</v>
      </c>
      <c r="R21" s="61">
        <v>55</v>
      </c>
      <c r="S21" s="61">
        <v>46</v>
      </c>
      <c r="T21" s="61">
        <v>33</v>
      </c>
      <c r="U21" s="61">
        <v>25</v>
      </c>
      <c r="V21" s="61">
        <v>25</v>
      </c>
      <c r="W21" s="62">
        <v>184</v>
      </c>
      <c r="X21" s="63">
        <v>230</v>
      </c>
      <c r="Y21" s="60">
        <v>48</v>
      </c>
      <c r="Z21" s="61">
        <v>52</v>
      </c>
      <c r="AA21" s="62">
        <v>100</v>
      </c>
      <c r="AB21" s="443">
        <v>0</v>
      </c>
      <c r="AC21" s="61">
        <v>108</v>
      </c>
      <c r="AD21" s="61">
        <v>88</v>
      </c>
      <c r="AE21" s="61">
        <v>62</v>
      </c>
      <c r="AF21" s="61">
        <v>55</v>
      </c>
      <c r="AG21" s="61">
        <v>32</v>
      </c>
      <c r="AH21" s="62">
        <v>345</v>
      </c>
      <c r="AI21" s="63">
        <v>445</v>
      </c>
      <c r="AJ21" s="60">
        <v>79</v>
      </c>
      <c r="AK21" s="61">
        <v>81</v>
      </c>
      <c r="AL21" s="62">
        <v>160</v>
      </c>
      <c r="AM21" s="443">
        <v>0</v>
      </c>
      <c r="AN21" s="61">
        <v>155</v>
      </c>
      <c r="AO21" s="61">
        <v>124</v>
      </c>
      <c r="AP21" s="61">
        <v>87</v>
      </c>
      <c r="AQ21" s="61">
        <v>72</v>
      </c>
      <c r="AR21" s="61">
        <v>53</v>
      </c>
      <c r="AS21" s="62">
        <v>491</v>
      </c>
      <c r="AT21" s="63">
        <v>651</v>
      </c>
      <c r="AU21" s="60">
        <v>113</v>
      </c>
      <c r="AV21" s="61">
        <v>127</v>
      </c>
      <c r="AW21" s="62">
        <v>240</v>
      </c>
      <c r="AX21" s="443">
        <v>0</v>
      </c>
      <c r="AY21" s="61">
        <v>270</v>
      </c>
      <c r="AZ21" s="61">
        <v>230</v>
      </c>
      <c r="BA21" s="61">
        <v>127</v>
      </c>
      <c r="BB21" s="61">
        <v>109</v>
      </c>
      <c r="BC21" s="61">
        <v>78</v>
      </c>
      <c r="BD21" s="62">
        <v>814</v>
      </c>
      <c r="BE21" s="63">
        <v>1054</v>
      </c>
      <c r="BF21" s="60">
        <v>112</v>
      </c>
      <c r="BG21" s="61">
        <v>124</v>
      </c>
      <c r="BH21" s="62">
        <v>236</v>
      </c>
      <c r="BI21" s="443">
        <v>0</v>
      </c>
      <c r="BJ21" s="61">
        <v>260</v>
      </c>
      <c r="BK21" s="61">
        <v>199</v>
      </c>
      <c r="BL21" s="61">
        <v>129</v>
      </c>
      <c r="BM21" s="61">
        <v>100</v>
      </c>
      <c r="BN21" s="61">
        <v>55</v>
      </c>
      <c r="BO21" s="62">
        <v>743</v>
      </c>
      <c r="BP21" s="63">
        <v>979</v>
      </c>
      <c r="BQ21" s="60">
        <v>61</v>
      </c>
      <c r="BR21" s="61">
        <v>60</v>
      </c>
      <c r="BS21" s="62">
        <v>121</v>
      </c>
      <c r="BT21" s="443">
        <v>0</v>
      </c>
      <c r="BU21" s="61">
        <v>149</v>
      </c>
      <c r="BV21" s="61">
        <v>127</v>
      </c>
      <c r="BW21" s="61">
        <v>92</v>
      </c>
      <c r="BX21" s="61">
        <v>75</v>
      </c>
      <c r="BY21" s="61">
        <v>33</v>
      </c>
      <c r="BZ21" s="62">
        <v>476</v>
      </c>
      <c r="CA21" s="63">
        <v>597</v>
      </c>
      <c r="CB21" s="60">
        <v>12</v>
      </c>
      <c r="CC21" s="61">
        <v>26</v>
      </c>
      <c r="CD21" s="62">
        <v>38</v>
      </c>
      <c r="CE21" s="443">
        <v>0</v>
      </c>
      <c r="CF21" s="61">
        <v>29</v>
      </c>
      <c r="CG21" s="61">
        <v>38</v>
      </c>
      <c r="CH21" s="61">
        <v>29</v>
      </c>
      <c r="CI21" s="61">
        <v>28</v>
      </c>
      <c r="CJ21" s="61">
        <v>24</v>
      </c>
      <c r="CK21" s="62">
        <v>148</v>
      </c>
      <c r="CL21" s="63">
        <v>186</v>
      </c>
      <c r="CM21" s="60">
        <v>449</v>
      </c>
      <c r="CN21" s="61">
        <v>492</v>
      </c>
      <c r="CO21" s="62">
        <v>941</v>
      </c>
      <c r="CP21" s="443">
        <v>0</v>
      </c>
      <c r="CQ21" s="61">
        <v>1026</v>
      </c>
      <c r="CR21" s="61">
        <v>852</v>
      </c>
      <c r="CS21" s="61">
        <v>559</v>
      </c>
      <c r="CT21" s="61">
        <v>464</v>
      </c>
      <c r="CU21" s="61">
        <v>300</v>
      </c>
      <c r="CV21" s="62">
        <v>3201</v>
      </c>
      <c r="CW21" s="63">
        <v>4142</v>
      </c>
      <c r="CX21" s="113">
        <v>824</v>
      </c>
      <c r="CY21" s="72">
        <v>1138</v>
      </c>
      <c r="CZ21" s="73">
        <v>1962</v>
      </c>
      <c r="DA21" s="443">
        <v>0</v>
      </c>
      <c r="DB21" s="72">
        <v>1473</v>
      </c>
      <c r="DC21" s="72">
        <v>1257</v>
      </c>
      <c r="DD21" s="72">
        <v>983</v>
      </c>
      <c r="DE21" s="72">
        <v>966</v>
      </c>
      <c r="DF21" s="72">
        <v>624</v>
      </c>
      <c r="DG21" s="74">
        <v>5303</v>
      </c>
      <c r="DH21" s="75">
        <v>7265</v>
      </c>
      <c r="DI21" s="60">
        <v>18</v>
      </c>
      <c r="DJ21" s="61">
        <v>29</v>
      </c>
      <c r="DK21" s="62">
        <v>47</v>
      </c>
      <c r="DL21" s="443">
        <v>0</v>
      </c>
      <c r="DM21" s="61">
        <v>34</v>
      </c>
      <c r="DN21" s="61">
        <v>22</v>
      </c>
      <c r="DO21" s="61">
        <v>12</v>
      </c>
      <c r="DP21" s="61">
        <v>22</v>
      </c>
      <c r="DQ21" s="61">
        <v>11</v>
      </c>
      <c r="DR21" s="62">
        <v>101</v>
      </c>
      <c r="DS21" s="63">
        <v>148</v>
      </c>
      <c r="DT21" s="60">
        <v>86</v>
      </c>
      <c r="DU21" s="61">
        <v>86</v>
      </c>
      <c r="DV21" s="62">
        <v>172</v>
      </c>
      <c r="DW21" s="443">
        <v>0</v>
      </c>
      <c r="DX21" s="61">
        <v>89</v>
      </c>
      <c r="DY21" s="61">
        <v>62</v>
      </c>
      <c r="DZ21" s="61">
        <v>41</v>
      </c>
      <c r="EA21" s="61">
        <v>47</v>
      </c>
      <c r="EB21" s="61">
        <v>40</v>
      </c>
      <c r="EC21" s="62">
        <v>279</v>
      </c>
      <c r="ED21" s="63">
        <v>451</v>
      </c>
      <c r="EE21" s="60">
        <v>138</v>
      </c>
      <c r="EF21" s="61">
        <v>182</v>
      </c>
      <c r="EG21" s="62">
        <v>320</v>
      </c>
      <c r="EH21" s="443">
        <v>0</v>
      </c>
      <c r="EI21" s="61">
        <v>200</v>
      </c>
      <c r="EJ21" s="61">
        <v>155</v>
      </c>
      <c r="EK21" s="61">
        <v>107</v>
      </c>
      <c r="EL21" s="61">
        <v>95</v>
      </c>
      <c r="EM21" s="61">
        <v>71</v>
      </c>
      <c r="EN21" s="62">
        <v>628</v>
      </c>
      <c r="EO21" s="63">
        <v>948</v>
      </c>
      <c r="EP21" s="60">
        <v>280</v>
      </c>
      <c r="EQ21" s="61">
        <v>350</v>
      </c>
      <c r="ER21" s="62">
        <v>630</v>
      </c>
      <c r="ES21" s="443">
        <v>0</v>
      </c>
      <c r="ET21" s="61">
        <v>397</v>
      </c>
      <c r="EU21" s="61">
        <v>300</v>
      </c>
      <c r="EV21" s="61">
        <v>225</v>
      </c>
      <c r="EW21" s="61">
        <v>202</v>
      </c>
      <c r="EX21" s="61">
        <v>129</v>
      </c>
      <c r="EY21" s="62">
        <v>1253</v>
      </c>
      <c r="EZ21" s="63">
        <v>1883</v>
      </c>
      <c r="FA21" s="60">
        <v>195</v>
      </c>
      <c r="FB21" s="61">
        <v>310</v>
      </c>
      <c r="FC21" s="62">
        <v>505</v>
      </c>
      <c r="FD21" s="443">
        <v>0</v>
      </c>
      <c r="FE21" s="61">
        <v>430</v>
      </c>
      <c r="FF21" s="61">
        <v>384</v>
      </c>
      <c r="FG21" s="61">
        <v>277</v>
      </c>
      <c r="FH21" s="61">
        <v>237</v>
      </c>
      <c r="FI21" s="61">
        <v>168</v>
      </c>
      <c r="FJ21" s="62">
        <v>1496</v>
      </c>
      <c r="FK21" s="63">
        <v>2001</v>
      </c>
      <c r="FL21" s="60">
        <v>107</v>
      </c>
      <c r="FM21" s="61">
        <v>181</v>
      </c>
      <c r="FN21" s="62">
        <v>288</v>
      </c>
      <c r="FO21" s="443">
        <v>0</v>
      </c>
      <c r="FP21" s="61">
        <v>323</v>
      </c>
      <c r="FQ21" s="61">
        <v>334</v>
      </c>
      <c r="FR21" s="61">
        <v>321</v>
      </c>
      <c r="FS21" s="61">
        <v>363</v>
      </c>
      <c r="FT21" s="61">
        <v>205</v>
      </c>
      <c r="FU21" s="62">
        <v>1546</v>
      </c>
      <c r="FV21" s="63">
        <v>1834</v>
      </c>
      <c r="FW21" s="60">
        <v>18</v>
      </c>
      <c r="FX21" s="61">
        <v>10</v>
      </c>
      <c r="FY21" s="62">
        <v>28</v>
      </c>
      <c r="FZ21" s="443">
        <v>0</v>
      </c>
      <c r="GA21" s="61">
        <v>24</v>
      </c>
      <c r="GB21" s="61">
        <v>31</v>
      </c>
      <c r="GC21" s="61">
        <v>10</v>
      </c>
      <c r="GD21" s="61">
        <v>15</v>
      </c>
      <c r="GE21" s="61">
        <v>16</v>
      </c>
      <c r="GF21" s="62">
        <v>96</v>
      </c>
      <c r="GG21" s="63">
        <v>124</v>
      </c>
      <c r="GH21" s="60">
        <v>842</v>
      </c>
      <c r="GI21" s="61">
        <v>1148</v>
      </c>
      <c r="GJ21" s="62">
        <v>1990</v>
      </c>
      <c r="GK21" s="443">
        <v>0</v>
      </c>
      <c r="GL21" s="61">
        <v>1497</v>
      </c>
      <c r="GM21" s="61">
        <v>1288</v>
      </c>
      <c r="GN21" s="61">
        <v>993</v>
      </c>
      <c r="GO21" s="61">
        <v>981</v>
      </c>
      <c r="GP21" s="61">
        <v>640</v>
      </c>
      <c r="GQ21" s="62">
        <v>5399</v>
      </c>
      <c r="GR21" s="63">
        <v>7389</v>
      </c>
      <c r="GS21" s="113">
        <v>1261</v>
      </c>
      <c r="GT21" s="72">
        <v>1604</v>
      </c>
      <c r="GU21" s="73">
        <v>2865</v>
      </c>
      <c r="GV21" s="224">
        <v>0</v>
      </c>
      <c r="GW21" s="72">
        <v>2470</v>
      </c>
      <c r="GX21" s="72">
        <v>2071</v>
      </c>
      <c r="GY21" s="72">
        <v>1513</v>
      </c>
      <c r="GZ21" s="72">
        <v>1402</v>
      </c>
      <c r="HA21" s="72">
        <v>900</v>
      </c>
      <c r="HB21" s="74">
        <v>8356</v>
      </c>
      <c r="HC21" s="75">
        <v>11221</v>
      </c>
      <c r="HD21" s="60">
        <v>42</v>
      </c>
      <c r="HE21" s="61">
        <v>51</v>
      </c>
      <c r="HF21" s="62">
        <v>93</v>
      </c>
      <c r="HG21" s="227">
        <v>0</v>
      </c>
      <c r="HH21" s="61">
        <v>89</v>
      </c>
      <c r="HI21" s="61">
        <v>68</v>
      </c>
      <c r="HJ21" s="61">
        <v>45</v>
      </c>
      <c r="HK21" s="61">
        <v>47</v>
      </c>
      <c r="HL21" s="61">
        <v>36</v>
      </c>
      <c r="HM21" s="62">
        <v>285</v>
      </c>
      <c r="HN21" s="63">
        <v>378</v>
      </c>
      <c r="HO21" s="60">
        <v>134</v>
      </c>
      <c r="HP21" s="61">
        <v>138</v>
      </c>
      <c r="HQ21" s="62">
        <v>272</v>
      </c>
      <c r="HR21" s="443">
        <v>0</v>
      </c>
      <c r="HS21" s="61">
        <v>197</v>
      </c>
      <c r="HT21" s="61">
        <v>150</v>
      </c>
      <c r="HU21" s="61">
        <v>103</v>
      </c>
      <c r="HV21" s="61">
        <v>102</v>
      </c>
      <c r="HW21" s="61">
        <v>72</v>
      </c>
      <c r="HX21" s="62">
        <v>624</v>
      </c>
      <c r="HY21" s="63">
        <v>896</v>
      </c>
      <c r="HZ21" s="60">
        <v>217</v>
      </c>
      <c r="IA21" s="61">
        <v>263</v>
      </c>
      <c r="IB21" s="62">
        <v>480</v>
      </c>
      <c r="IC21" s="443">
        <v>0</v>
      </c>
      <c r="ID21" s="61">
        <v>355</v>
      </c>
      <c r="IE21" s="61">
        <v>279</v>
      </c>
      <c r="IF21" s="61">
        <v>194</v>
      </c>
      <c r="IG21" s="61">
        <v>167</v>
      </c>
      <c r="IH21" s="61">
        <v>124</v>
      </c>
      <c r="II21" s="62">
        <v>1119</v>
      </c>
      <c r="IJ21" s="63">
        <v>1599</v>
      </c>
      <c r="IK21" s="60">
        <v>393</v>
      </c>
      <c r="IL21" s="61">
        <v>477</v>
      </c>
      <c r="IM21" s="62">
        <v>870</v>
      </c>
      <c r="IN21" s="443">
        <v>0</v>
      </c>
      <c r="IO21" s="61">
        <v>667</v>
      </c>
      <c r="IP21" s="61">
        <v>530</v>
      </c>
      <c r="IQ21" s="61">
        <v>352</v>
      </c>
      <c r="IR21" s="61">
        <v>311</v>
      </c>
      <c r="IS21" s="61">
        <v>207</v>
      </c>
      <c r="IT21" s="62">
        <v>2067</v>
      </c>
      <c r="IU21" s="63">
        <v>2937</v>
      </c>
      <c r="IV21" s="60">
        <v>307</v>
      </c>
      <c r="IW21" s="61">
        <v>434</v>
      </c>
      <c r="IX21" s="62">
        <v>741</v>
      </c>
      <c r="IY21" s="443">
        <v>0</v>
      </c>
      <c r="IZ21" s="61">
        <v>690</v>
      </c>
      <c r="JA21" s="61">
        <v>583</v>
      </c>
      <c r="JB21" s="61">
        <v>406</v>
      </c>
      <c r="JC21" s="61">
        <v>337</v>
      </c>
      <c r="JD21" s="61">
        <v>223</v>
      </c>
      <c r="JE21" s="62">
        <v>2239</v>
      </c>
      <c r="JF21" s="63">
        <v>2980</v>
      </c>
      <c r="JG21" s="60">
        <v>168</v>
      </c>
      <c r="JH21" s="61">
        <v>241</v>
      </c>
      <c r="JI21" s="62">
        <v>409</v>
      </c>
      <c r="JJ21" s="443">
        <v>0</v>
      </c>
      <c r="JK21" s="61">
        <v>472</v>
      </c>
      <c r="JL21" s="61">
        <v>461</v>
      </c>
      <c r="JM21" s="61">
        <v>413</v>
      </c>
      <c r="JN21" s="61">
        <v>438</v>
      </c>
      <c r="JO21" s="61">
        <v>238</v>
      </c>
      <c r="JP21" s="62">
        <v>2022</v>
      </c>
      <c r="JQ21" s="63">
        <v>2431</v>
      </c>
      <c r="JR21" s="60">
        <v>30</v>
      </c>
      <c r="JS21" s="61">
        <v>36</v>
      </c>
      <c r="JT21" s="62">
        <v>66</v>
      </c>
      <c r="JU21" s="443">
        <v>0</v>
      </c>
      <c r="JV21" s="61">
        <v>53</v>
      </c>
      <c r="JW21" s="61">
        <v>69</v>
      </c>
      <c r="JX21" s="61">
        <v>39</v>
      </c>
      <c r="JY21" s="61">
        <v>43</v>
      </c>
      <c r="JZ21" s="61">
        <v>40</v>
      </c>
      <c r="KA21" s="62">
        <v>244</v>
      </c>
      <c r="KB21" s="63">
        <v>310</v>
      </c>
      <c r="KC21" s="60">
        <v>1291</v>
      </c>
      <c r="KD21" s="61">
        <v>1640</v>
      </c>
      <c r="KE21" s="62">
        <v>2931</v>
      </c>
      <c r="KF21" s="443">
        <v>0</v>
      </c>
      <c r="KG21" s="61">
        <v>2523</v>
      </c>
      <c r="KH21" s="61">
        <v>2140</v>
      </c>
      <c r="KI21" s="61">
        <v>1552</v>
      </c>
      <c r="KJ21" s="61">
        <v>1445</v>
      </c>
      <c r="KK21" s="61">
        <v>940</v>
      </c>
      <c r="KL21" s="62">
        <v>8600</v>
      </c>
      <c r="KM21" s="63">
        <v>11531</v>
      </c>
    </row>
    <row r="22" spans="2:299" ht="21" customHeight="1" x14ac:dyDescent="0.2">
      <c r="B22" s="437" t="s">
        <v>19</v>
      </c>
      <c r="C22" s="287">
        <v>201</v>
      </c>
      <c r="D22" s="72">
        <v>175</v>
      </c>
      <c r="E22" s="73">
        <v>376</v>
      </c>
      <c r="F22" s="443">
        <v>0</v>
      </c>
      <c r="G22" s="72">
        <v>411</v>
      </c>
      <c r="H22" s="72">
        <v>336</v>
      </c>
      <c r="I22" s="72">
        <v>205</v>
      </c>
      <c r="J22" s="72">
        <v>146</v>
      </c>
      <c r="K22" s="72">
        <v>105</v>
      </c>
      <c r="L22" s="74">
        <v>1203</v>
      </c>
      <c r="M22" s="75">
        <v>1579</v>
      </c>
      <c r="N22" s="76">
        <v>5</v>
      </c>
      <c r="O22" s="61">
        <v>10</v>
      </c>
      <c r="P22" s="62">
        <v>15</v>
      </c>
      <c r="Q22" s="443">
        <v>0</v>
      </c>
      <c r="R22" s="61">
        <v>19</v>
      </c>
      <c r="S22" s="61">
        <v>14</v>
      </c>
      <c r="T22" s="61">
        <v>10</v>
      </c>
      <c r="U22" s="61">
        <v>7</v>
      </c>
      <c r="V22" s="61">
        <v>5</v>
      </c>
      <c r="W22" s="62">
        <v>55</v>
      </c>
      <c r="X22" s="63">
        <v>70</v>
      </c>
      <c r="Y22" s="60">
        <v>18</v>
      </c>
      <c r="Z22" s="61">
        <v>19</v>
      </c>
      <c r="AA22" s="62">
        <v>37</v>
      </c>
      <c r="AB22" s="443">
        <v>0</v>
      </c>
      <c r="AC22" s="61">
        <v>41</v>
      </c>
      <c r="AD22" s="61">
        <v>39</v>
      </c>
      <c r="AE22" s="61">
        <v>17</v>
      </c>
      <c r="AF22" s="61">
        <v>11</v>
      </c>
      <c r="AG22" s="61">
        <v>15</v>
      </c>
      <c r="AH22" s="62">
        <v>123</v>
      </c>
      <c r="AI22" s="63">
        <v>160</v>
      </c>
      <c r="AJ22" s="76">
        <v>30</v>
      </c>
      <c r="AK22" s="61">
        <v>26</v>
      </c>
      <c r="AL22" s="62">
        <v>56</v>
      </c>
      <c r="AM22" s="443">
        <v>0</v>
      </c>
      <c r="AN22" s="61">
        <v>68</v>
      </c>
      <c r="AO22" s="61">
        <v>57</v>
      </c>
      <c r="AP22" s="61">
        <v>37</v>
      </c>
      <c r="AQ22" s="61">
        <v>37</v>
      </c>
      <c r="AR22" s="61">
        <v>13</v>
      </c>
      <c r="AS22" s="62">
        <v>212</v>
      </c>
      <c r="AT22" s="63">
        <v>268</v>
      </c>
      <c r="AU22" s="60">
        <v>59</v>
      </c>
      <c r="AV22" s="61">
        <v>39</v>
      </c>
      <c r="AW22" s="62">
        <v>98</v>
      </c>
      <c r="AX22" s="443">
        <v>0</v>
      </c>
      <c r="AY22" s="61">
        <v>106</v>
      </c>
      <c r="AZ22" s="61">
        <v>86</v>
      </c>
      <c r="BA22" s="61">
        <v>58</v>
      </c>
      <c r="BB22" s="61">
        <v>34</v>
      </c>
      <c r="BC22" s="61">
        <v>26</v>
      </c>
      <c r="BD22" s="62">
        <v>310</v>
      </c>
      <c r="BE22" s="63">
        <v>408</v>
      </c>
      <c r="BF22" s="76">
        <v>56</v>
      </c>
      <c r="BG22" s="61">
        <v>37</v>
      </c>
      <c r="BH22" s="62">
        <v>93</v>
      </c>
      <c r="BI22" s="443">
        <v>0</v>
      </c>
      <c r="BJ22" s="61">
        <v>106</v>
      </c>
      <c r="BK22" s="61">
        <v>79</v>
      </c>
      <c r="BL22" s="61">
        <v>44</v>
      </c>
      <c r="BM22" s="61">
        <v>41</v>
      </c>
      <c r="BN22" s="61">
        <v>30</v>
      </c>
      <c r="BO22" s="62">
        <v>300</v>
      </c>
      <c r="BP22" s="63">
        <v>393</v>
      </c>
      <c r="BQ22" s="60">
        <v>33</v>
      </c>
      <c r="BR22" s="61">
        <v>44</v>
      </c>
      <c r="BS22" s="62">
        <v>77</v>
      </c>
      <c r="BT22" s="443">
        <v>0</v>
      </c>
      <c r="BU22" s="61">
        <v>71</v>
      </c>
      <c r="BV22" s="61">
        <v>61</v>
      </c>
      <c r="BW22" s="61">
        <v>39</v>
      </c>
      <c r="BX22" s="61">
        <v>16</v>
      </c>
      <c r="BY22" s="61">
        <v>16</v>
      </c>
      <c r="BZ22" s="62">
        <v>203</v>
      </c>
      <c r="CA22" s="63">
        <v>280</v>
      </c>
      <c r="CB22" s="60">
        <v>5</v>
      </c>
      <c r="CC22" s="61">
        <v>9</v>
      </c>
      <c r="CD22" s="62">
        <v>14</v>
      </c>
      <c r="CE22" s="443">
        <v>0</v>
      </c>
      <c r="CF22" s="61">
        <v>17</v>
      </c>
      <c r="CG22" s="61">
        <v>7</v>
      </c>
      <c r="CH22" s="61">
        <v>10</v>
      </c>
      <c r="CI22" s="61">
        <v>7</v>
      </c>
      <c r="CJ22" s="61">
        <v>4</v>
      </c>
      <c r="CK22" s="62">
        <v>45</v>
      </c>
      <c r="CL22" s="63">
        <v>59</v>
      </c>
      <c r="CM22" s="60">
        <v>206</v>
      </c>
      <c r="CN22" s="61">
        <v>184</v>
      </c>
      <c r="CO22" s="62">
        <v>390</v>
      </c>
      <c r="CP22" s="443">
        <v>0</v>
      </c>
      <c r="CQ22" s="61">
        <v>428</v>
      </c>
      <c r="CR22" s="61">
        <v>343</v>
      </c>
      <c r="CS22" s="61">
        <v>215</v>
      </c>
      <c r="CT22" s="61">
        <v>153</v>
      </c>
      <c r="CU22" s="61">
        <v>109</v>
      </c>
      <c r="CV22" s="62">
        <v>1248</v>
      </c>
      <c r="CW22" s="63">
        <v>1638</v>
      </c>
      <c r="CX22" s="113">
        <v>379</v>
      </c>
      <c r="CY22" s="72">
        <v>424</v>
      </c>
      <c r="CZ22" s="73">
        <v>803</v>
      </c>
      <c r="DA22" s="443">
        <v>0</v>
      </c>
      <c r="DB22" s="72">
        <v>673</v>
      </c>
      <c r="DC22" s="72">
        <v>505</v>
      </c>
      <c r="DD22" s="72">
        <v>419</v>
      </c>
      <c r="DE22" s="72">
        <v>342</v>
      </c>
      <c r="DF22" s="72">
        <v>248</v>
      </c>
      <c r="DG22" s="74">
        <v>2187</v>
      </c>
      <c r="DH22" s="75">
        <v>2990</v>
      </c>
      <c r="DI22" s="76">
        <v>9</v>
      </c>
      <c r="DJ22" s="61">
        <v>11</v>
      </c>
      <c r="DK22" s="62">
        <v>20</v>
      </c>
      <c r="DL22" s="443">
        <v>0</v>
      </c>
      <c r="DM22" s="61">
        <v>13</v>
      </c>
      <c r="DN22" s="61">
        <v>16</v>
      </c>
      <c r="DO22" s="61">
        <v>6</v>
      </c>
      <c r="DP22" s="61">
        <v>3</v>
      </c>
      <c r="DQ22" s="61">
        <v>1</v>
      </c>
      <c r="DR22" s="62">
        <v>39</v>
      </c>
      <c r="DS22" s="63">
        <v>59</v>
      </c>
      <c r="DT22" s="60">
        <v>27</v>
      </c>
      <c r="DU22" s="61">
        <v>33</v>
      </c>
      <c r="DV22" s="62">
        <v>60</v>
      </c>
      <c r="DW22" s="443">
        <v>0</v>
      </c>
      <c r="DX22" s="61">
        <v>40</v>
      </c>
      <c r="DY22" s="61">
        <v>21</v>
      </c>
      <c r="DZ22" s="61">
        <v>13</v>
      </c>
      <c r="EA22" s="61">
        <v>15</v>
      </c>
      <c r="EB22" s="61">
        <v>17</v>
      </c>
      <c r="EC22" s="62">
        <v>106</v>
      </c>
      <c r="ED22" s="63">
        <v>166</v>
      </c>
      <c r="EE22" s="76">
        <v>55</v>
      </c>
      <c r="EF22" s="61">
        <v>70</v>
      </c>
      <c r="EG22" s="62">
        <v>125</v>
      </c>
      <c r="EH22" s="443">
        <v>0</v>
      </c>
      <c r="EI22" s="61">
        <v>87</v>
      </c>
      <c r="EJ22" s="61">
        <v>56</v>
      </c>
      <c r="EK22" s="61">
        <v>44</v>
      </c>
      <c r="EL22" s="61">
        <v>33</v>
      </c>
      <c r="EM22" s="61">
        <v>23</v>
      </c>
      <c r="EN22" s="62">
        <v>243</v>
      </c>
      <c r="EO22" s="63">
        <v>368</v>
      </c>
      <c r="EP22" s="60">
        <v>122</v>
      </c>
      <c r="EQ22" s="61">
        <v>105</v>
      </c>
      <c r="ER22" s="62">
        <v>227</v>
      </c>
      <c r="ES22" s="443">
        <v>0</v>
      </c>
      <c r="ET22" s="61">
        <v>179</v>
      </c>
      <c r="EU22" s="61">
        <v>132</v>
      </c>
      <c r="EV22" s="61">
        <v>85</v>
      </c>
      <c r="EW22" s="61">
        <v>76</v>
      </c>
      <c r="EX22" s="61">
        <v>47</v>
      </c>
      <c r="EY22" s="62">
        <v>519</v>
      </c>
      <c r="EZ22" s="63">
        <v>746</v>
      </c>
      <c r="FA22" s="76">
        <v>112</v>
      </c>
      <c r="FB22" s="61">
        <v>121</v>
      </c>
      <c r="FC22" s="62">
        <v>233</v>
      </c>
      <c r="FD22" s="443">
        <v>0</v>
      </c>
      <c r="FE22" s="61">
        <v>191</v>
      </c>
      <c r="FF22" s="61">
        <v>136</v>
      </c>
      <c r="FG22" s="61">
        <v>117</v>
      </c>
      <c r="FH22" s="61">
        <v>79</v>
      </c>
      <c r="FI22" s="61">
        <v>59</v>
      </c>
      <c r="FJ22" s="62">
        <v>582</v>
      </c>
      <c r="FK22" s="63">
        <v>815</v>
      </c>
      <c r="FL22" s="60">
        <v>54</v>
      </c>
      <c r="FM22" s="61">
        <v>84</v>
      </c>
      <c r="FN22" s="62">
        <v>138</v>
      </c>
      <c r="FO22" s="443">
        <v>0</v>
      </c>
      <c r="FP22" s="61">
        <v>163</v>
      </c>
      <c r="FQ22" s="61">
        <v>144</v>
      </c>
      <c r="FR22" s="61">
        <v>154</v>
      </c>
      <c r="FS22" s="61">
        <v>136</v>
      </c>
      <c r="FT22" s="61">
        <v>101</v>
      </c>
      <c r="FU22" s="62">
        <v>698</v>
      </c>
      <c r="FV22" s="63">
        <v>836</v>
      </c>
      <c r="FW22" s="60">
        <v>4</v>
      </c>
      <c r="FX22" s="61">
        <v>6</v>
      </c>
      <c r="FY22" s="62">
        <v>10</v>
      </c>
      <c r="FZ22" s="443">
        <v>0</v>
      </c>
      <c r="GA22" s="61">
        <v>4</v>
      </c>
      <c r="GB22" s="61">
        <v>14</v>
      </c>
      <c r="GC22" s="61">
        <v>6</v>
      </c>
      <c r="GD22" s="61">
        <v>4</v>
      </c>
      <c r="GE22" s="61">
        <v>5</v>
      </c>
      <c r="GF22" s="62">
        <v>33</v>
      </c>
      <c r="GG22" s="63">
        <v>43</v>
      </c>
      <c r="GH22" s="60">
        <v>383</v>
      </c>
      <c r="GI22" s="61">
        <v>430</v>
      </c>
      <c r="GJ22" s="62">
        <v>813</v>
      </c>
      <c r="GK22" s="443">
        <v>0</v>
      </c>
      <c r="GL22" s="61">
        <v>677</v>
      </c>
      <c r="GM22" s="61">
        <v>519</v>
      </c>
      <c r="GN22" s="61">
        <v>425</v>
      </c>
      <c r="GO22" s="61">
        <v>346</v>
      </c>
      <c r="GP22" s="61">
        <v>253</v>
      </c>
      <c r="GQ22" s="62">
        <v>2220</v>
      </c>
      <c r="GR22" s="63">
        <v>3033</v>
      </c>
      <c r="GS22" s="113">
        <v>580</v>
      </c>
      <c r="GT22" s="72">
        <v>599</v>
      </c>
      <c r="GU22" s="73">
        <v>1179</v>
      </c>
      <c r="GV22" s="224">
        <v>0</v>
      </c>
      <c r="GW22" s="72">
        <v>1084</v>
      </c>
      <c r="GX22" s="72">
        <v>841</v>
      </c>
      <c r="GY22" s="72">
        <v>624</v>
      </c>
      <c r="GZ22" s="72">
        <v>488</v>
      </c>
      <c r="HA22" s="72">
        <v>353</v>
      </c>
      <c r="HB22" s="74">
        <v>3390</v>
      </c>
      <c r="HC22" s="75">
        <v>4569</v>
      </c>
      <c r="HD22" s="76">
        <v>14</v>
      </c>
      <c r="HE22" s="61">
        <v>21</v>
      </c>
      <c r="HF22" s="62">
        <v>35</v>
      </c>
      <c r="HG22" s="227">
        <v>0</v>
      </c>
      <c r="HH22" s="61">
        <v>32</v>
      </c>
      <c r="HI22" s="61">
        <v>30</v>
      </c>
      <c r="HJ22" s="61">
        <v>16</v>
      </c>
      <c r="HK22" s="61">
        <v>10</v>
      </c>
      <c r="HL22" s="61">
        <v>6</v>
      </c>
      <c r="HM22" s="62">
        <v>94</v>
      </c>
      <c r="HN22" s="63">
        <v>129</v>
      </c>
      <c r="HO22" s="60">
        <v>45</v>
      </c>
      <c r="HP22" s="61">
        <v>52</v>
      </c>
      <c r="HQ22" s="62">
        <v>97</v>
      </c>
      <c r="HR22" s="443">
        <v>0</v>
      </c>
      <c r="HS22" s="61">
        <v>81</v>
      </c>
      <c r="HT22" s="61">
        <v>60</v>
      </c>
      <c r="HU22" s="61">
        <v>30</v>
      </c>
      <c r="HV22" s="61">
        <v>26</v>
      </c>
      <c r="HW22" s="61">
        <v>32</v>
      </c>
      <c r="HX22" s="62">
        <v>229</v>
      </c>
      <c r="HY22" s="63">
        <v>326</v>
      </c>
      <c r="HZ22" s="76">
        <v>85</v>
      </c>
      <c r="IA22" s="61">
        <v>96</v>
      </c>
      <c r="IB22" s="62">
        <v>181</v>
      </c>
      <c r="IC22" s="443">
        <v>0</v>
      </c>
      <c r="ID22" s="61">
        <v>155</v>
      </c>
      <c r="IE22" s="61">
        <v>113</v>
      </c>
      <c r="IF22" s="61">
        <v>81</v>
      </c>
      <c r="IG22" s="61">
        <v>70</v>
      </c>
      <c r="IH22" s="61">
        <v>36</v>
      </c>
      <c r="II22" s="62">
        <v>455</v>
      </c>
      <c r="IJ22" s="63">
        <v>636</v>
      </c>
      <c r="IK22" s="60">
        <v>181</v>
      </c>
      <c r="IL22" s="61">
        <v>144</v>
      </c>
      <c r="IM22" s="62">
        <v>325</v>
      </c>
      <c r="IN22" s="443">
        <v>0</v>
      </c>
      <c r="IO22" s="61">
        <v>285</v>
      </c>
      <c r="IP22" s="61">
        <v>218</v>
      </c>
      <c r="IQ22" s="61">
        <v>143</v>
      </c>
      <c r="IR22" s="61">
        <v>110</v>
      </c>
      <c r="IS22" s="61">
        <v>73</v>
      </c>
      <c r="IT22" s="62">
        <v>829</v>
      </c>
      <c r="IU22" s="63">
        <v>1154</v>
      </c>
      <c r="IV22" s="76">
        <v>168</v>
      </c>
      <c r="IW22" s="61">
        <v>158</v>
      </c>
      <c r="IX22" s="62">
        <v>326</v>
      </c>
      <c r="IY22" s="443">
        <v>0</v>
      </c>
      <c r="IZ22" s="61">
        <v>297</v>
      </c>
      <c r="JA22" s="61">
        <v>215</v>
      </c>
      <c r="JB22" s="61">
        <v>161</v>
      </c>
      <c r="JC22" s="61">
        <v>120</v>
      </c>
      <c r="JD22" s="61">
        <v>89</v>
      </c>
      <c r="JE22" s="62">
        <v>882</v>
      </c>
      <c r="JF22" s="63">
        <v>1208</v>
      </c>
      <c r="JG22" s="60">
        <v>87</v>
      </c>
      <c r="JH22" s="61">
        <v>128</v>
      </c>
      <c r="JI22" s="62">
        <v>215</v>
      </c>
      <c r="JJ22" s="443">
        <v>0</v>
      </c>
      <c r="JK22" s="61">
        <v>234</v>
      </c>
      <c r="JL22" s="61">
        <v>205</v>
      </c>
      <c r="JM22" s="61">
        <v>193</v>
      </c>
      <c r="JN22" s="61">
        <v>152</v>
      </c>
      <c r="JO22" s="61">
        <v>117</v>
      </c>
      <c r="JP22" s="62">
        <v>901</v>
      </c>
      <c r="JQ22" s="63">
        <v>1116</v>
      </c>
      <c r="JR22" s="60">
        <v>9</v>
      </c>
      <c r="JS22" s="61">
        <v>15</v>
      </c>
      <c r="JT22" s="62">
        <v>24</v>
      </c>
      <c r="JU22" s="443">
        <v>0</v>
      </c>
      <c r="JV22" s="61">
        <v>21</v>
      </c>
      <c r="JW22" s="61">
        <v>21</v>
      </c>
      <c r="JX22" s="61">
        <v>16</v>
      </c>
      <c r="JY22" s="61">
        <v>11</v>
      </c>
      <c r="JZ22" s="61">
        <v>9</v>
      </c>
      <c r="KA22" s="62">
        <v>78</v>
      </c>
      <c r="KB22" s="63">
        <v>102</v>
      </c>
      <c r="KC22" s="60">
        <v>589</v>
      </c>
      <c r="KD22" s="61">
        <v>614</v>
      </c>
      <c r="KE22" s="62">
        <v>1203</v>
      </c>
      <c r="KF22" s="443">
        <v>0</v>
      </c>
      <c r="KG22" s="61">
        <v>1105</v>
      </c>
      <c r="KH22" s="61">
        <v>862</v>
      </c>
      <c r="KI22" s="61">
        <v>640</v>
      </c>
      <c r="KJ22" s="61">
        <v>499</v>
      </c>
      <c r="KK22" s="61">
        <v>362</v>
      </c>
      <c r="KL22" s="62">
        <v>3468</v>
      </c>
      <c r="KM22" s="63">
        <v>4671</v>
      </c>
    </row>
    <row r="23" spans="2:299" ht="21" customHeight="1" x14ac:dyDescent="0.2">
      <c r="B23" s="437" t="s">
        <v>20</v>
      </c>
      <c r="C23" s="287">
        <v>288</v>
      </c>
      <c r="D23" s="72">
        <v>319</v>
      </c>
      <c r="E23" s="73">
        <v>607</v>
      </c>
      <c r="F23" s="443">
        <v>0</v>
      </c>
      <c r="G23" s="72">
        <v>635</v>
      </c>
      <c r="H23" s="72">
        <v>366</v>
      </c>
      <c r="I23" s="72">
        <v>269</v>
      </c>
      <c r="J23" s="72">
        <v>223</v>
      </c>
      <c r="K23" s="72">
        <v>106</v>
      </c>
      <c r="L23" s="74">
        <v>1599</v>
      </c>
      <c r="M23" s="75">
        <v>2206</v>
      </c>
      <c r="N23" s="60">
        <v>7</v>
      </c>
      <c r="O23" s="61">
        <v>6</v>
      </c>
      <c r="P23" s="62">
        <v>13</v>
      </c>
      <c r="Q23" s="443">
        <v>0</v>
      </c>
      <c r="R23" s="61">
        <v>33</v>
      </c>
      <c r="S23" s="61">
        <v>20</v>
      </c>
      <c r="T23" s="61">
        <v>15</v>
      </c>
      <c r="U23" s="61">
        <v>12</v>
      </c>
      <c r="V23" s="61">
        <v>6</v>
      </c>
      <c r="W23" s="62">
        <v>86</v>
      </c>
      <c r="X23" s="63">
        <v>99</v>
      </c>
      <c r="Y23" s="60">
        <v>29</v>
      </c>
      <c r="Z23" s="61">
        <v>20</v>
      </c>
      <c r="AA23" s="62">
        <v>49</v>
      </c>
      <c r="AB23" s="443">
        <v>0</v>
      </c>
      <c r="AC23" s="61">
        <v>65</v>
      </c>
      <c r="AD23" s="61">
        <v>37</v>
      </c>
      <c r="AE23" s="61">
        <v>28</v>
      </c>
      <c r="AF23" s="61">
        <v>36</v>
      </c>
      <c r="AG23" s="61">
        <v>11</v>
      </c>
      <c r="AH23" s="62">
        <v>177</v>
      </c>
      <c r="AI23" s="63">
        <v>226</v>
      </c>
      <c r="AJ23" s="60">
        <v>53</v>
      </c>
      <c r="AK23" s="61">
        <v>57</v>
      </c>
      <c r="AL23" s="62">
        <v>110</v>
      </c>
      <c r="AM23" s="443">
        <v>0</v>
      </c>
      <c r="AN23" s="61">
        <v>88</v>
      </c>
      <c r="AO23" s="61">
        <v>65</v>
      </c>
      <c r="AP23" s="61">
        <v>43</v>
      </c>
      <c r="AQ23" s="61">
        <v>35</v>
      </c>
      <c r="AR23" s="61">
        <v>25</v>
      </c>
      <c r="AS23" s="62">
        <v>256</v>
      </c>
      <c r="AT23" s="63">
        <v>366</v>
      </c>
      <c r="AU23" s="60">
        <v>85</v>
      </c>
      <c r="AV23" s="61">
        <v>90</v>
      </c>
      <c r="AW23" s="62">
        <v>175</v>
      </c>
      <c r="AX23" s="443">
        <v>0</v>
      </c>
      <c r="AY23" s="61">
        <v>195</v>
      </c>
      <c r="AZ23" s="61">
        <v>97</v>
      </c>
      <c r="BA23" s="61">
        <v>82</v>
      </c>
      <c r="BB23" s="61">
        <v>62</v>
      </c>
      <c r="BC23" s="61">
        <v>22</v>
      </c>
      <c r="BD23" s="62">
        <v>458</v>
      </c>
      <c r="BE23" s="63">
        <v>633</v>
      </c>
      <c r="BF23" s="60">
        <v>80</v>
      </c>
      <c r="BG23" s="61">
        <v>97</v>
      </c>
      <c r="BH23" s="62">
        <v>177</v>
      </c>
      <c r="BI23" s="443">
        <v>0</v>
      </c>
      <c r="BJ23" s="61">
        <v>165</v>
      </c>
      <c r="BK23" s="61">
        <v>86</v>
      </c>
      <c r="BL23" s="61">
        <v>69</v>
      </c>
      <c r="BM23" s="61">
        <v>48</v>
      </c>
      <c r="BN23" s="61">
        <v>31</v>
      </c>
      <c r="BO23" s="62">
        <v>399</v>
      </c>
      <c r="BP23" s="63">
        <v>576</v>
      </c>
      <c r="BQ23" s="60">
        <v>34</v>
      </c>
      <c r="BR23" s="61">
        <v>49</v>
      </c>
      <c r="BS23" s="62">
        <v>83</v>
      </c>
      <c r="BT23" s="443">
        <v>0</v>
      </c>
      <c r="BU23" s="61">
        <v>89</v>
      </c>
      <c r="BV23" s="61">
        <v>61</v>
      </c>
      <c r="BW23" s="61">
        <v>32</v>
      </c>
      <c r="BX23" s="61">
        <v>30</v>
      </c>
      <c r="BY23" s="61">
        <v>11</v>
      </c>
      <c r="BZ23" s="62">
        <v>223</v>
      </c>
      <c r="CA23" s="63">
        <v>306</v>
      </c>
      <c r="CB23" s="60">
        <v>8</v>
      </c>
      <c r="CC23" s="61">
        <v>10</v>
      </c>
      <c r="CD23" s="62">
        <v>18</v>
      </c>
      <c r="CE23" s="443">
        <v>0</v>
      </c>
      <c r="CF23" s="61">
        <v>16</v>
      </c>
      <c r="CG23" s="61">
        <v>14</v>
      </c>
      <c r="CH23" s="61">
        <v>13</v>
      </c>
      <c r="CI23" s="61">
        <v>6</v>
      </c>
      <c r="CJ23" s="61">
        <v>9</v>
      </c>
      <c r="CK23" s="62">
        <v>58</v>
      </c>
      <c r="CL23" s="63">
        <v>76</v>
      </c>
      <c r="CM23" s="60">
        <v>296</v>
      </c>
      <c r="CN23" s="61">
        <v>329</v>
      </c>
      <c r="CO23" s="62">
        <v>625</v>
      </c>
      <c r="CP23" s="443">
        <v>0</v>
      </c>
      <c r="CQ23" s="61">
        <v>651</v>
      </c>
      <c r="CR23" s="61">
        <v>380</v>
      </c>
      <c r="CS23" s="61">
        <v>282</v>
      </c>
      <c r="CT23" s="61">
        <v>229</v>
      </c>
      <c r="CU23" s="61">
        <v>115</v>
      </c>
      <c r="CV23" s="62">
        <v>1657</v>
      </c>
      <c r="CW23" s="63">
        <v>2282</v>
      </c>
      <c r="CX23" s="113">
        <v>498</v>
      </c>
      <c r="CY23" s="72">
        <v>634</v>
      </c>
      <c r="CZ23" s="73">
        <v>1132</v>
      </c>
      <c r="DA23" s="443">
        <v>0</v>
      </c>
      <c r="DB23" s="72">
        <v>902</v>
      </c>
      <c r="DC23" s="72">
        <v>574</v>
      </c>
      <c r="DD23" s="72">
        <v>476</v>
      </c>
      <c r="DE23" s="72">
        <v>446</v>
      </c>
      <c r="DF23" s="72">
        <v>262</v>
      </c>
      <c r="DG23" s="74">
        <v>2660</v>
      </c>
      <c r="DH23" s="75">
        <v>3792</v>
      </c>
      <c r="DI23" s="60">
        <v>11</v>
      </c>
      <c r="DJ23" s="61">
        <v>12</v>
      </c>
      <c r="DK23" s="62">
        <v>23</v>
      </c>
      <c r="DL23" s="443">
        <v>0</v>
      </c>
      <c r="DM23" s="61">
        <v>24</v>
      </c>
      <c r="DN23" s="61">
        <v>16</v>
      </c>
      <c r="DO23" s="61">
        <v>7</v>
      </c>
      <c r="DP23" s="61">
        <v>12</v>
      </c>
      <c r="DQ23" s="61">
        <v>6</v>
      </c>
      <c r="DR23" s="62">
        <v>65</v>
      </c>
      <c r="DS23" s="63">
        <v>88</v>
      </c>
      <c r="DT23" s="60">
        <v>35</v>
      </c>
      <c r="DU23" s="61">
        <v>42</v>
      </c>
      <c r="DV23" s="62">
        <v>77</v>
      </c>
      <c r="DW23" s="443">
        <v>0</v>
      </c>
      <c r="DX23" s="61">
        <v>57</v>
      </c>
      <c r="DY23" s="61">
        <v>34</v>
      </c>
      <c r="DZ23" s="61">
        <v>22</v>
      </c>
      <c r="EA23" s="61">
        <v>22</v>
      </c>
      <c r="EB23" s="61">
        <v>21</v>
      </c>
      <c r="EC23" s="62">
        <v>156</v>
      </c>
      <c r="ED23" s="63">
        <v>233</v>
      </c>
      <c r="EE23" s="60">
        <v>72</v>
      </c>
      <c r="EF23" s="61">
        <v>103</v>
      </c>
      <c r="EG23" s="62">
        <v>175</v>
      </c>
      <c r="EH23" s="443">
        <v>0</v>
      </c>
      <c r="EI23" s="61">
        <v>155</v>
      </c>
      <c r="EJ23" s="61">
        <v>70</v>
      </c>
      <c r="EK23" s="61">
        <v>46</v>
      </c>
      <c r="EL23" s="61">
        <v>40</v>
      </c>
      <c r="EM23" s="61">
        <v>32</v>
      </c>
      <c r="EN23" s="62">
        <v>343</v>
      </c>
      <c r="EO23" s="63">
        <v>518</v>
      </c>
      <c r="EP23" s="60">
        <v>186</v>
      </c>
      <c r="EQ23" s="61">
        <v>182</v>
      </c>
      <c r="ER23" s="62">
        <v>368</v>
      </c>
      <c r="ES23" s="443">
        <v>0</v>
      </c>
      <c r="ET23" s="61">
        <v>216</v>
      </c>
      <c r="EU23" s="61">
        <v>135</v>
      </c>
      <c r="EV23" s="61">
        <v>102</v>
      </c>
      <c r="EW23" s="61">
        <v>75</v>
      </c>
      <c r="EX23" s="61">
        <v>58</v>
      </c>
      <c r="EY23" s="62">
        <v>586</v>
      </c>
      <c r="EZ23" s="63">
        <v>954</v>
      </c>
      <c r="FA23" s="60">
        <v>132</v>
      </c>
      <c r="FB23" s="61">
        <v>184</v>
      </c>
      <c r="FC23" s="62">
        <v>316</v>
      </c>
      <c r="FD23" s="443">
        <v>0</v>
      </c>
      <c r="FE23" s="61">
        <v>248</v>
      </c>
      <c r="FF23" s="61">
        <v>145</v>
      </c>
      <c r="FG23" s="61">
        <v>124</v>
      </c>
      <c r="FH23" s="61">
        <v>123</v>
      </c>
      <c r="FI23" s="61">
        <v>61</v>
      </c>
      <c r="FJ23" s="62">
        <v>701</v>
      </c>
      <c r="FK23" s="63">
        <v>1017</v>
      </c>
      <c r="FL23" s="60">
        <v>62</v>
      </c>
      <c r="FM23" s="61">
        <v>111</v>
      </c>
      <c r="FN23" s="62">
        <v>173</v>
      </c>
      <c r="FO23" s="443">
        <v>0</v>
      </c>
      <c r="FP23" s="61">
        <v>202</v>
      </c>
      <c r="FQ23" s="61">
        <v>174</v>
      </c>
      <c r="FR23" s="61">
        <v>175</v>
      </c>
      <c r="FS23" s="61">
        <v>174</v>
      </c>
      <c r="FT23" s="61">
        <v>84</v>
      </c>
      <c r="FU23" s="62">
        <v>809</v>
      </c>
      <c r="FV23" s="63">
        <v>982</v>
      </c>
      <c r="FW23" s="60">
        <v>6</v>
      </c>
      <c r="FX23" s="61">
        <v>15</v>
      </c>
      <c r="FY23" s="62">
        <v>21</v>
      </c>
      <c r="FZ23" s="443">
        <v>0</v>
      </c>
      <c r="GA23" s="61">
        <v>15</v>
      </c>
      <c r="GB23" s="61">
        <v>12</v>
      </c>
      <c r="GC23" s="61">
        <v>6</v>
      </c>
      <c r="GD23" s="61">
        <v>8</v>
      </c>
      <c r="GE23" s="61">
        <v>7</v>
      </c>
      <c r="GF23" s="62">
        <v>48</v>
      </c>
      <c r="GG23" s="63">
        <v>69</v>
      </c>
      <c r="GH23" s="60">
        <v>504</v>
      </c>
      <c r="GI23" s="61">
        <v>649</v>
      </c>
      <c r="GJ23" s="62">
        <v>1153</v>
      </c>
      <c r="GK23" s="443">
        <v>0</v>
      </c>
      <c r="GL23" s="61">
        <v>917</v>
      </c>
      <c r="GM23" s="61">
        <v>586</v>
      </c>
      <c r="GN23" s="61">
        <v>482</v>
      </c>
      <c r="GO23" s="61">
        <v>454</v>
      </c>
      <c r="GP23" s="61">
        <v>269</v>
      </c>
      <c r="GQ23" s="62">
        <v>2708</v>
      </c>
      <c r="GR23" s="63">
        <v>3861</v>
      </c>
      <c r="GS23" s="113">
        <v>786</v>
      </c>
      <c r="GT23" s="72">
        <v>953</v>
      </c>
      <c r="GU23" s="73">
        <v>1739</v>
      </c>
      <c r="GV23" s="224">
        <v>0</v>
      </c>
      <c r="GW23" s="72">
        <v>1537</v>
      </c>
      <c r="GX23" s="72">
        <v>940</v>
      </c>
      <c r="GY23" s="72">
        <v>745</v>
      </c>
      <c r="GZ23" s="72">
        <v>669</v>
      </c>
      <c r="HA23" s="72">
        <v>368</v>
      </c>
      <c r="HB23" s="74">
        <v>4259</v>
      </c>
      <c r="HC23" s="75">
        <v>5998</v>
      </c>
      <c r="HD23" s="60">
        <v>18</v>
      </c>
      <c r="HE23" s="61">
        <v>18</v>
      </c>
      <c r="HF23" s="62">
        <v>36</v>
      </c>
      <c r="HG23" s="227">
        <v>0</v>
      </c>
      <c r="HH23" s="61">
        <v>57</v>
      </c>
      <c r="HI23" s="61">
        <v>36</v>
      </c>
      <c r="HJ23" s="61">
        <v>22</v>
      </c>
      <c r="HK23" s="61">
        <v>24</v>
      </c>
      <c r="HL23" s="61">
        <v>12</v>
      </c>
      <c r="HM23" s="62">
        <v>151</v>
      </c>
      <c r="HN23" s="63">
        <v>187</v>
      </c>
      <c r="HO23" s="60">
        <v>64</v>
      </c>
      <c r="HP23" s="61">
        <v>62</v>
      </c>
      <c r="HQ23" s="62">
        <v>126</v>
      </c>
      <c r="HR23" s="443">
        <v>0</v>
      </c>
      <c r="HS23" s="61">
        <v>122</v>
      </c>
      <c r="HT23" s="61">
        <v>71</v>
      </c>
      <c r="HU23" s="61">
        <v>50</v>
      </c>
      <c r="HV23" s="61">
        <v>58</v>
      </c>
      <c r="HW23" s="61">
        <v>32</v>
      </c>
      <c r="HX23" s="62">
        <v>333</v>
      </c>
      <c r="HY23" s="63">
        <v>459</v>
      </c>
      <c r="HZ23" s="60">
        <v>125</v>
      </c>
      <c r="IA23" s="61">
        <v>160</v>
      </c>
      <c r="IB23" s="62">
        <v>285</v>
      </c>
      <c r="IC23" s="443">
        <v>0</v>
      </c>
      <c r="ID23" s="61">
        <v>243</v>
      </c>
      <c r="IE23" s="61">
        <v>135</v>
      </c>
      <c r="IF23" s="61">
        <v>89</v>
      </c>
      <c r="IG23" s="61">
        <v>75</v>
      </c>
      <c r="IH23" s="61">
        <v>57</v>
      </c>
      <c r="II23" s="62">
        <v>599</v>
      </c>
      <c r="IJ23" s="63">
        <v>884</v>
      </c>
      <c r="IK23" s="60">
        <v>271</v>
      </c>
      <c r="IL23" s="61">
        <v>272</v>
      </c>
      <c r="IM23" s="62">
        <v>543</v>
      </c>
      <c r="IN23" s="443">
        <v>0</v>
      </c>
      <c r="IO23" s="61">
        <v>411</v>
      </c>
      <c r="IP23" s="61">
        <v>232</v>
      </c>
      <c r="IQ23" s="61">
        <v>184</v>
      </c>
      <c r="IR23" s="61">
        <v>137</v>
      </c>
      <c r="IS23" s="61">
        <v>80</v>
      </c>
      <c r="IT23" s="62">
        <v>1044</v>
      </c>
      <c r="IU23" s="63">
        <v>1587</v>
      </c>
      <c r="IV23" s="60">
        <v>212</v>
      </c>
      <c r="IW23" s="61">
        <v>281</v>
      </c>
      <c r="IX23" s="62">
        <v>493</v>
      </c>
      <c r="IY23" s="443">
        <v>0</v>
      </c>
      <c r="IZ23" s="61">
        <v>413</v>
      </c>
      <c r="JA23" s="61">
        <v>231</v>
      </c>
      <c r="JB23" s="61">
        <v>193</v>
      </c>
      <c r="JC23" s="61">
        <v>171</v>
      </c>
      <c r="JD23" s="61">
        <v>92</v>
      </c>
      <c r="JE23" s="62">
        <v>1100</v>
      </c>
      <c r="JF23" s="63">
        <v>1593</v>
      </c>
      <c r="JG23" s="60">
        <v>96</v>
      </c>
      <c r="JH23" s="61">
        <v>160</v>
      </c>
      <c r="JI23" s="62">
        <v>256</v>
      </c>
      <c r="JJ23" s="443">
        <v>0</v>
      </c>
      <c r="JK23" s="61">
        <v>291</v>
      </c>
      <c r="JL23" s="61">
        <v>235</v>
      </c>
      <c r="JM23" s="61">
        <v>207</v>
      </c>
      <c r="JN23" s="61">
        <v>204</v>
      </c>
      <c r="JO23" s="61">
        <v>95</v>
      </c>
      <c r="JP23" s="62">
        <v>1032</v>
      </c>
      <c r="JQ23" s="63">
        <v>1288</v>
      </c>
      <c r="JR23" s="60">
        <v>14</v>
      </c>
      <c r="JS23" s="61">
        <v>25</v>
      </c>
      <c r="JT23" s="62">
        <v>39</v>
      </c>
      <c r="JU23" s="443">
        <v>0</v>
      </c>
      <c r="JV23" s="61">
        <v>31</v>
      </c>
      <c r="JW23" s="61">
        <v>26</v>
      </c>
      <c r="JX23" s="61">
        <v>19</v>
      </c>
      <c r="JY23" s="61">
        <v>14</v>
      </c>
      <c r="JZ23" s="61">
        <v>16</v>
      </c>
      <c r="KA23" s="62">
        <v>106</v>
      </c>
      <c r="KB23" s="63">
        <v>145</v>
      </c>
      <c r="KC23" s="60">
        <v>800</v>
      </c>
      <c r="KD23" s="61">
        <v>978</v>
      </c>
      <c r="KE23" s="62">
        <v>1778</v>
      </c>
      <c r="KF23" s="443">
        <v>0</v>
      </c>
      <c r="KG23" s="61">
        <v>1568</v>
      </c>
      <c r="KH23" s="61">
        <v>966</v>
      </c>
      <c r="KI23" s="61">
        <v>764</v>
      </c>
      <c r="KJ23" s="61">
        <v>683</v>
      </c>
      <c r="KK23" s="61">
        <v>384</v>
      </c>
      <c r="KL23" s="62">
        <v>4365</v>
      </c>
      <c r="KM23" s="63">
        <v>6143</v>
      </c>
    </row>
    <row r="24" spans="2:299" ht="21" customHeight="1" x14ac:dyDescent="0.2">
      <c r="B24" s="437" t="s">
        <v>21</v>
      </c>
      <c r="C24" s="287">
        <v>306</v>
      </c>
      <c r="D24" s="72">
        <v>251</v>
      </c>
      <c r="E24" s="73">
        <v>557</v>
      </c>
      <c r="F24" s="443">
        <v>0</v>
      </c>
      <c r="G24" s="72">
        <v>457</v>
      </c>
      <c r="H24" s="72">
        <v>427</v>
      </c>
      <c r="I24" s="72">
        <v>288</v>
      </c>
      <c r="J24" s="72">
        <v>229</v>
      </c>
      <c r="K24" s="72">
        <v>137</v>
      </c>
      <c r="L24" s="74">
        <v>1538</v>
      </c>
      <c r="M24" s="75">
        <v>2095</v>
      </c>
      <c r="N24" s="60">
        <v>15</v>
      </c>
      <c r="O24" s="61">
        <v>14</v>
      </c>
      <c r="P24" s="62">
        <v>29</v>
      </c>
      <c r="Q24" s="443">
        <v>0</v>
      </c>
      <c r="R24" s="61">
        <v>19</v>
      </c>
      <c r="S24" s="61">
        <v>18</v>
      </c>
      <c r="T24" s="61">
        <v>17</v>
      </c>
      <c r="U24" s="61">
        <v>16</v>
      </c>
      <c r="V24" s="61">
        <v>14</v>
      </c>
      <c r="W24" s="62">
        <v>84</v>
      </c>
      <c r="X24" s="63">
        <v>113</v>
      </c>
      <c r="Y24" s="60">
        <v>28</v>
      </c>
      <c r="Z24" s="61">
        <v>25</v>
      </c>
      <c r="AA24" s="62">
        <v>53</v>
      </c>
      <c r="AB24" s="443">
        <v>0</v>
      </c>
      <c r="AC24" s="61">
        <v>37</v>
      </c>
      <c r="AD24" s="61">
        <v>51</v>
      </c>
      <c r="AE24" s="61">
        <v>33</v>
      </c>
      <c r="AF24" s="61">
        <v>26</v>
      </c>
      <c r="AG24" s="61">
        <v>20</v>
      </c>
      <c r="AH24" s="62">
        <v>167</v>
      </c>
      <c r="AI24" s="63">
        <v>220</v>
      </c>
      <c r="AJ24" s="60">
        <v>56</v>
      </c>
      <c r="AK24" s="61">
        <v>48</v>
      </c>
      <c r="AL24" s="62">
        <v>104</v>
      </c>
      <c r="AM24" s="443">
        <v>0</v>
      </c>
      <c r="AN24" s="61">
        <v>85</v>
      </c>
      <c r="AO24" s="61">
        <v>69</v>
      </c>
      <c r="AP24" s="61">
        <v>53</v>
      </c>
      <c r="AQ24" s="61">
        <v>48</v>
      </c>
      <c r="AR24" s="61">
        <v>23</v>
      </c>
      <c r="AS24" s="62">
        <v>278</v>
      </c>
      <c r="AT24" s="63">
        <v>382</v>
      </c>
      <c r="AU24" s="60">
        <v>83</v>
      </c>
      <c r="AV24" s="61">
        <v>55</v>
      </c>
      <c r="AW24" s="62">
        <v>138</v>
      </c>
      <c r="AX24" s="443">
        <v>0</v>
      </c>
      <c r="AY24" s="61">
        <v>134</v>
      </c>
      <c r="AZ24" s="61">
        <v>130</v>
      </c>
      <c r="BA24" s="61">
        <v>75</v>
      </c>
      <c r="BB24" s="61">
        <v>60</v>
      </c>
      <c r="BC24" s="61">
        <v>30</v>
      </c>
      <c r="BD24" s="62">
        <v>429</v>
      </c>
      <c r="BE24" s="63">
        <v>567</v>
      </c>
      <c r="BF24" s="60">
        <v>91</v>
      </c>
      <c r="BG24" s="61">
        <v>68</v>
      </c>
      <c r="BH24" s="62">
        <v>159</v>
      </c>
      <c r="BI24" s="443">
        <v>0</v>
      </c>
      <c r="BJ24" s="61">
        <v>133</v>
      </c>
      <c r="BK24" s="61">
        <v>95</v>
      </c>
      <c r="BL24" s="61">
        <v>57</v>
      </c>
      <c r="BM24" s="61">
        <v>48</v>
      </c>
      <c r="BN24" s="61">
        <v>30</v>
      </c>
      <c r="BO24" s="62">
        <v>363</v>
      </c>
      <c r="BP24" s="63">
        <v>522</v>
      </c>
      <c r="BQ24" s="60">
        <v>33</v>
      </c>
      <c r="BR24" s="61">
        <v>41</v>
      </c>
      <c r="BS24" s="62">
        <v>74</v>
      </c>
      <c r="BT24" s="443">
        <v>0</v>
      </c>
      <c r="BU24" s="61">
        <v>49</v>
      </c>
      <c r="BV24" s="61">
        <v>64</v>
      </c>
      <c r="BW24" s="61">
        <v>53</v>
      </c>
      <c r="BX24" s="61">
        <v>31</v>
      </c>
      <c r="BY24" s="61">
        <v>20</v>
      </c>
      <c r="BZ24" s="62">
        <v>217</v>
      </c>
      <c r="CA24" s="63">
        <v>291</v>
      </c>
      <c r="CB24" s="60">
        <v>13</v>
      </c>
      <c r="CC24" s="61">
        <v>13</v>
      </c>
      <c r="CD24" s="62">
        <v>26</v>
      </c>
      <c r="CE24" s="443">
        <v>0</v>
      </c>
      <c r="CF24" s="61">
        <v>9</v>
      </c>
      <c r="CG24" s="61">
        <v>22</v>
      </c>
      <c r="CH24" s="61">
        <v>13</v>
      </c>
      <c r="CI24" s="61">
        <v>8</v>
      </c>
      <c r="CJ24" s="61">
        <v>11</v>
      </c>
      <c r="CK24" s="62">
        <v>63</v>
      </c>
      <c r="CL24" s="63">
        <v>89</v>
      </c>
      <c r="CM24" s="60">
        <v>319</v>
      </c>
      <c r="CN24" s="61">
        <v>264</v>
      </c>
      <c r="CO24" s="62">
        <v>583</v>
      </c>
      <c r="CP24" s="443">
        <v>0</v>
      </c>
      <c r="CQ24" s="61">
        <v>466</v>
      </c>
      <c r="CR24" s="61">
        <v>449</v>
      </c>
      <c r="CS24" s="61">
        <v>301</v>
      </c>
      <c r="CT24" s="61">
        <v>237</v>
      </c>
      <c r="CU24" s="61">
        <v>148</v>
      </c>
      <c r="CV24" s="62">
        <v>1601</v>
      </c>
      <c r="CW24" s="63">
        <v>2184</v>
      </c>
      <c r="CX24" s="113">
        <v>593</v>
      </c>
      <c r="CY24" s="72">
        <v>584</v>
      </c>
      <c r="CZ24" s="73">
        <v>1177</v>
      </c>
      <c r="DA24" s="443">
        <v>0</v>
      </c>
      <c r="DB24" s="72">
        <v>785</v>
      </c>
      <c r="DC24" s="72">
        <v>714</v>
      </c>
      <c r="DD24" s="72">
        <v>606</v>
      </c>
      <c r="DE24" s="72">
        <v>464</v>
      </c>
      <c r="DF24" s="72">
        <v>340</v>
      </c>
      <c r="DG24" s="74">
        <v>2909</v>
      </c>
      <c r="DH24" s="75">
        <v>4086</v>
      </c>
      <c r="DI24" s="60">
        <v>15</v>
      </c>
      <c r="DJ24" s="61">
        <v>16</v>
      </c>
      <c r="DK24" s="62">
        <v>31</v>
      </c>
      <c r="DL24" s="443">
        <v>0</v>
      </c>
      <c r="DM24" s="61">
        <v>18</v>
      </c>
      <c r="DN24" s="61">
        <v>23</v>
      </c>
      <c r="DO24" s="61">
        <v>9</v>
      </c>
      <c r="DP24" s="61">
        <v>7</v>
      </c>
      <c r="DQ24" s="61">
        <v>15</v>
      </c>
      <c r="DR24" s="62">
        <v>72</v>
      </c>
      <c r="DS24" s="63">
        <v>103</v>
      </c>
      <c r="DT24" s="60">
        <v>40</v>
      </c>
      <c r="DU24" s="61">
        <v>34</v>
      </c>
      <c r="DV24" s="62">
        <v>74</v>
      </c>
      <c r="DW24" s="443">
        <v>0</v>
      </c>
      <c r="DX24" s="61">
        <v>46</v>
      </c>
      <c r="DY24" s="61">
        <v>35</v>
      </c>
      <c r="DZ24" s="61">
        <v>30</v>
      </c>
      <c r="EA24" s="61">
        <v>24</v>
      </c>
      <c r="EB24" s="61">
        <v>29</v>
      </c>
      <c r="EC24" s="62">
        <v>164</v>
      </c>
      <c r="ED24" s="63">
        <v>238</v>
      </c>
      <c r="EE24" s="60">
        <v>92</v>
      </c>
      <c r="EF24" s="61">
        <v>97</v>
      </c>
      <c r="EG24" s="62">
        <v>189</v>
      </c>
      <c r="EH24" s="443">
        <v>0</v>
      </c>
      <c r="EI24" s="61">
        <v>101</v>
      </c>
      <c r="EJ24" s="61">
        <v>79</v>
      </c>
      <c r="EK24" s="61">
        <v>66</v>
      </c>
      <c r="EL24" s="61">
        <v>44</v>
      </c>
      <c r="EM24" s="61">
        <v>34</v>
      </c>
      <c r="EN24" s="62">
        <v>324</v>
      </c>
      <c r="EO24" s="63">
        <v>513</v>
      </c>
      <c r="EP24" s="60">
        <v>188</v>
      </c>
      <c r="EQ24" s="61">
        <v>179</v>
      </c>
      <c r="ER24" s="62">
        <v>367</v>
      </c>
      <c r="ES24" s="443">
        <v>0</v>
      </c>
      <c r="ET24" s="61">
        <v>221</v>
      </c>
      <c r="EU24" s="61">
        <v>153</v>
      </c>
      <c r="EV24" s="61">
        <v>130</v>
      </c>
      <c r="EW24" s="61">
        <v>107</v>
      </c>
      <c r="EX24" s="61">
        <v>72</v>
      </c>
      <c r="EY24" s="62">
        <v>683</v>
      </c>
      <c r="EZ24" s="63">
        <v>1050</v>
      </c>
      <c r="FA24" s="60">
        <v>171</v>
      </c>
      <c r="FB24" s="61">
        <v>179</v>
      </c>
      <c r="FC24" s="62">
        <v>350</v>
      </c>
      <c r="FD24" s="443">
        <v>0</v>
      </c>
      <c r="FE24" s="61">
        <v>210</v>
      </c>
      <c r="FF24" s="61">
        <v>220</v>
      </c>
      <c r="FG24" s="61">
        <v>176</v>
      </c>
      <c r="FH24" s="61">
        <v>109</v>
      </c>
      <c r="FI24" s="61">
        <v>85</v>
      </c>
      <c r="FJ24" s="62">
        <v>800</v>
      </c>
      <c r="FK24" s="63">
        <v>1150</v>
      </c>
      <c r="FL24" s="60">
        <v>87</v>
      </c>
      <c r="FM24" s="61">
        <v>79</v>
      </c>
      <c r="FN24" s="62">
        <v>166</v>
      </c>
      <c r="FO24" s="443">
        <v>0</v>
      </c>
      <c r="FP24" s="61">
        <v>189</v>
      </c>
      <c r="FQ24" s="61">
        <v>204</v>
      </c>
      <c r="FR24" s="61">
        <v>195</v>
      </c>
      <c r="FS24" s="61">
        <v>173</v>
      </c>
      <c r="FT24" s="61">
        <v>105</v>
      </c>
      <c r="FU24" s="62">
        <v>866</v>
      </c>
      <c r="FV24" s="63">
        <v>1032</v>
      </c>
      <c r="FW24" s="60">
        <v>6</v>
      </c>
      <c r="FX24" s="61">
        <v>13</v>
      </c>
      <c r="FY24" s="62">
        <v>19</v>
      </c>
      <c r="FZ24" s="443">
        <v>0</v>
      </c>
      <c r="GA24" s="61">
        <v>3</v>
      </c>
      <c r="GB24" s="61">
        <v>18</v>
      </c>
      <c r="GC24" s="61">
        <v>16</v>
      </c>
      <c r="GD24" s="61">
        <v>7</v>
      </c>
      <c r="GE24" s="61">
        <v>8</v>
      </c>
      <c r="GF24" s="62">
        <v>52</v>
      </c>
      <c r="GG24" s="63">
        <v>71</v>
      </c>
      <c r="GH24" s="60">
        <v>599</v>
      </c>
      <c r="GI24" s="61">
        <v>597</v>
      </c>
      <c r="GJ24" s="62">
        <v>1196</v>
      </c>
      <c r="GK24" s="443">
        <v>0</v>
      </c>
      <c r="GL24" s="61">
        <v>788</v>
      </c>
      <c r="GM24" s="61">
        <v>732</v>
      </c>
      <c r="GN24" s="61">
        <v>622</v>
      </c>
      <c r="GO24" s="61">
        <v>471</v>
      </c>
      <c r="GP24" s="61">
        <v>348</v>
      </c>
      <c r="GQ24" s="62">
        <v>2961</v>
      </c>
      <c r="GR24" s="63">
        <v>4157</v>
      </c>
      <c r="GS24" s="113">
        <v>899</v>
      </c>
      <c r="GT24" s="72">
        <v>835</v>
      </c>
      <c r="GU24" s="73">
        <v>1734</v>
      </c>
      <c r="GV24" s="224">
        <v>0</v>
      </c>
      <c r="GW24" s="72">
        <v>1242</v>
      </c>
      <c r="GX24" s="72">
        <v>1141</v>
      </c>
      <c r="GY24" s="72">
        <v>894</v>
      </c>
      <c r="GZ24" s="72">
        <v>693</v>
      </c>
      <c r="HA24" s="72">
        <v>477</v>
      </c>
      <c r="HB24" s="74">
        <v>4447</v>
      </c>
      <c r="HC24" s="75">
        <v>6181</v>
      </c>
      <c r="HD24" s="60">
        <v>30</v>
      </c>
      <c r="HE24" s="61">
        <v>30</v>
      </c>
      <c r="HF24" s="62">
        <v>60</v>
      </c>
      <c r="HG24" s="227">
        <v>0</v>
      </c>
      <c r="HH24" s="61">
        <v>37</v>
      </c>
      <c r="HI24" s="61">
        <v>41</v>
      </c>
      <c r="HJ24" s="61">
        <v>26</v>
      </c>
      <c r="HK24" s="61">
        <v>23</v>
      </c>
      <c r="HL24" s="61">
        <v>29</v>
      </c>
      <c r="HM24" s="62">
        <v>156</v>
      </c>
      <c r="HN24" s="63">
        <v>216</v>
      </c>
      <c r="HO24" s="60">
        <v>68</v>
      </c>
      <c r="HP24" s="61">
        <v>59</v>
      </c>
      <c r="HQ24" s="62">
        <v>127</v>
      </c>
      <c r="HR24" s="443">
        <v>0</v>
      </c>
      <c r="HS24" s="61">
        <v>83</v>
      </c>
      <c r="HT24" s="61">
        <v>86</v>
      </c>
      <c r="HU24" s="61">
        <v>63</v>
      </c>
      <c r="HV24" s="61">
        <v>50</v>
      </c>
      <c r="HW24" s="61">
        <v>49</v>
      </c>
      <c r="HX24" s="62">
        <v>331</v>
      </c>
      <c r="HY24" s="63">
        <v>458</v>
      </c>
      <c r="HZ24" s="60">
        <v>148</v>
      </c>
      <c r="IA24" s="61">
        <v>145</v>
      </c>
      <c r="IB24" s="62">
        <v>293</v>
      </c>
      <c r="IC24" s="443">
        <v>0</v>
      </c>
      <c r="ID24" s="61">
        <v>186</v>
      </c>
      <c r="IE24" s="61">
        <v>148</v>
      </c>
      <c r="IF24" s="61">
        <v>119</v>
      </c>
      <c r="IG24" s="61">
        <v>92</v>
      </c>
      <c r="IH24" s="61">
        <v>57</v>
      </c>
      <c r="II24" s="62">
        <v>602</v>
      </c>
      <c r="IJ24" s="63">
        <v>895</v>
      </c>
      <c r="IK24" s="60">
        <v>271</v>
      </c>
      <c r="IL24" s="61">
        <v>234</v>
      </c>
      <c r="IM24" s="62">
        <v>505</v>
      </c>
      <c r="IN24" s="443">
        <v>0</v>
      </c>
      <c r="IO24" s="61">
        <v>355</v>
      </c>
      <c r="IP24" s="61">
        <v>283</v>
      </c>
      <c r="IQ24" s="61">
        <v>205</v>
      </c>
      <c r="IR24" s="61">
        <v>167</v>
      </c>
      <c r="IS24" s="61">
        <v>102</v>
      </c>
      <c r="IT24" s="62">
        <v>1112</v>
      </c>
      <c r="IU24" s="63">
        <v>1617</v>
      </c>
      <c r="IV24" s="60">
        <v>262</v>
      </c>
      <c r="IW24" s="61">
        <v>247</v>
      </c>
      <c r="IX24" s="62">
        <v>509</v>
      </c>
      <c r="IY24" s="443">
        <v>0</v>
      </c>
      <c r="IZ24" s="61">
        <v>343</v>
      </c>
      <c r="JA24" s="61">
        <v>315</v>
      </c>
      <c r="JB24" s="61">
        <v>233</v>
      </c>
      <c r="JC24" s="61">
        <v>157</v>
      </c>
      <c r="JD24" s="61">
        <v>115</v>
      </c>
      <c r="JE24" s="62">
        <v>1163</v>
      </c>
      <c r="JF24" s="63">
        <v>1672</v>
      </c>
      <c r="JG24" s="60">
        <v>120</v>
      </c>
      <c r="JH24" s="61">
        <v>120</v>
      </c>
      <c r="JI24" s="62">
        <v>240</v>
      </c>
      <c r="JJ24" s="443">
        <v>0</v>
      </c>
      <c r="JK24" s="61">
        <v>238</v>
      </c>
      <c r="JL24" s="61">
        <v>268</v>
      </c>
      <c r="JM24" s="61">
        <v>248</v>
      </c>
      <c r="JN24" s="61">
        <v>204</v>
      </c>
      <c r="JO24" s="61">
        <v>125</v>
      </c>
      <c r="JP24" s="62">
        <v>1083</v>
      </c>
      <c r="JQ24" s="63">
        <v>1323</v>
      </c>
      <c r="JR24" s="60">
        <v>19</v>
      </c>
      <c r="JS24" s="61">
        <v>26</v>
      </c>
      <c r="JT24" s="62">
        <v>45</v>
      </c>
      <c r="JU24" s="443">
        <v>0</v>
      </c>
      <c r="JV24" s="61">
        <v>12</v>
      </c>
      <c r="JW24" s="61">
        <v>40</v>
      </c>
      <c r="JX24" s="61">
        <v>29</v>
      </c>
      <c r="JY24" s="61">
        <v>15</v>
      </c>
      <c r="JZ24" s="61">
        <v>19</v>
      </c>
      <c r="KA24" s="62">
        <v>115</v>
      </c>
      <c r="KB24" s="63">
        <v>160</v>
      </c>
      <c r="KC24" s="60">
        <v>918</v>
      </c>
      <c r="KD24" s="61">
        <v>861</v>
      </c>
      <c r="KE24" s="62">
        <v>1779</v>
      </c>
      <c r="KF24" s="443">
        <v>0</v>
      </c>
      <c r="KG24" s="61">
        <v>1254</v>
      </c>
      <c r="KH24" s="61">
        <v>1181</v>
      </c>
      <c r="KI24" s="61">
        <v>923</v>
      </c>
      <c r="KJ24" s="61">
        <v>708</v>
      </c>
      <c r="KK24" s="61">
        <v>496</v>
      </c>
      <c r="KL24" s="62">
        <v>4562</v>
      </c>
      <c r="KM24" s="63">
        <v>6341</v>
      </c>
    </row>
    <row r="25" spans="2:299" ht="21" customHeight="1" x14ac:dyDescent="0.2">
      <c r="B25" s="437" t="s">
        <v>22</v>
      </c>
      <c r="C25" s="287">
        <v>82</v>
      </c>
      <c r="D25" s="72">
        <v>82</v>
      </c>
      <c r="E25" s="73">
        <v>164</v>
      </c>
      <c r="F25" s="443">
        <v>0</v>
      </c>
      <c r="G25" s="72">
        <v>186</v>
      </c>
      <c r="H25" s="72">
        <v>160</v>
      </c>
      <c r="I25" s="72">
        <v>97</v>
      </c>
      <c r="J25" s="72">
        <v>81</v>
      </c>
      <c r="K25" s="72">
        <v>50</v>
      </c>
      <c r="L25" s="74">
        <v>574</v>
      </c>
      <c r="M25" s="75">
        <v>738</v>
      </c>
      <c r="N25" s="60">
        <v>3</v>
      </c>
      <c r="O25" s="61">
        <v>4</v>
      </c>
      <c r="P25" s="62">
        <v>7</v>
      </c>
      <c r="Q25" s="443">
        <v>0</v>
      </c>
      <c r="R25" s="61">
        <v>4</v>
      </c>
      <c r="S25" s="61">
        <v>5</v>
      </c>
      <c r="T25" s="61">
        <v>3</v>
      </c>
      <c r="U25" s="61">
        <v>2</v>
      </c>
      <c r="V25" s="61">
        <v>3</v>
      </c>
      <c r="W25" s="62">
        <v>17</v>
      </c>
      <c r="X25" s="63">
        <v>24</v>
      </c>
      <c r="Y25" s="60">
        <v>4</v>
      </c>
      <c r="Z25" s="61">
        <v>6</v>
      </c>
      <c r="AA25" s="62">
        <v>10</v>
      </c>
      <c r="AB25" s="443">
        <v>0</v>
      </c>
      <c r="AC25" s="61">
        <v>10</v>
      </c>
      <c r="AD25" s="61">
        <v>13</v>
      </c>
      <c r="AE25" s="61">
        <v>6</v>
      </c>
      <c r="AF25" s="61">
        <v>7</v>
      </c>
      <c r="AG25" s="61">
        <v>11</v>
      </c>
      <c r="AH25" s="62">
        <v>47</v>
      </c>
      <c r="AI25" s="63">
        <v>57</v>
      </c>
      <c r="AJ25" s="60">
        <v>8</v>
      </c>
      <c r="AK25" s="61">
        <v>12</v>
      </c>
      <c r="AL25" s="62">
        <v>20</v>
      </c>
      <c r="AM25" s="443">
        <v>0</v>
      </c>
      <c r="AN25" s="61">
        <v>33</v>
      </c>
      <c r="AO25" s="61">
        <v>20</v>
      </c>
      <c r="AP25" s="61">
        <v>21</v>
      </c>
      <c r="AQ25" s="61">
        <v>14</v>
      </c>
      <c r="AR25" s="61">
        <v>10</v>
      </c>
      <c r="AS25" s="62">
        <v>98</v>
      </c>
      <c r="AT25" s="63">
        <v>118</v>
      </c>
      <c r="AU25" s="60">
        <v>24</v>
      </c>
      <c r="AV25" s="61">
        <v>28</v>
      </c>
      <c r="AW25" s="62">
        <v>52</v>
      </c>
      <c r="AX25" s="443">
        <v>0</v>
      </c>
      <c r="AY25" s="61">
        <v>37</v>
      </c>
      <c r="AZ25" s="61">
        <v>44</v>
      </c>
      <c r="BA25" s="61">
        <v>20</v>
      </c>
      <c r="BB25" s="61">
        <v>22</v>
      </c>
      <c r="BC25" s="61">
        <v>10</v>
      </c>
      <c r="BD25" s="62">
        <v>133</v>
      </c>
      <c r="BE25" s="63">
        <v>185</v>
      </c>
      <c r="BF25" s="60">
        <v>28</v>
      </c>
      <c r="BG25" s="61">
        <v>20</v>
      </c>
      <c r="BH25" s="62">
        <v>48</v>
      </c>
      <c r="BI25" s="443">
        <v>0</v>
      </c>
      <c r="BJ25" s="61">
        <v>52</v>
      </c>
      <c r="BK25" s="61">
        <v>42</v>
      </c>
      <c r="BL25" s="61">
        <v>23</v>
      </c>
      <c r="BM25" s="61">
        <v>18</v>
      </c>
      <c r="BN25" s="61">
        <v>8</v>
      </c>
      <c r="BO25" s="62">
        <v>143</v>
      </c>
      <c r="BP25" s="63">
        <v>191</v>
      </c>
      <c r="BQ25" s="60">
        <v>15</v>
      </c>
      <c r="BR25" s="61">
        <v>12</v>
      </c>
      <c r="BS25" s="62">
        <v>27</v>
      </c>
      <c r="BT25" s="443">
        <v>0</v>
      </c>
      <c r="BU25" s="61">
        <v>50</v>
      </c>
      <c r="BV25" s="61">
        <v>36</v>
      </c>
      <c r="BW25" s="61">
        <v>24</v>
      </c>
      <c r="BX25" s="61">
        <v>18</v>
      </c>
      <c r="BY25" s="61">
        <v>8</v>
      </c>
      <c r="BZ25" s="62">
        <v>136</v>
      </c>
      <c r="CA25" s="63">
        <v>163</v>
      </c>
      <c r="CB25" s="60">
        <v>2</v>
      </c>
      <c r="CC25" s="61">
        <v>4</v>
      </c>
      <c r="CD25" s="62">
        <v>6</v>
      </c>
      <c r="CE25" s="443">
        <v>0</v>
      </c>
      <c r="CF25" s="61">
        <v>9</v>
      </c>
      <c r="CG25" s="61">
        <v>2</v>
      </c>
      <c r="CH25" s="61">
        <v>2</v>
      </c>
      <c r="CI25" s="61">
        <v>2</v>
      </c>
      <c r="CJ25" s="61">
        <v>5</v>
      </c>
      <c r="CK25" s="62">
        <v>20</v>
      </c>
      <c r="CL25" s="63">
        <v>26</v>
      </c>
      <c r="CM25" s="60">
        <v>84</v>
      </c>
      <c r="CN25" s="61">
        <v>86</v>
      </c>
      <c r="CO25" s="62">
        <v>170</v>
      </c>
      <c r="CP25" s="443">
        <v>0</v>
      </c>
      <c r="CQ25" s="61">
        <v>195</v>
      </c>
      <c r="CR25" s="61">
        <v>162</v>
      </c>
      <c r="CS25" s="61">
        <v>99</v>
      </c>
      <c r="CT25" s="61">
        <v>83</v>
      </c>
      <c r="CU25" s="61">
        <v>55</v>
      </c>
      <c r="CV25" s="62">
        <v>594</v>
      </c>
      <c r="CW25" s="63">
        <v>764</v>
      </c>
      <c r="CX25" s="113">
        <v>131</v>
      </c>
      <c r="CY25" s="72">
        <v>256</v>
      </c>
      <c r="CZ25" s="73">
        <v>387</v>
      </c>
      <c r="DA25" s="443">
        <v>0</v>
      </c>
      <c r="DB25" s="72">
        <v>327</v>
      </c>
      <c r="DC25" s="72">
        <v>300</v>
      </c>
      <c r="DD25" s="72">
        <v>218</v>
      </c>
      <c r="DE25" s="72">
        <v>207</v>
      </c>
      <c r="DF25" s="72">
        <v>99</v>
      </c>
      <c r="DG25" s="74">
        <v>1151</v>
      </c>
      <c r="DH25" s="75">
        <v>1538</v>
      </c>
      <c r="DI25" s="60">
        <v>4</v>
      </c>
      <c r="DJ25" s="61">
        <v>6</v>
      </c>
      <c r="DK25" s="62">
        <v>10</v>
      </c>
      <c r="DL25" s="443">
        <v>0</v>
      </c>
      <c r="DM25" s="61">
        <v>4</v>
      </c>
      <c r="DN25" s="61">
        <v>5</v>
      </c>
      <c r="DO25" s="61">
        <v>6</v>
      </c>
      <c r="DP25" s="61">
        <v>2</v>
      </c>
      <c r="DQ25" s="61">
        <v>4</v>
      </c>
      <c r="DR25" s="62">
        <v>21</v>
      </c>
      <c r="DS25" s="63">
        <v>31</v>
      </c>
      <c r="DT25" s="60">
        <v>10</v>
      </c>
      <c r="DU25" s="61">
        <v>12</v>
      </c>
      <c r="DV25" s="62">
        <v>22</v>
      </c>
      <c r="DW25" s="443">
        <v>0</v>
      </c>
      <c r="DX25" s="61">
        <v>12</v>
      </c>
      <c r="DY25" s="61">
        <v>13</v>
      </c>
      <c r="DZ25" s="61">
        <v>4</v>
      </c>
      <c r="EA25" s="61">
        <v>6</v>
      </c>
      <c r="EB25" s="61">
        <v>1</v>
      </c>
      <c r="EC25" s="62">
        <v>36</v>
      </c>
      <c r="ED25" s="63">
        <v>58</v>
      </c>
      <c r="EE25" s="60">
        <v>28</v>
      </c>
      <c r="EF25" s="61">
        <v>38</v>
      </c>
      <c r="EG25" s="62">
        <v>66</v>
      </c>
      <c r="EH25" s="443">
        <v>0</v>
      </c>
      <c r="EI25" s="61">
        <v>33</v>
      </c>
      <c r="EJ25" s="61">
        <v>38</v>
      </c>
      <c r="EK25" s="61">
        <v>21</v>
      </c>
      <c r="EL25" s="61">
        <v>13</v>
      </c>
      <c r="EM25" s="61">
        <v>14</v>
      </c>
      <c r="EN25" s="62">
        <v>119</v>
      </c>
      <c r="EO25" s="63">
        <v>185</v>
      </c>
      <c r="EP25" s="60">
        <v>38</v>
      </c>
      <c r="EQ25" s="61">
        <v>81</v>
      </c>
      <c r="ER25" s="62">
        <v>119</v>
      </c>
      <c r="ES25" s="443">
        <v>0</v>
      </c>
      <c r="ET25" s="61">
        <v>77</v>
      </c>
      <c r="EU25" s="61">
        <v>53</v>
      </c>
      <c r="EV25" s="61">
        <v>45</v>
      </c>
      <c r="EW25" s="61">
        <v>38</v>
      </c>
      <c r="EX25" s="61">
        <v>16</v>
      </c>
      <c r="EY25" s="62">
        <v>229</v>
      </c>
      <c r="EZ25" s="63">
        <v>348</v>
      </c>
      <c r="FA25" s="60">
        <v>34</v>
      </c>
      <c r="FB25" s="61">
        <v>77</v>
      </c>
      <c r="FC25" s="62">
        <v>111</v>
      </c>
      <c r="FD25" s="443">
        <v>0</v>
      </c>
      <c r="FE25" s="61">
        <v>108</v>
      </c>
      <c r="FF25" s="61">
        <v>91</v>
      </c>
      <c r="FG25" s="61">
        <v>55</v>
      </c>
      <c r="FH25" s="61">
        <v>53</v>
      </c>
      <c r="FI25" s="61">
        <v>26</v>
      </c>
      <c r="FJ25" s="62">
        <v>333</v>
      </c>
      <c r="FK25" s="63">
        <v>444</v>
      </c>
      <c r="FL25" s="60">
        <v>17</v>
      </c>
      <c r="FM25" s="61">
        <v>42</v>
      </c>
      <c r="FN25" s="62">
        <v>59</v>
      </c>
      <c r="FO25" s="443">
        <v>0</v>
      </c>
      <c r="FP25" s="61">
        <v>93</v>
      </c>
      <c r="FQ25" s="61">
        <v>100</v>
      </c>
      <c r="FR25" s="61">
        <v>87</v>
      </c>
      <c r="FS25" s="61">
        <v>95</v>
      </c>
      <c r="FT25" s="61">
        <v>38</v>
      </c>
      <c r="FU25" s="62">
        <v>413</v>
      </c>
      <c r="FV25" s="63">
        <v>472</v>
      </c>
      <c r="FW25" s="60">
        <v>0</v>
      </c>
      <c r="FX25" s="61">
        <v>2</v>
      </c>
      <c r="FY25" s="62">
        <v>2</v>
      </c>
      <c r="FZ25" s="443">
        <v>0</v>
      </c>
      <c r="GA25" s="61">
        <v>4</v>
      </c>
      <c r="GB25" s="61">
        <v>8</v>
      </c>
      <c r="GC25" s="61">
        <v>2</v>
      </c>
      <c r="GD25" s="61">
        <v>1</v>
      </c>
      <c r="GE25" s="61">
        <v>2</v>
      </c>
      <c r="GF25" s="62">
        <v>17</v>
      </c>
      <c r="GG25" s="63">
        <v>19</v>
      </c>
      <c r="GH25" s="60">
        <v>131</v>
      </c>
      <c r="GI25" s="61">
        <v>258</v>
      </c>
      <c r="GJ25" s="62">
        <v>389</v>
      </c>
      <c r="GK25" s="443">
        <v>0</v>
      </c>
      <c r="GL25" s="61">
        <v>331</v>
      </c>
      <c r="GM25" s="61">
        <v>308</v>
      </c>
      <c r="GN25" s="61">
        <v>220</v>
      </c>
      <c r="GO25" s="61">
        <v>208</v>
      </c>
      <c r="GP25" s="61">
        <v>101</v>
      </c>
      <c r="GQ25" s="62">
        <v>1168</v>
      </c>
      <c r="GR25" s="63">
        <v>1557</v>
      </c>
      <c r="GS25" s="113">
        <v>213</v>
      </c>
      <c r="GT25" s="72">
        <v>338</v>
      </c>
      <c r="GU25" s="73">
        <v>551</v>
      </c>
      <c r="GV25" s="224">
        <v>0</v>
      </c>
      <c r="GW25" s="72">
        <v>513</v>
      </c>
      <c r="GX25" s="72">
        <v>460</v>
      </c>
      <c r="GY25" s="72">
        <v>315</v>
      </c>
      <c r="GZ25" s="72">
        <v>288</v>
      </c>
      <c r="HA25" s="72">
        <v>149</v>
      </c>
      <c r="HB25" s="74">
        <v>1725</v>
      </c>
      <c r="HC25" s="75">
        <v>2276</v>
      </c>
      <c r="HD25" s="60">
        <v>7</v>
      </c>
      <c r="HE25" s="61">
        <v>10</v>
      </c>
      <c r="HF25" s="62">
        <v>17</v>
      </c>
      <c r="HG25" s="227">
        <v>0</v>
      </c>
      <c r="HH25" s="61">
        <v>8</v>
      </c>
      <c r="HI25" s="61">
        <v>10</v>
      </c>
      <c r="HJ25" s="61">
        <v>9</v>
      </c>
      <c r="HK25" s="61">
        <v>4</v>
      </c>
      <c r="HL25" s="61">
        <v>7</v>
      </c>
      <c r="HM25" s="62">
        <v>38</v>
      </c>
      <c r="HN25" s="63">
        <v>55</v>
      </c>
      <c r="HO25" s="60">
        <v>14</v>
      </c>
      <c r="HP25" s="61">
        <v>18</v>
      </c>
      <c r="HQ25" s="62">
        <v>32</v>
      </c>
      <c r="HR25" s="443">
        <v>0</v>
      </c>
      <c r="HS25" s="61">
        <v>22</v>
      </c>
      <c r="HT25" s="61">
        <v>26</v>
      </c>
      <c r="HU25" s="61">
        <v>10</v>
      </c>
      <c r="HV25" s="61">
        <v>13</v>
      </c>
      <c r="HW25" s="61">
        <v>12</v>
      </c>
      <c r="HX25" s="62">
        <v>83</v>
      </c>
      <c r="HY25" s="63">
        <v>115</v>
      </c>
      <c r="HZ25" s="60">
        <v>36</v>
      </c>
      <c r="IA25" s="61">
        <v>50</v>
      </c>
      <c r="IB25" s="62">
        <v>86</v>
      </c>
      <c r="IC25" s="443">
        <v>0</v>
      </c>
      <c r="ID25" s="61">
        <v>66</v>
      </c>
      <c r="IE25" s="61">
        <v>58</v>
      </c>
      <c r="IF25" s="61">
        <v>42</v>
      </c>
      <c r="IG25" s="61">
        <v>27</v>
      </c>
      <c r="IH25" s="61">
        <v>24</v>
      </c>
      <c r="II25" s="62">
        <v>217</v>
      </c>
      <c r="IJ25" s="63">
        <v>303</v>
      </c>
      <c r="IK25" s="60">
        <v>62</v>
      </c>
      <c r="IL25" s="61">
        <v>109</v>
      </c>
      <c r="IM25" s="62">
        <v>171</v>
      </c>
      <c r="IN25" s="443">
        <v>0</v>
      </c>
      <c r="IO25" s="61">
        <v>114</v>
      </c>
      <c r="IP25" s="61">
        <v>97</v>
      </c>
      <c r="IQ25" s="61">
        <v>65</v>
      </c>
      <c r="IR25" s="61">
        <v>60</v>
      </c>
      <c r="IS25" s="61">
        <v>26</v>
      </c>
      <c r="IT25" s="62">
        <v>362</v>
      </c>
      <c r="IU25" s="63">
        <v>533</v>
      </c>
      <c r="IV25" s="60">
        <v>62</v>
      </c>
      <c r="IW25" s="61">
        <v>97</v>
      </c>
      <c r="IX25" s="62">
        <v>159</v>
      </c>
      <c r="IY25" s="443">
        <v>0</v>
      </c>
      <c r="IZ25" s="61">
        <v>160</v>
      </c>
      <c r="JA25" s="61">
        <v>133</v>
      </c>
      <c r="JB25" s="61">
        <v>78</v>
      </c>
      <c r="JC25" s="61">
        <v>71</v>
      </c>
      <c r="JD25" s="61">
        <v>34</v>
      </c>
      <c r="JE25" s="62">
        <v>476</v>
      </c>
      <c r="JF25" s="63">
        <v>635</v>
      </c>
      <c r="JG25" s="60">
        <v>32</v>
      </c>
      <c r="JH25" s="61">
        <v>54</v>
      </c>
      <c r="JI25" s="62">
        <v>86</v>
      </c>
      <c r="JJ25" s="443">
        <v>0</v>
      </c>
      <c r="JK25" s="61">
        <v>143</v>
      </c>
      <c r="JL25" s="61">
        <v>136</v>
      </c>
      <c r="JM25" s="61">
        <v>111</v>
      </c>
      <c r="JN25" s="61">
        <v>113</v>
      </c>
      <c r="JO25" s="61">
        <v>46</v>
      </c>
      <c r="JP25" s="62">
        <v>549</v>
      </c>
      <c r="JQ25" s="63">
        <v>635</v>
      </c>
      <c r="JR25" s="60">
        <v>2</v>
      </c>
      <c r="JS25" s="61">
        <v>6</v>
      </c>
      <c r="JT25" s="62">
        <v>8</v>
      </c>
      <c r="JU25" s="443">
        <v>0</v>
      </c>
      <c r="JV25" s="61">
        <v>13</v>
      </c>
      <c r="JW25" s="61">
        <v>10</v>
      </c>
      <c r="JX25" s="61">
        <v>4</v>
      </c>
      <c r="JY25" s="61">
        <v>3</v>
      </c>
      <c r="JZ25" s="61">
        <v>7</v>
      </c>
      <c r="KA25" s="62">
        <v>37</v>
      </c>
      <c r="KB25" s="63">
        <v>45</v>
      </c>
      <c r="KC25" s="60">
        <v>215</v>
      </c>
      <c r="KD25" s="61">
        <v>344</v>
      </c>
      <c r="KE25" s="62">
        <v>559</v>
      </c>
      <c r="KF25" s="443">
        <v>0</v>
      </c>
      <c r="KG25" s="61">
        <v>526</v>
      </c>
      <c r="KH25" s="61">
        <v>470</v>
      </c>
      <c r="KI25" s="61">
        <v>319</v>
      </c>
      <c r="KJ25" s="61">
        <v>291</v>
      </c>
      <c r="KK25" s="61">
        <v>156</v>
      </c>
      <c r="KL25" s="62">
        <v>1762</v>
      </c>
      <c r="KM25" s="63">
        <v>2321</v>
      </c>
    </row>
    <row r="26" spans="2:299" ht="21" customHeight="1" x14ac:dyDescent="0.2">
      <c r="B26" s="437" t="s">
        <v>23</v>
      </c>
      <c r="C26" s="287">
        <v>213</v>
      </c>
      <c r="D26" s="72">
        <v>202</v>
      </c>
      <c r="E26" s="73">
        <v>415</v>
      </c>
      <c r="F26" s="443">
        <v>0</v>
      </c>
      <c r="G26" s="72">
        <v>303</v>
      </c>
      <c r="H26" s="72">
        <v>271</v>
      </c>
      <c r="I26" s="72">
        <v>180</v>
      </c>
      <c r="J26" s="72">
        <v>146</v>
      </c>
      <c r="K26" s="72">
        <v>86</v>
      </c>
      <c r="L26" s="74">
        <v>986</v>
      </c>
      <c r="M26" s="75">
        <v>1401</v>
      </c>
      <c r="N26" s="60">
        <v>4</v>
      </c>
      <c r="O26" s="61">
        <v>9</v>
      </c>
      <c r="P26" s="62">
        <v>13</v>
      </c>
      <c r="Q26" s="443">
        <v>0</v>
      </c>
      <c r="R26" s="61">
        <v>10</v>
      </c>
      <c r="S26" s="61">
        <v>14</v>
      </c>
      <c r="T26" s="61">
        <v>1</v>
      </c>
      <c r="U26" s="61">
        <v>8</v>
      </c>
      <c r="V26" s="61">
        <v>3</v>
      </c>
      <c r="W26" s="62">
        <v>36</v>
      </c>
      <c r="X26" s="63">
        <v>49</v>
      </c>
      <c r="Y26" s="60">
        <v>18</v>
      </c>
      <c r="Z26" s="61">
        <v>26</v>
      </c>
      <c r="AA26" s="62">
        <v>44</v>
      </c>
      <c r="AB26" s="443">
        <v>0</v>
      </c>
      <c r="AC26" s="61">
        <v>20</v>
      </c>
      <c r="AD26" s="61">
        <v>29</v>
      </c>
      <c r="AE26" s="61">
        <v>21</v>
      </c>
      <c r="AF26" s="61">
        <v>16</v>
      </c>
      <c r="AG26" s="61">
        <v>10</v>
      </c>
      <c r="AH26" s="62">
        <v>96</v>
      </c>
      <c r="AI26" s="63">
        <v>140</v>
      </c>
      <c r="AJ26" s="60">
        <v>47</v>
      </c>
      <c r="AK26" s="61">
        <v>31</v>
      </c>
      <c r="AL26" s="62">
        <v>78</v>
      </c>
      <c r="AM26" s="443">
        <v>0</v>
      </c>
      <c r="AN26" s="61">
        <v>55</v>
      </c>
      <c r="AO26" s="61">
        <v>37</v>
      </c>
      <c r="AP26" s="61">
        <v>24</v>
      </c>
      <c r="AQ26" s="61">
        <v>20</v>
      </c>
      <c r="AR26" s="61">
        <v>19</v>
      </c>
      <c r="AS26" s="62">
        <v>155</v>
      </c>
      <c r="AT26" s="63">
        <v>233</v>
      </c>
      <c r="AU26" s="60">
        <v>56</v>
      </c>
      <c r="AV26" s="61">
        <v>64</v>
      </c>
      <c r="AW26" s="62">
        <v>120</v>
      </c>
      <c r="AX26" s="443">
        <v>0</v>
      </c>
      <c r="AY26" s="61">
        <v>92</v>
      </c>
      <c r="AZ26" s="61">
        <v>74</v>
      </c>
      <c r="BA26" s="61">
        <v>51</v>
      </c>
      <c r="BB26" s="61">
        <v>42</v>
      </c>
      <c r="BC26" s="61">
        <v>23</v>
      </c>
      <c r="BD26" s="62">
        <v>282</v>
      </c>
      <c r="BE26" s="63">
        <v>402</v>
      </c>
      <c r="BF26" s="60">
        <v>66</v>
      </c>
      <c r="BG26" s="61">
        <v>53</v>
      </c>
      <c r="BH26" s="62">
        <v>119</v>
      </c>
      <c r="BI26" s="443">
        <v>0</v>
      </c>
      <c r="BJ26" s="61">
        <v>97</v>
      </c>
      <c r="BK26" s="61">
        <v>71</v>
      </c>
      <c r="BL26" s="61">
        <v>55</v>
      </c>
      <c r="BM26" s="61">
        <v>32</v>
      </c>
      <c r="BN26" s="61">
        <v>21</v>
      </c>
      <c r="BO26" s="62">
        <v>276</v>
      </c>
      <c r="BP26" s="63">
        <v>395</v>
      </c>
      <c r="BQ26" s="60">
        <v>22</v>
      </c>
      <c r="BR26" s="61">
        <v>19</v>
      </c>
      <c r="BS26" s="62">
        <v>41</v>
      </c>
      <c r="BT26" s="443">
        <v>0</v>
      </c>
      <c r="BU26" s="61">
        <v>29</v>
      </c>
      <c r="BV26" s="61">
        <v>46</v>
      </c>
      <c r="BW26" s="61">
        <v>28</v>
      </c>
      <c r="BX26" s="61">
        <v>28</v>
      </c>
      <c r="BY26" s="61">
        <v>10</v>
      </c>
      <c r="BZ26" s="62">
        <v>141</v>
      </c>
      <c r="CA26" s="63">
        <v>182</v>
      </c>
      <c r="CB26" s="60">
        <v>5</v>
      </c>
      <c r="CC26" s="61">
        <v>11</v>
      </c>
      <c r="CD26" s="62">
        <v>16</v>
      </c>
      <c r="CE26" s="443">
        <v>0</v>
      </c>
      <c r="CF26" s="61">
        <v>6</v>
      </c>
      <c r="CG26" s="61">
        <v>14</v>
      </c>
      <c r="CH26" s="61">
        <v>9</v>
      </c>
      <c r="CI26" s="61">
        <v>9</v>
      </c>
      <c r="CJ26" s="61">
        <v>4</v>
      </c>
      <c r="CK26" s="62">
        <v>42</v>
      </c>
      <c r="CL26" s="63">
        <v>58</v>
      </c>
      <c r="CM26" s="60">
        <v>218</v>
      </c>
      <c r="CN26" s="61">
        <v>213</v>
      </c>
      <c r="CO26" s="62">
        <v>431</v>
      </c>
      <c r="CP26" s="443">
        <v>0</v>
      </c>
      <c r="CQ26" s="61">
        <v>309</v>
      </c>
      <c r="CR26" s="61">
        <v>285</v>
      </c>
      <c r="CS26" s="61">
        <v>189</v>
      </c>
      <c r="CT26" s="61">
        <v>155</v>
      </c>
      <c r="CU26" s="61">
        <v>90</v>
      </c>
      <c r="CV26" s="62">
        <v>1028</v>
      </c>
      <c r="CW26" s="63">
        <v>1459</v>
      </c>
      <c r="CX26" s="113">
        <v>336</v>
      </c>
      <c r="CY26" s="72">
        <v>439</v>
      </c>
      <c r="CZ26" s="73">
        <v>775</v>
      </c>
      <c r="DA26" s="443">
        <v>0</v>
      </c>
      <c r="DB26" s="72">
        <v>544</v>
      </c>
      <c r="DC26" s="72">
        <v>447</v>
      </c>
      <c r="DD26" s="72">
        <v>319</v>
      </c>
      <c r="DE26" s="72">
        <v>357</v>
      </c>
      <c r="DF26" s="72">
        <v>219</v>
      </c>
      <c r="DG26" s="74">
        <v>1886</v>
      </c>
      <c r="DH26" s="75">
        <v>2661</v>
      </c>
      <c r="DI26" s="60">
        <v>9</v>
      </c>
      <c r="DJ26" s="61">
        <v>13</v>
      </c>
      <c r="DK26" s="62">
        <v>22</v>
      </c>
      <c r="DL26" s="443">
        <v>0</v>
      </c>
      <c r="DM26" s="61">
        <v>11</v>
      </c>
      <c r="DN26" s="61">
        <v>8</v>
      </c>
      <c r="DO26" s="61">
        <v>7</v>
      </c>
      <c r="DP26" s="61">
        <v>7</v>
      </c>
      <c r="DQ26" s="61">
        <v>5</v>
      </c>
      <c r="DR26" s="62">
        <v>38</v>
      </c>
      <c r="DS26" s="63">
        <v>60</v>
      </c>
      <c r="DT26" s="60">
        <v>26</v>
      </c>
      <c r="DU26" s="61">
        <v>32</v>
      </c>
      <c r="DV26" s="62">
        <v>58</v>
      </c>
      <c r="DW26" s="443">
        <v>0</v>
      </c>
      <c r="DX26" s="61">
        <v>28</v>
      </c>
      <c r="DY26" s="61">
        <v>24</v>
      </c>
      <c r="DZ26" s="61">
        <v>18</v>
      </c>
      <c r="EA26" s="61">
        <v>19</v>
      </c>
      <c r="EB26" s="61">
        <v>11</v>
      </c>
      <c r="EC26" s="62">
        <v>100</v>
      </c>
      <c r="ED26" s="63">
        <v>158</v>
      </c>
      <c r="EE26" s="60">
        <v>67</v>
      </c>
      <c r="EF26" s="61">
        <v>80</v>
      </c>
      <c r="EG26" s="62">
        <v>147</v>
      </c>
      <c r="EH26" s="443">
        <v>0</v>
      </c>
      <c r="EI26" s="61">
        <v>76</v>
      </c>
      <c r="EJ26" s="61">
        <v>55</v>
      </c>
      <c r="EK26" s="61">
        <v>39</v>
      </c>
      <c r="EL26" s="61">
        <v>51</v>
      </c>
      <c r="EM26" s="61">
        <v>26</v>
      </c>
      <c r="EN26" s="62">
        <v>247</v>
      </c>
      <c r="EO26" s="63">
        <v>394</v>
      </c>
      <c r="EP26" s="60">
        <v>134</v>
      </c>
      <c r="EQ26" s="61">
        <v>138</v>
      </c>
      <c r="ER26" s="62">
        <v>272</v>
      </c>
      <c r="ES26" s="443">
        <v>0</v>
      </c>
      <c r="ET26" s="61">
        <v>139</v>
      </c>
      <c r="EU26" s="61">
        <v>117</v>
      </c>
      <c r="EV26" s="61">
        <v>74</v>
      </c>
      <c r="EW26" s="61">
        <v>73</v>
      </c>
      <c r="EX26" s="61">
        <v>50</v>
      </c>
      <c r="EY26" s="62">
        <v>453</v>
      </c>
      <c r="EZ26" s="63">
        <v>725</v>
      </c>
      <c r="FA26" s="60">
        <v>69</v>
      </c>
      <c r="FB26" s="61">
        <v>115</v>
      </c>
      <c r="FC26" s="62">
        <v>184</v>
      </c>
      <c r="FD26" s="443">
        <v>0</v>
      </c>
      <c r="FE26" s="61">
        <v>181</v>
      </c>
      <c r="FF26" s="61">
        <v>126</v>
      </c>
      <c r="FG26" s="61">
        <v>98</v>
      </c>
      <c r="FH26" s="61">
        <v>89</v>
      </c>
      <c r="FI26" s="61">
        <v>59</v>
      </c>
      <c r="FJ26" s="62">
        <v>553</v>
      </c>
      <c r="FK26" s="63">
        <v>737</v>
      </c>
      <c r="FL26" s="60">
        <v>31</v>
      </c>
      <c r="FM26" s="61">
        <v>61</v>
      </c>
      <c r="FN26" s="62">
        <v>92</v>
      </c>
      <c r="FO26" s="443">
        <v>0</v>
      </c>
      <c r="FP26" s="61">
        <v>109</v>
      </c>
      <c r="FQ26" s="61">
        <v>117</v>
      </c>
      <c r="FR26" s="61">
        <v>83</v>
      </c>
      <c r="FS26" s="61">
        <v>118</v>
      </c>
      <c r="FT26" s="61">
        <v>68</v>
      </c>
      <c r="FU26" s="62">
        <v>495</v>
      </c>
      <c r="FV26" s="63">
        <v>587</v>
      </c>
      <c r="FW26" s="60">
        <v>5</v>
      </c>
      <c r="FX26" s="61">
        <v>8</v>
      </c>
      <c r="FY26" s="62">
        <v>13</v>
      </c>
      <c r="FZ26" s="443">
        <v>0</v>
      </c>
      <c r="GA26" s="61">
        <v>7</v>
      </c>
      <c r="GB26" s="61">
        <v>8</v>
      </c>
      <c r="GC26" s="61">
        <v>4</v>
      </c>
      <c r="GD26" s="61">
        <v>2</v>
      </c>
      <c r="GE26" s="61">
        <v>4</v>
      </c>
      <c r="GF26" s="62">
        <v>25</v>
      </c>
      <c r="GG26" s="63">
        <v>38</v>
      </c>
      <c r="GH26" s="60">
        <v>341</v>
      </c>
      <c r="GI26" s="61">
        <v>447</v>
      </c>
      <c r="GJ26" s="62">
        <v>788</v>
      </c>
      <c r="GK26" s="443">
        <v>0</v>
      </c>
      <c r="GL26" s="61">
        <v>551</v>
      </c>
      <c r="GM26" s="61">
        <v>455</v>
      </c>
      <c r="GN26" s="61">
        <v>323</v>
      </c>
      <c r="GO26" s="61">
        <v>359</v>
      </c>
      <c r="GP26" s="61">
        <v>223</v>
      </c>
      <c r="GQ26" s="62">
        <v>1911</v>
      </c>
      <c r="GR26" s="63">
        <v>2699</v>
      </c>
      <c r="GS26" s="113">
        <v>549</v>
      </c>
      <c r="GT26" s="72">
        <v>641</v>
      </c>
      <c r="GU26" s="73">
        <v>1190</v>
      </c>
      <c r="GV26" s="224">
        <v>0</v>
      </c>
      <c r="GW26" s="72">
        <v>847</v>
      </c>
      <c r="GX26" s="72">
        <v>718</v>
      </c>
      <c r="GY26" s="72">
        <v>499</v>
      </c>
      <c r="GZ26" s="72">
        <v>503</v>
      </c>
      <c r="HA26" s="72">
        <v>305</v>
      </c>
      <c r="HB26" s="74">
        <v>2872</v>
      </c>
      <c r="HC26" s="75">
        <v>4062</v>
      </c>
      <c r="HD26" s="60">
        <v>13</v>
      </c>
      <c r="HE26" s="61">
        <v>22</v>
      </c>
      <c r="HF26" s="62">
        <v>35</v>
      </c>
      <c r="HG26" s="227">
        <v>0</v>
      </c>
      <c r="HH26" s="61">
        <v>21</v>
      </c>
      <c r="HI26" s="61">
        <v>22</v>
      </c>
      <c r="HJ26" s="61">
        <v>8</v>
      </c>
      <c r="HK26" s="61">
        <v>15</v>
      </c>
      <c r="HL26" s="61">
        <v>8</v>
      </c>
      <c r="HM26" s="62">
        <v>74</v>
      </c>
      <c r="HN26" s="63">
        <v>109</v>
      </c>
      <c r="HO26" s="60">
        <v>44</v>
      </c>
      <c r="HP26" s="61">
        <v>58</v>
      </c>
      <c r="HQ26" s="62">
        <v>102</v>
      </c>
      <c r="HR26" s="443">
        <v>0</v>
      </c>
      <c r="HS26" s="61">
        <v>48</v>
      </c>
      <c r="HT26" s="61">
        <v>53</v>
      </c>
      <c r="HU26" s="61">
        <v>39</v>
      </c>
      <c r="HV26" s="61">
        <v>35</v>
      </c>
      <c r="HW26" s="61">
        <v>21</v>
      </c>
      <c r="HX26" s="62">
        <v>196</v>
      </c>
      <c r="HY26" s="63">
        <v>298</v>
      </c>
      <c r="HZ26" s="60">
        <v>114</v>
      </c>
      <c r="IA26" s="61">
        <v>111</v>
      </c>
      <c r="IB26" s="62">
        <v>225</v>
      </c>
      <c r="IC26" s="443">
        <v>0</v>
      </c>
      <c r="ID26" s="61">
        <v>131</v>
      </c>
      <c r="IE26" s="61">
        <v>92</v>
      </c>
      <c r="IF26" s="61">
        <v>63</v>
      </c>
      <c r="IG26" s="61">
        <v>71</v>
      </c>
      <c r="IH26" s="61">
        <v>45</v>
      </c>
      <c r="II26" s="62">
        <v>402</v>
      </c>
      <c r="IJ26" s="63">
        <v>627</v>
      </c>
      <c r="IK26" s="60">
        <v>190</v>
      </c>
      <c r="IL26" s="61">
        <v>202</v>
      </c>
      <c r="IM26" s="62">
        <v>392</v>
      </c>
      <c r="IN26" s="443">
        <v>0</v>
      </c>
      <c r="IO26" s="61">
        <v>231</v>
      </c>
      <c r="IP26" s="61">
        <v>191</v>
      </c>
      <c r="IQ26" s="61">
        <v>125</v>
      </c>
      <c r="IR26" s="61">
        <v>115</v>
      </c>
      <c r="IS26" s="61">
        <v>73</v>
      </c>
      <c r="IT26" s="62">
        <v>735</v>
      </c>
      <c r="IU26" s="63">
        <v>1127</v>
      </c>
      <c r="IV26" s="60">
        <v>135</v>
      </c>
      <c r="IW26" s="61">
        <v>168</v>
      </c>
      <c r="IX26" s="62">
        <v>303</v>
      </c>
      <c r="IY26" s="443">
        <v>0</v>
      </c>
      <c r="IZ26" s="61">
        <v>278</v>
      </c>
      <c r="JA26" s="61">
        <v>197</v>
      </c>
      <c r="JB26" s="61">
        <v>153</v>
      </c>
      <c r="JC26" s="61">
        <v>121</v>
      </c>
      <c r="JD26" s="61">
        <v>80</v>
      </c>
      <c r="JE26" s="62">
        <v>829</v>
      </c>
      <c r="JF26" s="63">
        <v>1132</v>
      </c>
      <c r="JG26" s="60">
        <v>53</v>
      </c>
      <c r="JH26" s="61">
        <v>80</v>
      </c>
      <c r="JI26" s="62">
        <v>133</v>
      </c>
      <c r="JJ26" s="443">
        <v>0</v>
      </c>
      <c r="JK26" s="61">
        <v>138</v>
      </c>
      <c r="JL26" s="61">
        <v>163</v>
      </c>
      <c r="JM26" s="61">
        <v>111</v>
      </c>
      <c r="JN26" s="61">
        <v>146</v>
      </c>
      <c r="JO26" s="61">
        <v>78</v>
      </c>
      <c r="JP26" s="62">
        <v>636</v>
      </c>
      <c r="JQ26" s="63">
        <v>769</v>
      </c>
      <c r="JR26" s="60">
        <v>10</v>
      </c>
      <c r="JS26" s="61">
        <v>19</v>
      </c>
      <c r="JT26" s="62">
        <v>29</v>
      </c>
      <c r="JU26" s="443">
        <v>0</v>
      </c>
      <c r="JV26" s="61">
        <v>13</v>
      </c>
      <c r="JW26" s="61">
        <v>22</v>
      </c>
      <c r="JX26" s="61">
        <v>13</v>
      </c>
      <c r="JY26" s="61">
        <v>11</v>
      </c>
      <c r="JZ26" s="61">
        <v>8</v>
      </c>
      <c r="KA26" s="62">
        <v>67</v>
      </c>
      <c r="KB26" s="63">
        <v>96</v>
      </c>
      <c r="KC26" s="60">
        <v>559</v>
      </c>
      <c r="KD26" s="61">
        <v>660</v>
      </c>
      <c r="KE26" s="62">
        <v>1219</v>
      </c>
      <c r="KF26" s="443">
        <v>0</v>
      </c>
      <c r="KG26" s="61">
        <v>860</v>
      </c>
      <c r="KH26" s="61">
        <v>740</v>
      </c>
      <c r="KI26" s="61">
        <v>512</v>
      </c>
      <c r="KJ26" s="61">
        <v>514</v>
      </c>
      <c r="KK26" s="61">
        <v>313</v>
      </c>
      <c r="KL26" s="62">
        <v>2939</v>
      </c>
      <c r="KM26" s="63">
        <v>4158</v>
      </c>
    </row>
    <row r="27" spans="2:299" ht="21" customHeight="1" x14ac:dyDescent="0.2">
      <c r="B27" s="437" t="s">
        <v>24</v>
      </c>
      <c r="C27" s="287">
        <v>111</v>
      </c>
      <c r="D27" s="72">
        <v>87</v>
      </c>
      <c r="E27" s="73">
        <v>198</v>
      </c>
      <c r="F27" s="443">
        <v>0</v>
      </c>
      <c r="G27" s="72">
        <v>160</v>
      </c>
      <c r="H27" s="72">
        <v>107</v>
      </c>
      <c r="I27" s="72">
        <v>72</v>
      </c>
      <c r="J27" s="72">
        <v>61</v>
      </c>
      <c r="K27" s="72">
        <v>48</v>
      </c>
      <c r="L27" s="74">
        <v>448</v>
      </c>
      <c r="M27" s="75">
        <v>646</v>
      </c>
      <c r="N27" s="60">
        <v>3</v>
      </c>
      <c r="O27" s="61">
        <v>2</v>
      </c>
      <c r="P27" s="62">
        <v>5</v>
      </c>
      <c r="Q27" s="443">
        <v>0</v>
      </c>
      <c r="R27" s="61">
        <v>5</v>
      </c>
      <c r="S27" s="61">
        <v>3</v>
      </c>
      <c r="T27" s="61">
        <v>2</v>
      </c>
      <c r="U27" s="61">
        <v>0</v>
      </c>
      <c r="V27" s="61">
        <v>5</v>
      </c>
      <c r="W27" s="62">
        <v>15</v>
      </c>
      <c r="X27" s="63">
        <v>20</v>
      </c>
      <c r="Y27" s="60">
        <v>9</v>
      </c>
      <c r="Z27" s="61">
        <v>6</v>
      </c>
      <c r="AA27" s="62">
        <v>15</v>
      </c>
      <c r="AB27" s="443">
        <v>0</v>
      </c>
      <c r="AC27" s="61">
        <v>12</v>
      </c>
      <c r="AD27" s="61">
        <v>8</v>
      </c>
      <c r="AE27" s="61">
        <v>3</v>
      </c>
      <c r="AF27" s="61">
        <v>3</v>
      </c>
      <c r="AG27" s="61">
        <v>9</v>
      </c>
      <c r="AH27" s="62">
        <v>35</v>
      </c>
      <c r="AI27" s="63">
        <v>50</v>
      </c>
      <c r="AJ27" s="60">
        <v>12</v>
      </c>
      <c r="AK27" s="61">
        <v>10</v>
      </c>
      <c r="AL27" s="62">
        <v>22</v>
      </c>
      <c r="AM27" s="443">
        <v>0</v>
      </c>
      <c r="AN27" s="61">
        <v>24</v>
      </c>
      <c r="AO27" s="61">
        <v>18</v>
      </c>
      <c r="AP27" s="61">
        <v>10</v>
      </c>
      <c r="AQ27" s="61">
        <v>14</v>
      </c>
      <c r="AR27" s="61">
        <v>1</v>
      </c>
      <c r="AS27" s="62">
        <v>67</v>
      </c>
      <c r="AT27" s="63">
        <v>89</v>
      </c>
      <c r="AU27" s="60">
        <v>22</v>
      </c>
      <c r="AV27" s="61">
        <v>19</v>
      </c>
      <c r="AW27" s="62">
        <v>41</v>
      </c>
      <c r="AX27" s="443">
        <v>0</v>
      </c>
      <c r="AY27" s="61">
        <v>42</v>
      </c>
      <c r="AZ27" s="61">
        <v>19</v>
      </c>
      <c r="BA27" s="61">
        <v>18</v>
      </c>
      <c r="BB27" s="61">
        <v>17</v>
      </c>
      <c r="BC27" s="61">
        <v>14</v>
      </c>
      <c r="BD27" s="62">
        <v>110</v>
      </c>
      <c r="BE27" s="63">
        <v>151</v>
      </c>
      <c r="BF27" s="60">
        <v>33</v>
      </c>
      <c r="BG27" s="61">
        <v>29</v>
      </c>
      <c r="BH27" s="62">
        <v>62</v>
      </c>
      <c r="BI27" s="443">
        <v>0</v>
      </c>
      <c r="BJ27" s="61">
        <v>44</v>
      </c>
      <c r="BK27" s="61">
        <v>29</v>
      </c>
      <c r="BL27" s="61">
        <v>20</v>
      </c>
      <c r="BM27" s="61">
        <v>13</v>
      </c>
      <c r="BN27" s="61">
        <v>7</v>
      </c>
      <c r="BO27" s="62">
        <v>113</v>
      </c>
      <c r="BP27" s="63">
        <v>175</v>
      </c>
      <c r="BQ27" s="60">
        <v>32</v>
      </c>
      <c r="BR27" s="61">
        <v>21</v>
      </c>
      <c r="BS27" s="62">
        <v>53</v>
      </c>
      <c r="BT27" s="443">
        <v>0</v>
      </c>
      <c r="BU27" s="61">
        <v>33</v>
      </c>
      <c r="BV27" s="61">
        <v>30</v>
      </c>
      <c r="BW27" s="61">
        <v>19</v>
      </c>
      <c r="BX27" s="61">
        <v>14</v>
      </c>
      <c r="BY27" s="61">
        <v>12</v>
      </c>
      <c r="BZ27" s="62">
        <v>108</v>
      </c>
      <c r="CA27" s="63">
        <v>161</v>
      </c>
      <c r="CB27" s="60">
        <v>3</v>
      </c>
      <c r="CC27" s="61">
        <v>2</v>
      </c>
      <c r="CD27" s="62">
        <v>5</v>
      </c>
      <c r="CE27" s="443">
        <v>0</v>
      </c>
      <c r="CF27" s="61">
        <v>3</v>
      </c>
      <c r="CG27" s="61">
        <v>4</v>
      </c>
      <c r="CH27" s="61">
        <v>3</v>
      </c>
      <c r="CI27" s="61">
        <v>4</v>
      </c>
      <c r="CJ27" s="61">
        <v>1</v>
      </c>
      <c r="CK27" s="62">
        <v>15</v>
      </c>
      <c r="CL27" s="63">
        <v>20</v>
      </c>
      <c r="CM27" s="60">
        <v>114</v>
      </c>
      <c r="CN27" s="61">
        <v>89</v>
      </c>
      <c r="CO27" s="62">
        <v>203</v>
      </c>
      <c r="CP27" s="443">
        <v>0</v>
      </c>
      <c r="CQ27" s="61">
        <v>163</v>
      </c>
      <c r="CR27" s="61">
        <v>111</v>
      </c>
      <c r="CS27" s="61">
        <v>75</v>
      </c>
      <c r="CT27" s="61">
        <v>65</v>
      </c>
      <c r="CU27" s="61">
        <v>49</v>
      </c>
      <c r="CV27" s="62">
        <v>463</v>
      </c>
      <c r="CW27" s="63">
        <v>666</v>
      </c>
      <c r="CX27" s="113">
        <v>227</v>
      </c>
      <c r="CY27" s="72">
        <v>172</v>
      </c>
      <c r="CZ27" s="73">
        <v>399</v>
      </c>
      <c r="DA27" s="443">
        <v>0</v>
      </c>
      <c r="DB27" s="72">
        <v>282</v>
      </c>
      <c r="DC27" s="72">
        <v>187</v>
      </c>
      <c r="DD27" s="72">
        <v>138</v>
      </c>
      <c r="DE27" s="72">
        <v>200</v>
      </c>
      <c r="DF27" s="72">
        <v>112</v>
      </c>
      <c r="DG27" s="74">
        <v>919</v>
      </c>
      <c r="DH27" s="75">
        <v>1318</v>
      </c>
      <c r="DI27" s="60">
        <v>2</v>
      </c>
      <c r="DJ27" s="61">
        <v>5</v>
      </c>
      <c r="DK27" s="62">
        <v>7</v>
      </c>
      <c r="DL27" s="443">
        <v>0</v>
      </c>
      <c r="DM27" s="61">
        <v>3</v>
      </c>
      <c r="DN27" s="61">
        <v>2</v>
      </c>
      <c r="DO27" s="61">
        <v>2</v>
      </c>
      <c r="DP27" s="61">
        <v>4</v>
      </c>
      <c r="DQ27" s="61">
        <v>2</v>
      </c>
      <c r="DR27" s="62">
        <v>13</v>
      </c>
      <c r="DS27" s="63">
        <v>20</v>
      </c>
      <c r="DT27" s="60">
        <v>11</v>
      </c>
      <c r="DU27" s="61">
        <v>7</v>
      </c>
      <c r="DV27" s="62">
        <v>18</v>
      </c>
      <c r="DW27" s="443">
        <v>0</v>
      </c>
      <c r="DX27" s="61">
        <v>6</v>
      </c>
      <c r="DY27" s="61">
        <v>8</v>
      </c>
      <c r="DZ27" s="61">
        <v>4</v>
      </c>
      <c r="EA27" s="61">
        <v>7</v>
      </c>
      <c r="EB27" s="61">
        <v>3</v>
      </c>
      <c r="EC27" s="62">
        <v>28</v>
      </c>
      <c r="ED27" s="63">
        <v>46</v>
      </c>
      <c r="EE27" s="60">
        <v>32</v>
      </c>
      <c r="EF27" s="61">
        <v>16</v>
      </c>
      <c r="EG27" s="62">
        <v>48</v>
      </c>
      <c r="EH27" s="443">
        <v>0</v>
      </c>
      <c r="EI27" s="61">
        <v>23</v>
      </c>
      <c r="EJ27" s="61">
        <v>14</v>
      </c>
      <c r="EK27" s="61">
        <v>11</v>
      </c>
      <c r="EL27" s="61">
        <v>14</v>
      </c>
      <c r="EM27" s="61">
        <v>7</v>
      </c>
      <c r="EN27" s="62">
        <v>69</v>
      </c>
      <c r="EO27" s="63">
        <v>117</v>
      </c>
      <c r="EP27" s="60">
        <v>55</v>
      </c>
      <c r="EQ27" s="61">
        <v>40</v>
      </c>
      <c r="ER27" s="62">
        <v>95</v>
      </c>
      <c r="ES27" s="443">
        <v>0</v>
      </c>
      <c r="ET27" s="61">
        <v>68</v>
      </c>
      <c r="EU27" s="61">
        <v>29</v>
      </c>
      <c r="EV27" s="61">
        <v>23</v>
      </c>
      <c r="EW27" s="61">
        <v>31</v>
      </c>
      <c r="EX27" s="61">
        <v>20</v>
      </c>
      <c r="EY27" s="62">
        <v>171</v>
      </c>
      <c r="EZ27" s="63">
        <v>266</v>
      </c>
      <c r="FA27" s="60">
        <v>82</v>
      </c>
      <c r="FB27" s="61">
        <v>57</v>
      </c>
      <c r="FC27" s="62">
        <v>139</v>
      </c>
      <c r="FD27" s="443">
        <v>0</v>
      </c>
      <c r="FE27" s="61">
        <v>101</v>
      </c>
      <c r="FF27" s="61">
        <v>58</v>
      </c>
      <c r="FG27" s="61">
        <v>31</v>
      </c>
      <c r="FH27" s="61">
        <v>42</v>
      </c>
      <c r="FI27" s="61">
        <v>24</v>
      </c>
      <c r="FJ27" s="62">
        <v>256</v>
      </c>
      <c r="FK27" s="63">
        <v>395</v>
      </c>
      <c r="FL27" s="60">
        <v>45</v>
      </c>
      <c r="FM27" s="61">
        <v>47</v>
      </c>
      <c r="FN27" s="62">
        <v>92</v>
      </c>
      <c r="FO27" s="443">
        <v>0</v>
      </c>
      <c r="FP27" s="61">
        <v>81</v>
      </c>
      <c r="FQ27" s="61">
        <v>76</v>
      </c>
      <c r="FR27" s="61">
        <v>67</v>
      </c>
      <c r="FS27" s="61">
        <v>102</v>
      </c>
      <c r="FT27" s="61">
        <v>56</v>
      </c>
      <c r="FU27" s="62">
        <v>382</v>
      </c>
      <c r="FV27" s="63">
        <v>474</v>
      </c>
      <c r="FW27" s="60">
        <v>3</v>
      </c>
      <c r="FX27" s="61">
        <v>2</v>
      </c>
      <c r="FY27" s="62">
        <v>5</v>
      </c>
      <c r="FZ27" s="443">
        <v>0</v>
      </c>
      <c r="GA27" s="61">
        <v>1</v>
      </c>
      <c r="GB27" s="61">
        <v>2</v>
      </c>
      <c r="GC27" s="61">
        <v>2</v>
      </c>
      <c r="GD27" s="61">
        <v>1</v>
      </c>
      <c r="GE27" s="61">
        <v>4</v>
      </c>
      <c r="GF27" s="62">
        <v>10</v>
      </c>
      <c r="GG27" s="63">
        <v>15</v>
      </c>
      <c r="GH27" s="60">
        <v>230</v>
      </c>
      <c r="GI27" s="61">
        <v>174</v>
      </c>
      <c r="GJ27" s="62">
        <v>404</v>
      </c>
      <c r="GK27" s="443">
        <v>0</v>
      </c>
      <c r="GL27" s="61">
        <v>283</v>
      </c>
      <c r="GM27" s="61">
        <v>189</v>
      </c>
      <c r="GN27" s="61">
        <v>140</v>
      </c>
      <c r="GO27" s="61">
        <v>201</v>
      </c>
      <c r="GP27" s="61">
        <v>116</v>
      </c>
      <c r="GQ27" s="62">
        <v>929</v>
      </c>
      <c r="GR27" s="63">
        <v>1333</v>
      </c>
      <c r="GS27" s="113">
        <v>338</v>
      </c>
      <c r="GT27" s="72">
        <v>259</v>
      </c>
      <c r="GU27" s="73">
        <v>597</v>
      </c>
      <c r="GV27" s="224">
        <v>0</v>
      </c>
      <c r="GW27" s="72">
        <v>442</v>
      </c>
      <c r="GX27" s="72">
        <v>294</v>
      </c>
      <c r="GY27" s="72">
        <v>210</v>
      </c>
      <c r="GZ27" s="72">
        <v>261</v>
      </c>
      <c r="HA27" s="72">
        <v>160</v>
      </c>
      <c r="HB27" s="74">
        <v>1367</v>
      </c>
      <c r="HC27" s="75">
        <v>1964</v>
      </c>
      <c r="HD27" s="60">
        <v>5</v>
      </c>
      <c r="HE27" s="61">
        <v>7</v>
      </c>
      <c r="HF27" s="62">
        <v>12</v>
      </c>
      <c r="HG27" s="227">
        <v>0</v>
      </c>
      <c r="HH27" s="61">
        <v>8</v>
      </c>
      <c r="HI27" s="61">
        <v>5</v>
      </c>
      <c r="HJ27" s="61">
        <v>4</v>
      </c>
      <c r="HK27" s="61">
        <v>4</v>
      </c>
      <c r="HL27" s="61">
        <v>7</v>
      </c>
      <c r="HM27" s="62">
        <v>28</v>
      </c>
      <c r="HN27" s="63">
        <v>40</v>
      </c>
      <c r="HO27" s="60">
        <v>20</v>
      </c>
      <c r="HP27" s="61">
        <v>13</v>
      </c>
      <c r="HQ27" s="62">
        <v>33</v>
      </c>
      <c r="HR27" s="443">
        <v>0</v>
      </c>
      <c r="HS27" s="61">
        <v>18</v>
      </c>
      <c r="HT27" s="61">
        <v>16</v>
      </c>
      <c r="HU27" s="61">
        <v>7</v>
      </c>
      <c r="HV27" s="61">
        <v>10</v>
      </c>
      <c r="HW27" s="61">
        <v>12</v>
      </c>
      <c r="HX27" s="62">
        <v>63</v>
      </c>
      <c r="HY27" s="63">
        <v>96</v>
      </c>
      <c r="HZ27" s="60">
        <v>44</v>
      </c>
      <c r="IA27" s="61">
        <v>26</v>
      </c>
      <c r="IB27" s="62">
        <v>70</v>
      </c>
      <c r="IC27" s="443">
        <v>0</v>
      </c>
      <c r="ID27" s="61">
        <v>47</v>
      </c>
      <c r="IE27" s="61">
        <v>32</v>
      </c>
      <c r="IF27" s="61">
        <v>21</v>
      </c>
      <c r="IG27" s="61">
        <v>28</v>
      </c>
      <c r="IH27" s="61">
        <v>8</v>
      </c>
      <c r="II27" s="62">
        <v>136</v>
      </c>
      <c r="IJ27" s="63">
        <v>206</v>
      </c>
      <c r="IK27" s="60">
        <v>77</v>
      </c>
      <c r="IL27" s="61">
        <v>59</v>
      </c>
      <c r="IM27" s="62">
        <v>136</v>
      </c>
      <c r="IN27" s="443">
        <v>0</v>
      </c>
      <c r="IO27" s="61">
        <v>110</v>
      </c>
      <c r="IP27" s="61">
        <v>48</v>
      </c>
      <c r="IQ27" s="61">
        <v>41</v>
      </c>
      <c r="IR27" s="61">
        <v>48</v>
      </c>
      <c r="IS27" s="61">
        <v>34</v>
      </c>
      <c r="IT27" s="62">
        <v>281</v>
      </c>
      <c r="IU27" s="63">
        <v>417</v>
      </c>
      <c r="IV27" s="60">
        <v>115</v>
      </c>
      <c r="IW27" s="61">
        <v>86</v>
      </c>
      <c r="IX27" s="62">
        <v>201</v>
      </c>
      <c r="IY27" s="443">
        <v>0</v>
      </c>
      <c r="IZ27" s="61">
        <v>145</v>
      </c>
      <c r="JA27" s="61">
        <v>87</v>
      </c>
      <c r="JB27" s="61">
        <v>51</v>
      </c>
      <c r="JC27" s="61">
        <v>55</v>
      </c>
      <c r="JD27" s="61">
        <v>31</v>
      </c>
      <c r="JE27" s="62">
        <v>369</v>
      </c>
      <c r="JF27" s="63">
        <v>570</v>
      </c>
      <c r="JG27" s="60">
        <v>77</v>
      </c>
      <c r="JH27" s="61">
        <v>68</v>
      </c>
      <c r="JI27" s="62">
        <v>145</v>
      </c>
      <c r="JJ27" s="443">
        <v>0</v>
      </c>
      <c r="JK27" s="61">
        <v>114</v>
      </c>
      <c r="JL27" s="61">
        <v>106</v>
      </c>
      <c r="JM27" s="61">
        <v>86</v>
      </c>
      <c r="JN27" s="61">
        <v>116</v>
      </c>
      <c r="JO27" s="61">
        <v>68</v>
      </c>
      <c r="JP27" s="62">
        <v>490</v>
      </c>
      <c r="JQ27" s="63">
        <v>635</v>
      </c>
      <c r="JR27" s="60">
        <v>6</v>
      </c>
      <c r="JS27" s="61">
        <v>4</v>
      </c>
      <c r="JT27" s="62">
        <v>10</v>
      </c>
      <c r="JU27" s="443">
        <v>0</v>
      </c>
      <c r="JV27" s="61">
        <v>4</v>
      </c>
      <c r="JW27" s="61">
        <v>6</v>
      </c>
      <c r="JX27" s="61">
        <v>5</v>
      </c>
      <c r="JY27" s="61">
        <v>5</v>
      </c>
      <c r="JZ27" s="61">
        <v>5</v>
      </c>
      <c r="KA27" s="62">
        <v>25</v>
      </c>
      <c r="KB27" s="63">
        <v>35</v>
      </c>
      <c r="KC27" s="60">
        <v>344</v>
      </c>
      <c r="KD27" s="61">
        <v>263</v>
      </c>
      <c r="KE27" s="62">
        <v>607</v>
      </c>
      <c r="KF27" s="443">
        <v>0</v>
      </c>
      <c r="KG27" s="61">
        <v>446</v>
      </c>
      <c r="KH27" s="61">
        <v>300</v>
      </c>
      <c r="KI27" s="61">
        <v>215</v>
      </c>
      <c r="KJ27" s="61">
        <v>266</v>
      </c>
      <c r="KK27" s="61">
        <v>165</v>
      </c>
      <c r="KL27" s="62">
        <v>1392</v>
      </c>
      <c r="KM27" s="63">
        <v>1999</v>
      </c>
    </row>
    <row r="28" spans="2:299" ht="21" customHeight="1" x14ac:dyDescent="0.2">
      <c r="B28" s="437" t="s">
        <v>25</v>
      </c>
      <c r="C28" s="287">
        <v>123</v>
      </c>
      <c r="D28" s="72">
        <v>121</v>
      </c>
      <c r="E28" s="73">
        <v>244</v>
      </c>
      <c r="F28" s="443">
        <v>0</v>
      </c>
      <c r="G28" s="72">
        <v>203</v>
      </c>
      <c r="H28" s="72">
        <v>143</v>
      </c>
      <c r="I28" s="72">
        <v>96</v>
      </c>
      <c r="J28" s="72">
        <v>112</v>
      </c>
      <c r="K28" s="72">
        <v>66</v>
      </c>
      <c r="L28" s="74">
        <v>620</v>
      </c>
      <c r="M28" s="75">
        <v>864</v>
      </c>
      <c r="N28" s="60">
        <v>4</v>
      </c>
      <c r="O28" s="61">
        <v>5</v>
      </c>
      <c r="P28" s="62">
        <v>9</v>
      </c>
      <c r="Q28" s="443">
        <v>0</v>
      </c>
      <c r="R28" s="61">
        <v>8</v>
      </c>
      <c r="S28" s="61">
        <v>6</v>
      </c>
      <c r="T28" s="61">
        <v>2</v>
      </c>
      <c r="U28" s="61">
        <v>6</v>
      </c>
      <c r="V28" s="61">
        <v>0</v>
      </c>
      <c r="W28" s="62">
        <v>22</v>
      </c>
      <c r="X28" s="63">
        <v>31</v>
      </c>
      <c r="Y28" s="60">
        <v>19</v>
      </c>
      <c r="Z28" s="61">
        <v>12</v>
      </c>
      <c r="AA28" s="62">
        <v>31</v>
      </c>
      <c r="AB28" s="443">
        <v>0</v>
      </c>
      <c r="AC28" s="61">
        <v>17</v>
      </c>
      <c r="AD28" s="61">
        <v>18</v>
      </c>
      <c r="AE28" s="61">
        <v>9</v>
      </c>
      <c r="AF28" s="61">
        <v>18</v>
      </c>
      <c r="AG28" s="61">
        <v>10</v>
      </c>
      <c r="AH28" s="62">
        <v>72</v>
      </c>
      <c r="AI28" s="63">
        <v>103</v>
      </c>
      <c r="AJ28" s="60">
        <v>15</v>
      </c>
      <c r="AK28" s="61">
        <v>17</v>
      </c>
      <c r="AL28" s="62">
        <v>32</v>
      </c>
      <c r="AM28" s="443">
        <v>0</v>
      </c>
      <c r="AN28" s="61">
        <v>38</v>
      </c>
      <c r="AO28" s="61">
        <v>26</v>
      </c>
      <c r="AP28" s="61">
        <v>18</v>
      </c>
      <c r="AQ28" s="61">
        <v>24</v>
      </c>
      <c r="AR28" s="61">
        <v>10</v>
      </c>
      <c r="AS28" s="62">
        <v>116</v>
      </c>
      <c r="AT28" s="63">
        <v>148</v>
      </c>
      <c r="AU28" s="60">
        <v>43</v>
      </c>
      <c r="AV28" s="61">
        <v>35</v>
      </c>
      <c r="AW28" s="62">
        <v>78</v>
      </c>
      <c r="AX28" s="443">
        <v>0</v>
      </c>
      <c r="AY28" s="61">
        <v>60</v>
      </c>
      <c r="AZ28" s="61">
        <v>37</v>
      </c>
      <c r="BA28" s="61">
        <v>30</v>
      </c>
      <c r="BB28" s="61">
        <v>26</v>
      </c>
      <c r="BC28" s="61">
        <v>18</v>
      </c>
      <c r="BD28" s="62">
        <v>171</v>
      </c>
      <c r="BE28" s="63">
        <v>249</v>
      </c>
      <c r="BF28" s="60">
        <v>29</v>
      </c>
      <c r="BG28" s="61">
        <v>36</v>
      </c>
      <c r="BH28" s="62">
        <v>65</v>
      </c>
      <c r="BI28" s="443">
        <v>0</v>
      </c>
      <c r="BJ28" s="61">
        <v>56</v>
      </c>
      <c r="BK28" s="61">
        <v>26</v>
      </c>
      <c r="BL28" s="61">
        <v>29</v>
      </c>
      <c r="BM28" s="61">
        <v>20</v>
      </c>
      <c r="BN28" s="61">
        <v>20</v>
      </c>
      <c r="BO28" s="62">
        <v>151</v>
      </c>
      <c r="BP28" s="63">
        <v>216</v>
      </c>
      <c r="BQ28" s="60">
        <v>13</v>
      </c>
      <c r="BR28" s="61">
        <v>16</v>
      </c>
      <c r="BS28" s="62">
        <v>29</v>
      </c>
      <c r="BT28" s="443">
        <v>0</v>
      </c>
      <c r="BU28" s="61">
        <v>24</v>
      </c>
      <c r="BV28" s="61">
        <v>30</v>
      </c>
      <c r="BW28" s="61">
        <v>8</v>
      </c>
      <c r="BX28" s="61">
        <v>18</v>
      </c>
      <c r="BY28" s="61">
        <v>8</v>
      </c>
      <c r="BZ28" s="62">
        <v>88</v>
      </c>
      <c r="CA28" s="63">
        <v>117</v>
      </c>
      <c r="CB28" s="60">
        <v>2</v>
      </c>
      <c r="CC28" s="61">
        <v>1</v>
      </c>
      <c r="CD28" s="62">
        <v>3</v>
      </c>
      <c r="CE28" s="443">
        <v>0</v>
      </c>
      <c r="CF28" s="61">
        <v>2</v>
      </c>
      <c r="CG28" s="61">
        <v>9</v>
      </c>
      <c r="CH28" s="61">
        <v>3</v>
      </c>
      <c r="CI28" s="61">
        <v>4</v>
      </c>
      <c r="CJ28" s="61">
        <v>3</v>
      </c>
      <c r="CK28" s="62">
        <v>21</v>
      </c>
      <c r="CL28" s="63">
        <v>24</v>
      </c>
      <c r="CM28" s="60">
        <v>125</v>
      </c>
      <c r="CN28" s="61">
        <v>122</v>
      </c>
      <c r="CO28" s="62">
        <v>247</v>
      </c>
      <c r="CP28" s="443">
        <v>0</v>
      </c>
      <c r="CQ28" s="61">
        <v>205</v>
      </c>
      <c r="CR28" s="61">
        <v>152</v>
      </c>
      <c r="CS28" s="61">
        <v>99</v>
      </c>
      <c r="CT28" s="61">
        <v>116</v>
      </c>
      <c r="CU28" s="61">
        <v>69</v>
      </c>
      <c r="CV28" s="62">
        <v>641</v>
      </c>
      <c r="CW28" s="63">
        <v>888</v>
      </c>
      <c r="CX28" s="113">
        <v>212</v>
      </c>
      <c r="CY28" s="72">
        <v>239</v>
      </c>
      <c r="CZ28" s="73">
        <v>451</v>
      </c>
      <c r="DA28" s="443">
        <v>0</v>
      </c>
      <c r="DB28" s="72">
        <v>321</v>
      </c>
      <c r="DC28" s="72">
        <v>228</v>
      </c>
      <c r="DD28" s="72">
        <v>171</v>
      </c>
      <c r="DE28" s="72">
        <v>184</v>
      </c>
      <c r="DF28" s="72">
        <v>93</v>
      </c>
      <c r="DG28" s="74">
        <v>997</v>
      </c>
      <c r="DH28" s="75">
        <v>1448</v>
      </c>
      <c r="DI28" s="60">
        <v>4</v>
      </c>
      <c r="DJ28" s="61">
        <v>4</v>
      </c>
      <c r="DK28" s="62">
        <v>8</v>
      </c>
      <c r="DL28" s="443">
        <v>0</v>
      </c>
      <c r="DM28" s="61">
        <v>10</v>
      </c>
      <c r="DN28" s="61">
        <v>6</v>
      </c>
      <c r="DO28" s="61">
        <v>3</v>
      </c>
      <c r="DP28" s="61">
        <v>1</v>
      </c>
      <c r="DQ28" s="61">
        <v>4</v>
      </c>
      <c r="DR28" s="62">
        <v>24</v>
      </c>
      <c r="DS28" s="63">
        <v>32</v>
      </c>
      <c r="DT28" s="60">
        <v>14</v>
      </c>
      <c r="DU28" s="61">
        <v>20</v>
      </c>
      <c r="DV28" s="62">
        <v>34</v>
      </c>
      <c r="DW28" s="443">
        <v>0</v>
      </c>
      <c r="DX28" s="61">
        <v>23</v>
      </c>
      <c r="DY28" s="61">
        <v>9</v>
      </c>
      <c r="DZ28" s="61">
        <v>12</v>
      </c>
      <c r="EA28" s="61">
        <v>8</v>
      </c>
      <c r="EB28" s="61">
        <v>10</v>
      </c>
      <c r="EC28" s="62">
        <v>62</v>
      </c>
      <c r="ED28" s="63">
        <v>96</v>
      </c>
      <c r="EE28" s="60">
        <v>34</v>
      </c>
      <c r="EF28" s="61">
        <v>27</v>
      </c>
      <c r="EG28" s="62">
        <v>61</v>
      </c>
      <c r="EH28" s="443">
        <v>0</v>
      </c>
      <c r="EI28" s="61">
        <v>49</v>
      </c>
      <c r="EJ28" s="61">
        <v>38</v>
      </c>
      <c r="EK28" s="61">
        <v>15</v>
      </c>
      <c r="EL28" s="61">
        <v>20</v>
      </c>
      <c r="EM28" s="61">
        <v>10</v>
      </c>
      <c r="EN28" s="62">
        <v>132</v>
      </c>
      <c r="EO28" s="63">
        <v>193</v>
      </c>
      <c r="EP28" s="60">
        <v>75</v>
      </c>
      <c r="EQ28" s="61">
        <v>68</v>
      </c>
      <c r="ER28" s="62">
        <v>143</v>
      </c>
      <c r="ES28" s="443">
        <v>0</v>
      </c>
      <c r="ET28" s="61">
        <v>86</v>
      </c>
      <c r="EU28" s="61">
        <v>54</v>
      </c>
      <c r="EV28" s="61">
        <v>42</v>
      </c>
      <c r="EW28" s="61">
        <v>43</v>
      </c>
      <c r="EX28" s="61">
        <v>12</v>
      </c>
      <c r="EY28" s="62">
        <v>237</v>
      </c>
      <c r="EZ28" s="63">
        <v>380</v>
      </c>
      <c r="FA28" s="60">
        <v>57</v>
      </c>
      <c r="FB28" s="61">
        <v>75</v>
      </c>
      <c r="FC28" s="62">
        <v>132</v>
      </c>
      <c r="FD28" s="443">
        <v>0</v>
      </c>
      <c r="FE28" s="61">
        <v>78</v>
      </c>
      <c r="FF28" s="61">
        <v>52</v>
      </c>
      <c r="FG28" s="61">
        <v>49</v>
      </c>
      <c r="FH28" s="61">
        <v>45</v>
      </c>
      <c r="FI28" s="61">
        <v>30</v>
      </c>
      <c r="FJ28" s="62">
        <v>254</v>
      </c>
      <c r="FK28" s="63">
        <v>386</v>
      </c>
      <c r="FL28" s="60">
        <v>28</v>
      </c>
      <c r="FM28" s="61">
        <v>45</v>
      </c>
      <c r="FN28" s="62">
        <v>73</v>
      </c>
      <c r="FO28" s="443">
        <v>0</v>
      </c>
      <c r="FP28" s="61">
        <v>75</v>
      </c>
      <c r="FQ28" s="61">
        <v>69</v>
      </c>
      <c r="FR28" s="61">
        <v>50</v>
      </c>
      <c r="FS28" s="61">
        <v>67</v>
      </c>
      <c r="FT28" s="61">
        <v>27</v>
      </c>
      <c r="FU28" s="62">
        <v>288</v>
      </c>
      <c r="FV28" s="63">
        <v>361</v>
      </c>
      <c r="FW28" s="60">
        <v>3</v>
      </c>
      <c r="FX28" s="61">
        <v>4</v>
      </c>
      <c r="FY28" s="62">
        <v>7</v>
      </c>
      <c r="FZ28" s="443">
        <v>0</v>
      </c>
      <c r="GA28" s="61">
        <v>4</v>
      </c>
      <c r="GB28" s="61">
        <v>3</v>
      </c>
      <c r="GC28" s="61">
        <v>2</v>
      </c>
      <c r="GD28" s="61">
        <v>1</v>
      </c>
      <c r="GE28" s="61">
        <v>6</v>
      </c>
      <c r="GF28" s="62">
        <v>16</v>
      </c>
      <c r="GG28" s="63">
        <v>23</v>
      </c>
      <c r="GH28" s="60">
        <v>215</v>
      </c>
      <c r="GI28" s="61">
        <v>243</v>
      </c>
      <c r="GJ28" s="62">
        <v>458</v>
      </c>
      <c r="GK28" s="443">
        <v>0</v>
      </c>
      <c r="GL28" s="61">
        <v>325</v>
      </c>
      <c r="GM28" s="61">
        <v>231</v>
      </c>
      <c r="GN28" s="61">
        <v>173</v>
      </c>
      <c r="GO28" s="61">
        <v>185</v>
      </c>
      <c r="GP28" s="61">
        <v>99</v>
      </c>
      <c r="GQ28" s="62">
        <v>1013</v>
      </c>
      <c r="GR28" s="63">
        <v>1471</v>
      </c>
      <c r="GS28" s="113">
        <v>335</v>
      </c>
      <c r="GT28" s="72">
        <v>360</v>
      </c>
      <c r="GU28" s="73">
        <v>695</v>
      </c>
      <c r="GV28" s="224">
        <v>0</v>
      </c>
      <c r="GW28" s="72">
        <v>524</v>
      </c>
      <c r="GX28" s="72">
        <v>371</v>
      </c>
      <c r="GY28" s="72">
        <v>267</v>
      </c>
      <c r="GZ28" s="72">
        <v>296</v>
      </c>
      <c r="HA28" s="72">
        <v>159</v>
      </c>
      <c r="HB28" s="74">
        <v>1617</v>
      </c>
      <c r="HC28" s="75">
        <v>2312</v>
      </c>
      <c r="HD28" s="60">
        <v>8</v>
      </c>
      <c r="HE28" s="61">
        <v>9</v>
      </c>
      <c r="HF28" s="62">
        <v>17</v>
      </c>
      <c r="HG28" s="227">
        <v>0</v>
      </c>
      <c r="HH28" s="61">
        <v>18</v>
      </c>
      <c r="HI28" s="61">
        <v>12</v>
      </c>
      <c r="HJ28" s="61">
        <v>5</v>
      </c>
      <c r="HK28" s="61">
        <v>7</v>
      </c>
      <c r="HL28" s="61">
        <v>4</v>
      </c>
      <c r="HM28" s="62">
        <v>46</v>
      </c>
      <c r="HN28" s="63">
        <v>63</v>
      </c>
      <c r="HO28" s="60">
        <v>33</v>
      </c>
      <c r="HP28" s="61">
        <v>32</v>
      </c>
      <c r="HQ28" s="62">
        <v>65</v>
      </c>
      <c r="HR28" s="443">
        <v>0</v>
      </c>
      <c r="HS28" s="61">
        <v>40</v>
      </c>
      <c r="HT28" s="61">
        <v>27</v>
      </c>
      <c r="HU28" s="61">
        <v>21</v>
      </c>
      <c r="HV28" s="61">
        <v>26</v>
      </c>
      <c r="HW28" s="61">
        <v>20</v>
      </c>
      <c r="HX28" s="62">
        <v>134</v>
      </c>
      <c r="HY28" s="63">
        <v>199</v>
      </c>
      <c r="HZ28" s="60">
        <v>49</v>
      </c>
      <c r="IA28" s="61">
        <v>44</v>
      </c>
      <c r="IB28" s="62">
        <v>93</v>
      </c>
      <c r="IC28" s="443">
        <v>0</v>
      </c>
      <c r="ID28" s="61">
        <v>87</v>
      </c>
      <c r="IE28" s="61">
        <v>64</v>
      </c>
      <c r="IF28" s="61">
        <v>33</v>
      </c>
      <c r="IG28" s="61">
        <v>44</v>
      </c>
      <c r="IH28" s="61">
        <v>20</v>
      </c>
      <c r="II28" s="62">
        <v>248</v>
      </c>
      <c r="IJ28" s="63">
        <v>341</v>
      </c>
      <c r="IK28" s="60">
        <v>118</v>
      </c>
      <c r="IL28" s="61">
        <v>103</v>
      </c>
      <c r="IM28" s="62">
        <v>221</v>
      </c>
      <c r="IN28" s="443">
        <v>0</v>
      </c>
      <c r="IO28" s="61">
        <v>146</v>
      </c>
      <c r="IP28" s="61">
        <v>91</v>
      </c>
      <c r="IQ28" s="61">
        <v>72</v>
      </c>
      <c r="IR28" s="61">
        <v>69</v>
      </c>
      <c r="IS28" s="61">
        <v>30</v>
      </c>
      <c r="IT28" s="62">
        <v>408</v>
      </c>
      <c r="IU28" s="63">
        <v>629</v>
      </c>
      <c r="IV28" s="60">
        <v>86</v>
      </c>
      <c r="IW28" s="61">
        <v>111</v>
      </c>
      <c r="IX28" s="62">
        <v>197</v>
      </c>
      <c r="IY28" s="443">
        <v>0</v>
      </c>
      <c r="IZ28" s="61">
        <v>134</v>
      </c>
      <c r="JA28" s="61">
        <v>78</v>
      </c>
      <c r="JB28" s="61">
        <v>78</v>
      </c>
      <c r="JC28" s="61">
        <v>65</v>
      </c>
      <c r="JD28" s="61">
        <v>50</v>
      </c>
      <c r="JE28" s="62">
        <v>405</v>
      </c>
      <c r="JF28" s="63">
        <v>602</v>
      </c>
      <c r="JG28" s="60">
        <v>41</v>
      </c>
      <c r="JH28" s="61">
        <v>61</v>
      </c>
      <c r="JI28" s="62">
        <v>102</v>
      </c>
      <c r="JJ28" s="443">
        <v>0</v>
      </c>
      <c r="JK28" s="61">
        <v>99</v>
      </c>
      <c r="JL28" s="61">
        <v>99</v>
      </c>
      <c r="JM28" s="61">
        <v>58</v>
      </c>
      <c r="JN28" s="61">
        <v>85</v>
      </c>
      <c r="JO28" s="61">
        <v>35</v>
      </c>
      <c r="JP28" s="62">
        <v>376</v>
      </c>
      <c r="JQ28" s="63">
        <v>478</v>
      </c>
      <c r="JR28" s="60">
        <v>5</v>
      </c>
      <c r="JS28" s="61">
        <v>5</v>
      </c>
      <c r="JT28" s="62">
        <v>10</v>
      </c>
      <c r="JU28" s="443">
        <v>0</v>
      </c>
      <c r="JV28" s="61">
        <v>6</v>
      </c>
      <c r="JW28" s="61">
        <v>12</v>
      </c>
      <c r="JX28" s="61">
        <v>5</v>
      </c>
      <c r="JY28" s="61">
        <v>5</v>
      </c>
      <c r="JZ28" s="61">
        <v>9</v>
      </c>
      <c r="KA28" s="62">
        <v>37</v>
      </c>
      <c r="KB28" s="63">
        <v>47</v>
      </c>
      <c r="KC28" s="60">
        <v>340</v>
      </c>
      <c r="KD28" s="61">
        <v>365</v>
      </c>
      <c r="KE28" s="62">
        <v>705</v>
      </c>
      <c r="KF28" s="443">
        <v>0</v>
      </c>
      <c r="KG28" s="61">
        <v>530</v>
      </c>
      <c r="KH28" s="61">
        <v>383</v>
      </c>
      <c r="KI28" s="61">
        <v>272</v>
      </c>
      <c r="KJ28" s="61">
        <v>301</v>
      </c>
      <c r="KK28" s="61">
        <v>168</v>
      </c>
      <c r="KL28" s="62">
        <v>1654</v>
      </c>
      <c r="KM28" s="63">
        <v>2359</v>
      </c>
    </row>
    <row r="29" spans="2:299" ht="21" customHeight="1" x14ac:dyDescent="0.2">
      <c r="B29" s="437" t="s">
        <v>26</v>
      </c>
      <c r="C29" s="287">
        <v>85</v>
      </c>
      <c r="D29" s="72">
        <v>66</v>
      </c>
      <c r="E29" s="73">
        <v>151</v>
      </c>
      <c r="F29" s="443">
        <v>0</v>
      </c>
      <c r="G29" s="72">
        <v>138</v>
      </c>
      <c r="H29" s="72">
        <v>112</v>
      </c>
      <c r="I29" s="72">
        <v>103</v>
      </c>
      <c r="J29" s="72">
        <v>76</v>
      </c>
      <c r="K29" s="72">
        <v>53</v>
      </c>
      <c r="L29" s="74">
        <v>482</v>
      </c>
      <c r="M29" s="75">
        <v>633</v>
      </c>
      <c r="N29" s="60">
        <v>4</v>
      </c>
      <c r="O29" s="61">
        <v>2</v>
      </c>
      <c r="P29" s="62">
        <v>6</v>
      </c>
      <c r="Q29" s="443">
        <v>0</v>
      </c>
      <c r="R29" s="61">
        <v>4</v>
      </c>
      <c r="S29" s="61">
        <v>2</v>
      </c>
      <c r="T29" s="61">
        <v>7</v>
      </c>
      <c r="U29" s="61">
        <v>3</v>
      </c>
      <c r="V29" s="61">
        <v>1</v>
      </c>
      <c r="W29" s="62">
        <v>17</v>
      </c>
      <c r="X29" s="63">
        <v>23</v>
      </c>
      <c r="Y29" s="60">
        <v>3</v>
      </c>
      <c r="Z29" s="61">
        <v>10</v>
      </c>
      <c r="AA29" s="62">
        <v>13</v>
      </c>
      <c r="AB29" s="443">
        <v>0</v>
      </c>
      <c r="AC29" s="61">
        <v>14</v>
      </c>
      <c r="AD29" s="61">
        <v>9</v>
      </c>
      <c r="AE29" s="61">
        <v>8</v>
      </c>
      <c r="AF29" s="61">
        <v>10</v>
      </c>
      <c r="AG29" s="61">
        <v>11</v>
      </c>
      <c r="AH29" s="62">
        <v>52</v>
      </c>
      <c r="AI29" s="63">
        <v>65</v>
      </c>
      <c r="AJ29" s="60">
        <v>10</v>
      </c>
      <c r="AK29" s="61">
        <v>10</v>
      </c>
      <c r="AL29" s="62">
        <v>20</v>
      </c>
      <c r="AM29" s="443">
        <v>0</v>
      </c>
      <c r="AN29" s="61">
        <v>18</v>
      </c>
      <c r="AO29" s="61">
        <v>15</v>
      </c>
      <c r="AP29" s="61">
        <v>14</v>
      </c>
      <c r="AQ29" s="61">
        <v>10</v>
      </c>
      <c r="AR29" s="61">
        <v>9</v>
      </c>
      <c r="AS29" s="62">
        <v>66</v>
      </c>
      <c r="AT29" s="63">
        <v>86</v>
      </c>
      <c r="AU29" s="60">
        <v>28</v>
      </c>
      <c r="AV29" s="61">
        <v>14</v>
      </c>
      <c r="AW29" s="62">
        <v>42</v>
      </c>
      <c r="AX29" s="443">
        <v>0</v>
      </c>
      <c r="AY29" s="61">
        <v>37</v>
      </c>
      <c r="AZ29" s="61">
        <v>30</v>
      </c>
      <c r="BA29" s="61">
        <v>23</v>
      </c>
      <c r="BB29" s="61">
        <v>22</v>
      </c>
      <c r="BC29" s="61">
        <v>9</v>
      </c>
      <c r="BD29" s="62">
        <v>121</v>
      </c>
      <c r="BE29" s="63">
        <v>163</v>
      </c>
      <c r="BF29" s="60">
        <v>19</v>
      </c>
      <c r="BG29" s="61">
        <v>19</v>
      </c>
      <c r="BH29" s="62">
        <v>38</v>
      </c>
      <c r="BI29" s="443">
        <v>0</v>
      </c>
      <c r="BJ29" s="61">
        <v>41</v>
      </c>
      <c r="BK29" s="61">
        <v>34</v>
      </c>
      <c r="BL29" s="61">
        <v>35</v>
      </c>
      <c r="BM29" s="61">
        <v>19</v>
      </c>
      <c r="BN29" s="61">
        <v>11</v>
      </c>
      <c r="BO29" s="62">
        <v>140</v>
      </c>
      <c r="BP29" s="63">
        <v>178</v>
      </c>
      <c r="BQ29" s="60">
        <v>21</v>
      </c>
      <c r="BR29" s="61">
        <v>11</v>
      </c>
      <c r="BS29" s="62">
        <v>32</v>
      </c>
      <c r="BT29" s="443">
        <v>0</v>
      </c>
      <c r="BU29" s="61">
        <v>24</v>
      </c>
      <c r="BV29" s="61">
        <v>22</v>
      </c>
      <c r="BW29" s="61">
        <v>16</v>
      </c>
      <c r="BX29" s="61">
        <v>12</v>
      </c>
      <c r="BY29" s="61">
        <v>12</v>
      </c>
      <c r="BZ29" s="62">
        <v>86</v>
      </c>
      <c r="CA29" s="63">
        <v>118</v>
      </c>
      <c r="CB29" s="60">
        <v>4</v>
      </c>
      <c r="CC29" s="61">
        <v>0</v>
      </c>
      <c r="CD29" s="62">
        <v>4</v>
      </c>
      <c r="CE29" s="443">
        <v>0</v>
      </c>
      <c r="CF29" s="61">
        <v>5</v>
      </c>
      <c r="CG29" s="61">
        <v>6</v>
      </c>
      <c r="CH29" s="61">
        <v>2</v>
      </c>
      <c r="CI29" s="61">
        <v>2</v>
      </c>
      <c r="CJ29" s="61">
        <v>1</v>
      </c>
      <c r="CK29" s="62">
        <v>16</v>
      </c>
      <c r="CL29" s="63">
        <v>20</v>
      </c>
      <c r="CM29" s="60">
        <v>89</v>
      </c>
      <c r="CN29" s="61">
        <v>66</v>
      </c>
      <c r="CO29" s="62">
        <v>155</v>
      </c>
      <c r="CP29" s="443">
        <v>0</v>
      </c>
      <c r="CQ29" s="61">
        <v>143</v>
      </c>
      <c r="CR29" s="61">
        <v>118</v>
      </c>
      <c r="CS29" s="61">
        <v>105</v>
      </c>
      <c r="CT29" s="61">
        <v>78</v>
      </c>
      <c r="CU29" s="61">
        <v>54</v>
      </c>
      <c r="CV29" s="62">
        <v>498</v>
      </c>
      <c r="CW29" s="63">
        <v>653</v>
      </c>
      <c r="CX29" s="113">
        <v>174</v>
      </c>
      <c r="CY29" s="72">
        <v>235</v>
      </c>
      <c r="CZ29" s="73">
        <v>409</v>
      </c>
      <c r="DA29" s="443">
        <v>0</v>
      </c>
      <c r="DB29" s="72">
        <v>256</v>
      </c>
      <c r="DC29" s="72">
        <v>246</v>
      </c>
      <c r="DD29" s="72">
        <v>168</v>
      </c>
      <c r="DE29" s="72">
        <v>138</v>
      </c>
      <c r="DF29" s="72">
        <v>113</v>
      </c>
      <c r="DG29" s="74">
        <v>921</v>
      </c>
      <c r="DH29" s="75">
        <v>1330</v>
      </c>
      <c r="DI29" s="60">
        <v>1</v>
      </c>
      <c r="DJ29" s="61">
        <v>4</v>
      </c>
      <c r="DK29" s="62">
        <v>5</v>
      </c>
      <c r="DL29" s="443">
        <v>0</v>
      </c>
      <c r="DM29" s="61">
        <v>3</v>
      </c>
      <c r="DN29" s="61">
        <v>7</v>
      </c>
      <c r="DO29" s="61">
        <v>1</v>
      </c>
      <c r="DP29" s="61">
        <v>2</v>
      </c>
      <c r="DQ29" s="61">
        <v>1</v>
      </c>
      <c r="DR29" s="62">
        <v>14</v>
      </c>
      <c r="DS29" s="63">
        <v>19</v>
      </c>
      <c r="DT29" s="60">
        <v>12</v>
      </c>
      <c r="DU29" s="61">
        <v>16</v>
      </c>
      <c r="DV29" s="62">
        <v>28</v>
      </c>
      <c r="DW29" s="443">
        <v>0</v>
      </c>
      <c r="DX29" s="61">
        <v>16</v>
      </c>
      <c r="DY29" s="61">
        <v>15</v>
      </c>
      <c r="DZ29" s="61">
        <v>3</v>
      </c>
      <c r="EA29" s="61">
        <v>4</v>
      </c>
      <c r="EB29" s="61">
        <v>4</v>
      </c>
      <c r="EC29" s="62">
        <v>42</v>
      </c>
      <c r="ED29" s="63">
        <v>70</v>
      </c>
      <c r="EE29" s="60">
        <v>21</v>
      </c>
      <c r="EF29" s="61">
        <v>35</v>
      </c>
      <c r="EG29" s="62">
        <v>56</v>
      </c>
      <c r="EH29" s="443">
        <v>0</v>
      </c>
      <c r="EI29" s="61">
        <v>34</v>
      </c>
      <c r="EJ29" s="61">
        <v>30</v>
      </c>
      <c r="EK29" s="61">
        <v>15</v>
      </c>
      <c r="EL29" s="61">
        <v>14</v>
      </c>
      <c r="EM29" s="61">
        <v>10</v>
      </c>
      <c r="EN29" s="62">
        <v>103</v>
      </c>
      <c r="EO29" s="63">
        <v>159</v>
      </c>
      <c r="EP29" s="60">
        <v>45</v>
      </c>
      <c r="EQ29" s="61">
        <v>65</v>
      </c>
      <c r="ER29" s="62">
        <v>110</v>
      </c>
      <c r="ES29" s="443">
        <v>0</v>
      </c>
      <c r="ET29" s="61">
        <v>61</v>
      </c>
      <c r="EU29" s="61">
        <v>44</v>
      </c>
      <c r="EV29" s="61">
        <v>28</v>
      </c>
      <c r="EW29" s="61">
        <v>24</v>
      </c>
      <c r="EX29" s="61">
        <v>14</v>
      </c>
      <c r="EY29" s="62">
        <v>171</v>
      </c>
      <c r="EZ29" s="63">
        <v>281</v>
      </c>
      <c r="FA29" s="60">
        <v>54</v>
      </c>
      <c r="FB29" s="61">
        <v>68</v>
      </c>
      <c r="FC29" s="62">
        <v>122</v>
      </c>
      <c r="FD29" s="443">
        <v>0</v>
      </c>
      <c r="FE29" s="61">
        <v>74</v>
      </c>
      <c r="FF29" s="61">
        <v>63</v>
      </c>
      <c r="FG29" s="61">
        <v>45</v>
      </c>
      <c r="FH29" s="61">
        <v>26</v>
      </c>
      <c r="FI29" s="61">
        <v>23</v>
      </c>
      <c r="FJ29" s="62">
        <v>231</v>
      </c>
      <c r="FK29" s="63">
        <v>353</v>
      </c>
      <c r="FL29" s="60">
        <v>41</v>
      </c>
      <c r="FM29" s="61">
        <v>47</v>
      </c>
      <c r="FN29" s="62">
        <v>88</v>
      </c>
      <c r="FO29" s="443">
        <v>0</v>
      </c>
      <c r="FP29" s="61">
        <v>68</v>
      </c>
      <c r="FQ29" s="61">
        <v>87</v>
      </c>
      <c r="FR29" s="61">
        <v>76</v>
      </c>
      <c r="FS29" s="61">
        <v>68</v>
      </c>
      <c r="FT29" s="61">
        <v>61</v>
      </c>
      <c r="FU29" s="62">
        <v>360</v>
      </c>
      <c r="FV29" s="63">
        <v>448</v>
      </c>
      <c r="FW29" s="60">
        <v>0</v>
      </c>
      <c r="FX29" s="61">
        <v>1</v>
      </c>
      <c r="FY29" s="62">
        <v>1</v>
      </c>
      <c r="FZ29" s="443">
        <v>0</v>
      </c>
      <c r="GA29" s="61">
        <v>3</v>
      </c>
      <c r="GB29" s="61">
        <v>0</v>
      </c>
      <c r="GC29" s="61">
        <v>3</v>
      </c>
      <c r="GD29" s="61">
        <v>6</v>
      </c>
      <c r="GE29" s="61">
        <v>3</v>
      </c>
      <c r="GF29" s="62">
        <v>15</v>
      </c>
      <c r="GG29" s="63">
        <v>16</v>
      </c>
      <c r="GH29" s="60">
        <v>174</v>
      </c>
      <c r="GI29" s="61">
        <v>236</v>
      </c>
      <c r="GJ29" s="62">
        <v>410</v>
      </c>
      <c r="GK29" s="443">
        <v>0</v>
      </c>
      <c r="GL29" s="61">
        <v>259</v>
      </c>
      <c r="GM29" s="61">
        <v>246</v>
      </c>
      <c r="GN29" s="61">
        <v>171</v>
      </c>
      <c r="GO29" s="61">
        <v>144</v>
      </c>
      <c r="GP29" s="61">
        <v>116</v>
      </c>
      <c r="GQ29" s="62">
        <v>936</v>
      </c>
      <c r="GR29" s="63">
        <v>1346</v>
      </c>
      <c r="GS29" s="113">
        <v>259</v>
      </c>
      <c r="GT29" s="72">
        <v>301</v>
      </c>
      <c r="GU29" s="73">
        <v>560</v>
      </c>
      <c r="GV29" s="224">
        <v>0</v>
      </c>
      <c r="GW29" s="72">
        <v>394</v>
      </c>
      <c r="GX29" s="72">
        <v>358</v>
      </c>
      <c r="GY29" s="72">
        <v>271</v>
      </c>
      <c r="GZ29" s="72">
        <v>214</v>
      </c>
      <c r="HA29" s="72">
        <v>166</v>
      </c>
      <c r="HB29" s="74">
        <v>1403</v>
      </c>
      <c r="HC29" s="75">
        <v>1963</v>
      </c>
      <c r="HD29" s="60">
        <v>5</v>
      </c>
      <c r="HE29" s="61">
        <v>6</v>
      </c>
      <c r="HF29" s="62">
        <v>11</v>
      </c>
      <c r="HG29" s="227">
        <v>0</v>
      </c>
      <c r="HH29" s="61">
        <v>7</v>
      </c>
      <c r="HI29" s="61">
        <v>9</v>
      </c>
      <c r="HJ29" s="61">
        <v>8</v>
      </c>
      <c r="HK29" s="61">
        <v>5</v>
      </c>
      <c r="HL29" s="61">
        <v>2</v>
      </c>
      <c r="HM29" s="62">
        <v>31</v>
      </c>
      <c r="HN29" s="63">
        <v>42</v>
      </c>
      <c r="HO29" s="60">
        <v>15</v>
      </c>
      <c r="HP29" s="61">
        <v>26</v>
      </c>
      <c r="HQ29" s="62">
        <v>41</v>
      </c>
      <c r="HR29" s="443">
        <v>0</v>
      </c>
      <c r="HS29" s="61">
        <v>30</v>
      </c>
      <c r="HT29" s="61">
        <v>24</v>
      </c>
      <c r="HU29" s="61">
        <v>11</v>
      </c>
      <c r="HV29" s="61">
        <v>14</v>
      </c>
      <c r="HW29" s="61">
        <v>15</v>
      </c>
      <c r="HX29" s="62">
        <v>94</v>
      </c>
      <c r="HY29" s="63">
        <v>135</v>
      </c>
      <c r="HZ29" s="60">
        <v>31</v>
      </c>
      <c r="IA29" s="61">
        <v>45</v>
      </c>
      <c r="IB29" s="62">
        <v>76</v>
      </c>
      <c r="IC29" s="443">
        <v>0</v>
      </c>
      <c r="ID29" s="61">
        <v>52</v>
      </c>
      <c r="IE29" s="61">
        <v>45</v>
      </c>
      <c r="IF29" s="61">
        <v>29</v>
      </c>
      <c r="IG29" s="61">
        <v>24</v>
      </c>
      <c r="IH29" s="61">
        <v>19</v>
      </c>
      <c r="II29" s="62">
        <v>169</v>
      </c>
      <c r="IJ29" s="63">
        <v>245</v>
      </c>
      <c r="IK29" s="60">
        <v>73</v>
      </c>
      <c r="IL29" s="61">
        <v>79</v>
      </c>
      <c r="IM29" s="62">
        <v>152</v>
      </c>
      <c r="IN29" s="443">
        <v>0</v>
      </c>
      <c r="IO29" s="61">
        <v>98</v>
      </c>
      <c r="IP29" s="61">
        <v>74</v>
      </c>
      <c r="IQ29" s="61">
        <v>51</v>
      </c>
      <c r="IR29" s="61">
        <v>46</v>
      </c>
      <c r="IS29" s="61">
        <v>23</v>
      </c>
      <c r="IT29" s="62">
        <v>292</v>
      </c>
      <c r="IU29" s="63">
        <v>444</v>
      </c>
      <c r="IV29" s="60">
        <v>73</v>
      </c>
      <c r="IW29" s="61">
        <v>87</v>
      </c>
      <c r="IX29" s="62">
        <v>160</v>
      </c>
      <c r="IY29" s="443">
        <v>0</v>
      </c>
      <c r="IZ29" s="61">
        <v>115</v>
      </c>
      <c r="JA29" s="61">
        <v>97</v>
      </c>
      <c r="JB29" s="61">
        <v>80</v>
      </c>
      <c r="JC29" s="61">
        <v>45</v>
      </c>
      <c r="JD29" s="61">
        <v>34</v>
      </c>
      <c r="JE29" s="62">
        <v>371</v>
      </c>
      <c r="JF29" s="63">
        <v>531</v>
      </c>
      <c r="JG29" s="60">
        <v>62</v>
      </c>
      <c r="JH29" s="61">
        <v>58</v>
      </c>
      <c r="JI29" s="62">
        <v>120</v>
      </c>
      <c r="JJ29" s="443">
        <v>0</v>
      </c>
      <c r="JK29" s="61">
        <v>92</v>
      </c>
      <c r="JL29" s="61">
        <v>109</v>
      </c>
      <c r="JM29" s="61">
        <v>92</v>
      </c>
      <c r="JN29" s="61">
        <v>80</v>
      </c>
      <c r="JO29" s="61">
        <v>73</v>
      </c>
      <c r="JP29" s="62">
        <v>446</v>
      </c>
      <c r="JQ29" s="63">
        <v>566</v>
      </c>
      <c r="JR29" s="60">
        <v>4</v>
      </c>
      <c r="JS29" s="61">
        <v>1</v>
      </c>
      <c r="JT29" s="62">
        <v>5</v>
      </c>
      <c r="JU29" s="443">
        <v>0</v>
      </c>
      <c r="JV29" s="61">
        <v>8</v>
      </c>
      <c r="JW29" s="61">
        <v>6</v>
      </c>
      <c r="JX29" s="61">
        <v>5</v>
      </c>
      <c r="JY29" s="61">
        <v>8</v>
      </c>
      <c r="JZ29" s="61">
        <v>4</v>
      </c>
      <c r="KA29" s="62">
        <v>31</v>
      </c>
      <c r="KB29" s="63">
        <v>36</v>
      </c>
      <c r="KC29" s="60">
        <v>263</v>
      </c>
      <c r="KD29" s="61">
        <v>302</v>
      </c>
      <c r="KE29" s="62">
        <v>565</v>
      </c>
      <c r="KF29" s="443">
        <v>0</v>
      </c>
      <c r="KG29" s="61">
        <v>402</v>
      </c>
      <c r="KH29" s="61">
        <v>364</v>
      </c>
      <c r="KI29" s="61">
        <v>276</v>
      </c>
      <c r="KJ29" s="61">
        <v>222</v>
      </c>
      <c r="KK29" s="61">
        <v>170</v>
      </c>
      <c r="KL29" s="62">
        <v>1434</v>
      </c>
      <c r="KM29" s="63">
        <v>1999</v>
      </c>
    </row>
    <row r="30" spans="2:299" ht="21" customHeight="1" x14ac:dyDescent="0.2">
      <c r="B30" s="437" t="s">
        <v>27</v>
      </c>
      <c r="C30" s="287">
        <v>101</v>
      </c>
      <c r="D30" s="72">
        <v>122</v>
      </c>
      <c r="E30" s="73">
        <v>223</v>
      </c>
      <c r="F30" s="443">
        <v>0</v>
      </c>
      <c r="G30" s="72">
        <v>105</v>
      </c>
      <c r="H30" s="72">
        <v>91</v>
      </c>
      <c r="I30" s="72">
        <v>65</v>
      </c>
      <c r="J30" s="72">
        <v>66</v>
      </c>
      <c r="K30" s="72">
        <v>34</v>
      </c>
      <c r="L30" s="74">
        <v>361</v>
      </c>
      <c r="M30" s="75">
        <v>584</v>
      </c>
      <c r="N30" s="60">
        <v>3</v>
      </c>
      <c r="O30" s="61">
        <v>6</v>
      </c>
      <c r="P30" s="62">
        <v>9</v>
      </c>
      <c r="Q30" s="443">
        <v>0</v>
      </c>
      <c r="R30" s="61">
        <v>3</v>
      </c>
      <c r="S30" s="61">
        <v>1</v>
      </c>
      <c r="T30" s="61">
        <v>1</v>
      </c>
      <c r="U30" s="61">
        <v>0</v>
      </c>
      <c r="V30" s="61">
        <v>2</v>
      </c>
      <c r="W30" s="62">
        <v>7</v>
      </c>
      <c r="X30" s="63">
        <v>16</v>
      </c>
      <c r="Y30" s="60">
        <v>8</v>
      </c>
      <c r="Z30" s="61">
        <v>11</v>
      </c>
      <c r="AA30" s="62">
        <v>19</v>
      </c>
      <c r="AB30" s="443">
        <v>0</v>
      </c>
      <c r="AC30" s="61">
        <v>13</v>
      </c>
      <c r="AD30" s="61">
        <v>15</v>
      </c>
      <c r="AE30" s="61">
        <v>6</v>
      </c>
      <c r="AF30" s="61">
        <v>6</v>
      </c>
      <c r="AG30" s="61">
        <v>1</v>
      </c>
      <c r="AH30" s="62">
        <v>41</v>
      </c>
      <c r="AI30" s="63">
        <v>60</v>
      </c>
      <c r="AJ30" s="60">
        <v>17</v>
      </c>
      <c r="AK30" s="61">
        <v>16</v>
      </c>
      <c r="AL30" s="62">
        <v>33</v>
      </c>
      <c r="AM30" s="443">
        <v>0</v>
      </c>
      <c r="AN30" s="61">
        <v>12</v>
      </c>
      <c r="AO30" s="61">
        <v>19</v>
      </c>
      <c r="AP30" s="61">
        <v>5</v>
      </c>
      <c r="AQ30" s="61">
        <v>10</v>
      </c>
      <c r="AR30" s="61">
        <v>9</v>
      </c>
      <c r="AS30" s="62">
        <v>55</v>
      </c>
      <c r="AT30" s="63">
        <v>88</v>
      </c>
      <c r="AU30" s="60">
        <v>22</v>
      </c>
      <c r="AV30" s="61">
        <v>32</v>
      </c>
      <c r="AW30" s="62">
        <v>54</v>
      </c>
      <c r="AX30" s="443">
        <v>0</v>
      </c>
      <c r="AY30" s="61">
        <v>25</v>
      </c>
      <c r="AZ30" s="61">
        <v>21</v>
      </c>
      <c r="BA30" s="61">
        <v>20</v>
      </c>
      <c r="BB30" s="61">
        <v>11</v>
      </c>
      <c r="BC30" s="61">
        <v>3</v>
      </c>
      <c r="BD30" s="62">
        <v>80</v>
      </c>
      <c r="BE30" s="63">
        <v>134</v>
      </c>
      <c r="BF30" s="60">
        <v>36</v>
      </c>
      <c r="BG30" s="61">
        <v>36</v>
      </c>
      <c r="BH30" s="62">
        <v>72</v>
      </c>
      <c r="BI30" s="443">
        <v>0</v>
      </c>
      <c r="BJ30" s="61">
        <v>24</v>
      </c>
      <c r="BK30" s="61">
        <v>11</v>
      </c>
      <c r="BL30" s="61">
        <v>16</v>
      </c>
      <c r="BM30" s="61">
        <v>23</v>
      </c>
      <c r="BN30" s="61">
        <v>12</v>
      </c>
      <c r="BO30" s="62">
        <v>86</v>
      </c>
      <c r="BP30" s="63">
        <v>158</v>
      </c>
      <c r="BQ30" s="60">
        <v>15</v>
      </c>
      <c r="BR30" s="61">
        <v>21</v>
      </c>
      <c r="BS30" s="62">
        <v>36</v>
      </c>
      <c r="BT30" s="443">
        <v>0</v>
      </c>
      <c r="BU30" s="61">
        <v>28</v>
      </c>
      <c r="BV30" s="61">
        <v>24</v>
      </c>
      <c r="BW30" s="61">
        <v>17</v>
      </c>
      <c r="BX30" s="61">
        <v>16</v>
      </c>
      <c r="BY30" s="61">
        <v>7</v>
      </c>
      <c r="BZ30" s="62">
        <v>92</v>
      </c>
      <c r="CA30" s="63">
        <v>128</v>
      </c>
      <c r="CB30" s="60">
        <v>8</v>
      </c>
      <c r="CC30" s="61">
        <v>4</v>
      </c>
      <c r="CD30" s="62">
        <v>12</v>
      </c>
      <c r="CE30" s="443">
        <v>0</v>
      </c>
      <c r="CF30" s="61">
        <v>3</v>
      </c>
      <c r="CG30" s="61">
        <v>3</v>
      </c>
      <c r="CH30" s="61">
        <v>6</v>
      </c>
      <c r="CI30" s="61">
        <v>2</v>
      </c>
      <c r="CJ30" s="61">
        <v>1</v>
      </c>
      <c r="CK30" s="62">
        <v>15</v>
      </c>
      <c r="CL30" s="63">
        <v>27</v>
      </c>
      <c r="CM30" s="60">
        <v>109</v>
      </c>
      <c r="CN30" s="61">
        <v>126</v>
      </c>
      <c r="CO30" s="62">
        <v>235</v>
      </c>
      <c r="CP30" s="443">
        <v>0</v>
      </c>
      <c r="CQ30" s="61">
        <v>108</v>
      </c>
      <c r="CR30" s="61">
        <v>94</v>
      </c>
      <c r="CS30" s="61">
        <v>71</v>
      </c>
      <c r="CT30" s="61">
        <v>68</v>
      </c>
      <c r="CU30" s="61">
        <v>35</v>
      </c>
      <c r="CV30" s="62">
        <v>376</v>
      </c>
      <c r="CW30" s="63">
        <v>611</v>
      </c>
      <c r="CX30" s="113">
        <v>260</v>
      </c>
      <c r="CY30" s="72">
        <v>196</v>
      </c>
      <c r="CZ30" s="73">
        <v>456</v>
      </c>
      <c r="DA30" s="443">
        <v>0</v>
      </c>
      <c r="DB30" s="72">
        <v>232</v>
      </c>
      <c r="DC30" s="72">
        <v>144</v>
      </c>
      <c r="DD30" s="72">
        <v>142</v>
      </c>
      <c r="DE30" s="72">
        <v>130</v>
      </c>
      <c r="DF30" s="72">
        <v>111</v>
      </c>
      <c r="DG30" s="74">
        <v>759</v>
      </c>
      <c r="DH30" s="75">
        <v>1215</v>
      </c>
      <c r="DI30" s="60">
        <v>3</v>
      </c>
      <c r="DJ30" s="61">
        <v>4</v>
      </c>
      <c r="DK30" s="62">
        <v>7</v>
      </c>
      <c r="DL30" s="443">
        <v>0</v>
      </c>
      <c r="DM30" s="61">
        <v>2</v>
      </c>
      <c r="DN30" s="61">
        <v>1</v>
      </c>
      <c r="DO30" s="61">
        <v>1</v>
      </c>
      <c r="DP30" s="61">
        <v>2</v>
      </c>
      <c r="DQ30" s="61">
        <v>2</v>
      </c>
      <c r="DR30" s="62">
        <v>8</v>
      </c>
      <c r="DS30" s="63">
        <v>15</v>
      </c>
      <c r="DT30" s="60">
        <v>16</v>
      </c>
      <c r="DU30" s="61">
        <v>14</v>
      </c>
      <c r="DV30" s="62">
        <v>30</v>
      </c>
      <c r="DW30" s="443">
        <v>0</v>
      </c>
      <c r="DX30" s="61">
        <v>10</v>
      </c>
      <c r="DY30" s="61">
        <v>9</v>
      </c>
      <c r="DZ30" s="61">
        <v>9</v>
      </c>
      <c r="EA30" s="61">
        <v>5</v>
      </c>
      <c r="EB30" s="61">
        <v>0</v>
      </c>
      <c r="EC30" s="62">
        <v>33</v>
      </c>
      <c r="ED30" s="63">
        <v>63</v>
      </c>
      <c r="EE30" s="60">
        <v>35</v>
      </c>
      <c r="EF30" s="61">
        <v>24</v>
      </c>
      <c r="EG30" s="62">
        <v>59</v>
      </c>
      <c r="EH30" s="443">
        <v>0</v>
      </c>
      <c r="EI30" s="61">
        <v>16</v>
      </c>
      <c r="EJ30" s="61">
        <v>15</v>
      </c>
      <c r="EK30" s="61">
        <v>10</v>
      </c>
      <c r="EL30" s="61">
        <v>10</v>
      </c>
      <c r="EM30" s="61">
        <v>9</v>
      </c>
      <c r="EN30" s="62">
        <v>60</v>
      </c>
      <c r="EO30" s="63">
        <v>119</v>
      </c>
      <c r="EP30" s="60">
        <v>71</v>
      </c>
      <c r="EQ30" s="61">
        <v>34</v>
      </c>
      <c r="ER30" s="62">
        <v>105</v>
      </c>
      <c r="ES30" s="443">
        <v>0</v>
      </c>
      <c r="ET30" s="61">
        <v>58</v>
      </c>
      <c r="EU30" s="61">
        <v>26</v>
      </c>
      <c r="EV30" s="61">
        <v>24</v>
      </c>
      <c r="EW30" s="61">
        <v>21</v>
      </c>
      <c r="EX30" s="61">
        <v>20</v>
      </c>
      <c r="EY30" s="62">
        <v>149</v>
      </c>
      <c r="EZ30" s="63">
        <v>254</v>
      </c>
      <c r="FA30" s="60">
        <v>75</v>
      </c>
      <c r="FB30" s="61">
        <v>70</v>
      </c>
      <c r="FC30" s="62">
        <v>145</v>
      </c>
      <c r="FD30" s="443">
        <v>0</v>
      </c>
      <c r="FE30" s="61">
        <v>73</v>
      </c>
      <c r="FF30" s="61">
        <v>40</v>
      </c>
      <c r="FG30" s="61">
        <v>34</v>
      </c>
      <c r="FH30" s="61">
        <v>25</v>
      </c>
      <c r="FI30" s="61">
        <v>30</v>
      </c>
      <c r="FJ30" s="62">
        <v>202</v>
      </c>
      <c r="FK30" s="63">
        <v>347</v>
      </c>
      <c r="FL30" s="60">
        <v>60</v>
      </c>
      <c r="FM30" s="61">
        <v>50</v>
      </c>
      <c r="FN30" s="62">
        <v>110</v>
      </c>
      <c r="FO30" s="443">
        <v>0</v>
      </c>
      <c r="FP30" s="61">
        <v>73</v>
      </c>
      <c r="FQ30" s="61">
        <v>53</v>
      </c>
      <c r="FR30" s="61">
        <v>64</v>
      </c>
      <c r="FS30" s="61">
        <v>67</v>
      </c>
      <c r="FT30" s="61">
        <v>50</v>
      </c>
      <c r="FU30" s="62">
        <v>307</v>
      </c>
      <c r="FV30" s="63">
        <v>417</v>
      </c>
      <c r="FW30" s="60">
        <v>1</v>
      </c>
      <c r="FX30" s="61">
        <v>2</v>
      </c>
      <c r="FY30" s="62">
        <v>3</v>
      </c>
      <c r="FZ30" s="443">
        <v>0</v>
      </c>
      <c r="GA30" s="61">
        <v>5</v>
      </c>
      <c r="GB30" s="61">
        <v>5</v>
      </c>
      <c r="GC30" s="61">
        <v>2</v>
      </c>
      <c r="GD30" s="61">
        <v>2</v>
      </c>
      <c r="GE30" s="61">
        <v>2</v>
      </c>
      <c r="GF30" s="62">
        <v>16</v>
      </c>
      <c r="GG30" s="63">
        <v>19</v>
      </c>
      <c r="GH30" s="60">
        <v>261</v>
      </c>
      <c r="GI30" s="61">
        <v>198</v>
      </c>
      <c r="GJ30" s="62">
        <v>459</v>
      </c>
      <c r="GK30" s="443">
        <v>0</v>
      </c>
      <c r="GL30" s="61">
        <v>237</v>
      </c>
      <c r="GM30" s="61">
        <v>149</v>
      </c>
      <c r="GN30" s="61">
        <v>144</v>
      </c>
      <c r="GO30" s="61">
        <v>132</v>
      </c>
      <c r="GP30" s="61">
        <v>113</v>
      </c>
      <c r="GQ30" s="62">
        <v>775</v>
      </c>
      <c r="GR30" s="63">
        <v>1234</v>
      </c>
      <c r="GS30" s="113">
        <v>361</v>
      </c>
      <c r="GT30" s="72">
        <v>318</v>
      </c>
      <c r="GU30" s="73">
        <v>679</v>
      </c>
      <c r="GV30" s="224">
        <v>0</v>
      </c>
      <c r="GW30" s="72">
        <v>337</v>
      </c>
      <c r="GX30" s="72">
        <v>235</v>
      </c>
      <c r="GY30" s="72">
        <v>207</v>
      </c>
      <c r="GZ30" s="72">
        <v>196</v>
      </c>
      <c r="HA30" s="72">
        <v>145</v>
      </c>
      <c r="HB30" s="74">
        <v>1120</v>
      </c>
      <c r="HC30" s="75">
        <v>1799</v>
      </c>
      <c r="HD30" s="60">
        <v>6</v>
      </c>
      <c r="HE30" s="61">
        <v>10</v>
      </c>
      <c r="HF30" s="62">
        <v>16</v>
      </c>
      <c r="HG30" s="227">
        <v>0</v>
      </c>
      <c r="HH30" s="61">
        <v>5</v>
      </c>
      <c r="HI30" s="61">
        <v>2</v>
      </c>
      <c r="HJ30" s="61">
        <v>2</v>
      </c>
      <c r="HK30" s="61">
        <v>2</v>
      </c>
      <c r="HL30" s="61">
        <v>4</v>
      </c>
      <c r="HM30" s="62">
        <v>15</v>
      </c>
      <c r="HN30" s="63">
        <v>31</v>
      </c>
      <c r="HO30" s="60">
        <v>24</v>
      </c>
      <c r="HP30" s="61">
        <v>25</v>
      </c>
      <c r="HQ30" s="62">
        <v>49</v>
      </c>
      <c r="HR30" s="443">
        <v>0</v>
      </c>
      <c r="HS30" s="61">
        <v>23</v>
      </c>
      <c r="HT30" s="61">
        <v>24</v>
      </c>
      <c r="HU30" s="61">
        <v>15</v>
      </c>
      <c r="HV30" s="61">
        <v>11</v>
      </c>
      <c r="HW30" s="61">
        <v>1</v>
      </c>
      <c r="HX30" s="62">
        <v>74</v>
      </c>
      <c r="HY30" s="63">
        <v>123</v>
      </c>
      <c r="HZ30" s="60">
        <v>52</v>
      </c>
      <c r="IA30" s="61">
        <v>40</v>
      </c>
      <c r="IB30" s="62">
        <v>92</v>
      </c>
      <c r="IC30" s="443">
        <v>0</v>
      </c>
      <c r="ID30" s="61">
        <v>28</v>
      </c>
      <c r="IE30" s="61">
        <v>34</v>
      </c>
      <c r="IF30" s="61">
        <v>15</v>
      </c>
      <c r="IG30" s="61">
        <v>20</v>
      </c>
      <c r="IH30" s="61">
        <v>18</v>
      </c>
      <c r="II30" s="62">
        <v>115</v>
      </c>
      <c r="IJ30" s="63">
        <v>207</v>
      </c>
      <c r="IK30" s="60">
        <v>93</v>
      </c>
      <c r="IL30" s="61">
        <v>66</v>
      </c>
      <c r="IM30" s="62">
        <v>159</v>
      </c>
      <c r="IN30" s="443">
        <v>0</v>
      </c>
      <c r="IO30" s="61">
        <v>83</v>
      </c>
      <c r="IP30" s="61">
        <v>47</v>
      </c>
      <c r="IQ30" s="61">
        <v>44</v>
      </c>
      <c r="IR30" s="61">
        <v>32</v>
      </c>
      <c r="IS30" s="61">
        <v>23</v>
      </c>
      <c r="IT30" s="62">
        <v>229</v>
      </c>
      <c r="IU30" s="63">
        <v>388</v>
      </c>
      <c r="IV30" s="60">
        <v>111</v>
      </c>
      <c r="IW30" s="61">
        <v>106</v>
      </c>
      <c r="IX30" s="62">
        <v>217</v>
      </c>
      <c r="IY30" s="443">
        <v>0</v>
      </c>
      <c r="IZ30" s="61">
        <v>97</v>
      </c>
      <c r="JA30" s="61">
        <v>51</v>
      </c>
      <c r="JB30" s="61">
        <v>50</v>
      </c>
      <c r="JC30" s="61">
        <v>48</v>
      </c>
      <c r="JD30" s="61">
        <v>42</v>
      </c>
      <c r="JE30" s="62">
        <v>288</v>
      </c>
      <c r="JF30" s="63">
        <v>505</v>
      </c>
      <c r="JG30" s="60">
        <v>75</v>
      </c>
      <c r="JH30" s="61">
        <v>71</v>
      </c>
      <c r="JI30" s="62">
        <v>146</v>
      </c>
      <c r="JJ30" s="443">
        <v>0</v>
      </c>
      <c r="JK30" s="61">
        <v>101</v>
      </c>
      <c r="JL30" s="61">
        <v>77</v>
      </c>
      <c r="JM30" s="61">
        <v>81</v>
      </c>
      <c r="JN30" s="61">
        <v>83</v>
      </c>
      <c r="JO30" s="61">
        <v>57</v>
      </c>
      <c r="JP30" s="62">
        <v>399</v>
      </c>
      <c r="JQ30" s="63">
        <v>545</v>
      </c>
      <c r="JR30" s="60">
        <v>9</v>
      </c>
      <c r="JS30" s="61">
        <v>6</v>
      </c>
      <c r="JT30" s="62">
        <v>15</v>
      </c>
      <c r="JU30" s="443">
        <v>0</v>
      </c>
      <c r="JV30" s="61">
        <v>8</v>
      </c>
      <c r="JW30" s="61">
        <v>8</v>
      </c>
      <c r="JX30" s="61">
        <v>8</v>
      </c>
      <c r="JY30" s="61">
        <v>4</v>
      </c>
      <c r="JZ30" s="61">
        <v>3</v>
      </c>
      <c r="KA30" s="62">
        <v>31</v>
      </c>
      <c r="KB30" s="63">
        <v>46</v>
      </c>
      <c r="KC30" s="60">
        <v>370</v>
      </c>
      <c r="KD30" s="61">
        <v>324</v>
      </c>
      <c r="KE30" s="62">
        <v>694</v>
      </c>
      <c r="KF30" s="443">
        <v>0</v>
      </c>
      <c r="KG30" s="61">
        <v>345</v>
      </c>
      <c r="KH30" s="61">
        <v>243</v>
      </c>
      <c r="KI30" s="61">
        <v>215</v>
      </c>
      <c r="KJ30" s="61">
        <v>200</v>
      </c>
      <c r="KK30" s="61">
        <v>148</v>
      </c>
      <c r="KL30" s="62">
        <v>1151</v>
      </c>
      <c r="KM30" s="63">
        <v>1845</v>
      </c>
    </row>
    <row r="31" spans="2:299" ht="21" customHeight="1" x14ac:dyDescent="0.2">
      <c r="B31" s="437" t="s">
        <v>28</v>
      </c>
      <c r="C31" s="287">
        <v>4</v>
      </c>
      <c r="D31" s="72">
        <v>17</v>
      </c>
      <c r="E31" s="73">
        <v>21</v>
      </c>
      <c r="F31" s="443">
        <v>0</v>
      </c>
      <c r="G31" s="72">
        <v>56</v>
      </c>
      <c r="H31" s="72">
        <v>43</v>
      </c>
      <c r="I31" s="72">
        <v>24</v>
      </c>
      <c r="J31" s="72">
        <v>18</v>
      </c>
      <c r="K31" s="72">
        <v>14</v>
      </c>
      <c r="L31" s="74">
        <v>155</v>
      </c>
      <c r="M31" s="75">
        <v>176</v>
      </c>
      <c r="N31" s="60">
        <v>0</v>
      </c>
      <c r="O31" s="61">
        <v>3</v>
      </c>
      <c r="P31" s="62">
        <v>3</v>
      </c>
      <c r="Q31" s="443">
        <v>0</v>
      </c>
      <c r="R31" s="61">
        <v>3</v>
      </c>
      <c r="S31" s="61">
        <v>1</v>
      </c>
      <c r="T31" s="61">
        <v>2</v>
      </c>
      <c r="U31" s="61">
        <v>2</v>
      </c>
      <c r="V31" s="61">
        <v>1</v>
      </c>
      <c r="W31" s="62">
        <v>9</v>
      </c>
      <c r="X31" s="63">
        <v>12</v>
      </c>
      <c r="Y31" s="60">
        <v>0</v>
      </c>
      <c r="Z31" s="61">
        <v>5</v>
      </c>
      <c r="AA31" s="62">
        <v>5</v>
      </c>
      <c r="AB31" s="443">
        <v>0</v>
      </c>
      <c r="AC31" s="61">
        <v>9</v>
      </c>
      <c r="AD31" s="61">
        <v>5</v>
      </c>
      <c r="AE31" s="61">
        <v>1</v>
      </c>
      <c r="AF31" s="61">
        <v>2</v>
      </c>
      <c r="AG31" s="61">
        <v>1</v>
      </c>
      <c r="AH31" s="62">
        <v>18</v>
      </c>
      <c r="AI31" s="63">
        <v>23</v>
      </c>
      <c r="AJ31" s="60">
        <v>1</v>
      </c>
      <c r="AK31" s="61">
        <v>2</v>
      </c>
      <c r="AL31" s="62">
        <v>3</v>
      </c>
      <c r="AM31" s="443">
        <v>0</v>
      </c>
      <c r="AN31" s="61">
        <v>11</v>
      </c>
      <c r="AO31" s="61">
        <v>5</v>
      </c>
      <c r="AP31" s="61">
        <v>5</v>
      </c>
      <c r="AQ31" s="61">
        <v>2</v>
      </c>
      <c r="AR31" s="61">
        <v>3</v>
      </c>
      <c r="AS31" s="62">
        <v>26</v>
      </c>
      <c r="AT31" s="63">
        <v>29</v>
      </c>
      <c r="AU31" s="60">
        <v>1</v>
      </c>
      <c r="AV31" s="61">
        <v>2</v>
      </c>
      <c r="AW31" s="62">
        <v>3</v>
      </c>
      <c r="AX31" s="443">
        <v>0</v>
      </c>
      <c r="AY31" s="61">
        <v>16</v>
      </c>
      <c r="AZ31" s="61">
        <v>11</v>
      </c>
      <c r="BA31" s="61">
        <v>2</v>
      </c>
      <c r="BB31" s="61">
        <v>8</v>
      </c>
      <c r="BC31" s="61">
        <v>1</v>
      </c>
      <c r="BD31" s="62">
        <v>38</v>
      </c>
      <c r="BE31" s="63">
        <v>41</v>
      </c>
      <c r="BF31" s="60">
        <v>1</v>
      </c>
      <c r="BG31" s="61">
        <v>3</v>
      </c>
      <c r="BH31" s="62">
        <v>4</v>
      </c>
      <c r="BI31" s="443">
        <v>0</v>
      </c>
      <c r="BJ31" s="61">
        <v>10</v>
      </c>
      <c r="BK31" s="61">
        <v>11</v>
      </c>
      <c r="BL31" s="61">
        <v>7</v>
      </c>
      <c r="BM31" s="61">
        <v>0</v>
      </c>
      <c r="BN31" s="61">
        <v>2</v>
      </c>
      <c r="BO31" s="62">
        <v>30</v>
      </c>
      <c r="BP31" s="63">
        <v>34</v>
      </c>
      <c r="BQ31" s="60">
        <v>1</v>
      </c>
      <c r="BR31" s="61">
        <v>2</v>
      </c>
      <c r="BS31" s="62">
        <v>3</v>
      </c>
      <c r="BT31" s="443">
        <v>0</v>
      </c>
      <c r="BU31" s="61">
        <v>7</v>
      </c>
      <c r="BV31" s="61">
        <v>10</v>
      </c>
      <c r="BW31" s="61">
        <v>7</v>
      </c>
      <c r="BX31" s="61">
        <v>4</v>
      </c>
      <c r="BY31" s="61">
        <v>6</v>
      </c>
      <c r="BZ31" s="62">
        <v>34</v>
      </c>
      <c r="CA31" s="63">
        <v>37</v>
      </c>
      <c r="CB31" s="60">
        <v>0</v>
      </c>
      <c r="CC31" s="61">
        <v>1</v>
      </c>
      <c r="CD31" s="62">
        <v>1</v>
      </c>
      <c r="CE31" s="443">
        <v>0</v>
      </c>
      <c r="CF31" s="61">
        <v>0</v>
      </c>
      <c r="CG31" s="61">
        <v>3</v>
      </c>
      <c r="CH31" s="61">
        <v>1</v>
      </c>
      <c r="CI31" s="61">
        <v>0</v>
      </c>
      <c r="CJ31" s="61">
        <v>2</v>
      </c>
      <c r="CK31" s="62">
        <v>6</v>
      </c>
      <c r="CL31" s="63">
        <v>7</v>
      </c>
      <c r="CM31" s="60">
        <v>4</v>
      </c>
      <c r="CN31" s="61">
        <v>18</v>
      </c>
      <c r="CO31" s="62">
        <v>22</v>
      </c>
      <c r="CP31" s="443">
        <v>0</v>
      </c>
      <c r="CQ31" s="61">
        <v>56</v>
      </c>
      <c r="CR31" s="61">
        <v>46</v>
      </c>
      <c r="CS31" s="61">
        <v>25</v>
      </c>
      <c r="CT31" s="61">
        <v>18</v>
      </c>
      <c r="CU31" s="61">
        <v>16</v>
      </c>
      <c r="CV31" s="62">
        <v>161</v>
      </c>
      <c r="CW31" s="63">
        <v>183</v>
      </c>
      <c r="CX31" s="113">
        <v>18</v>
      </c>
      <c r="CY31" s="72">
        <v>36</v>
      </c>
      <c r="CZ31" s="73">
        <v>54</v>
      </c>
      <c r="DA31" s="443">
        <v>0</v>
      </c>
      <c r="DB31" s="72">
        <v>53</v>
      </c>
      <c r="DC31" s="72">
        <v>80</v>
      </c>
      <c r="DD31" s="72">
        <v>50</v>
      </c>
      <c r="DE31" s="72">
        <v>51</v>
      </c>
      <c r="DF31" s="72">
        <v>32</v>
      </c>
      <c r="DG31" s="74">
        <v>266</v>
      </c>
      <c r="DH31" s="75">
        <v>320</v>
      </c>
      <c r="DI31" s="60">
        <v>1</v>
      </c>
      <c r="DJ31" s="61">
        <v>0</v>
      </c>
      <c r="DK31" s="62">
        <v>1</v>
      </c>
      <c r="DL31" s="443">
        <v>0</v>
      </c>
      <c r="DM31" s="61">
        <v>2</v>
      </c>
      <c r="DN31" s="61">
        <v>3</v>
      </c>
      <c r="DO31" s="61">
        <v>0</v>
      </c>
      <c r="DP31" s="61">
        <v>0</v>
      </c>
      <c r="DQ31" s="61">
        <v>0</v>
      </c>
      <c r="DR31" s="62">
        <v>5</v>
      </c>
      <c r="DS31" s="63">
        <v>6</v>
      </c>
      <c r="DT31" s="60">
        <v>1</v>
      </c>
      <c r="DU31" s="61">
        <v>6</v>
      </c>
      <c r="DV31" s="62">
        <v>7</v>
      </c>
      <c r="DW31" s="443">
        <v>0</v>
      </c>
      <c r="DX31" s="61">
        <v>0</v>
      </c>
      <c r="DY31" s="61">
        <v>8</v>
      </c>
      <c r="DZ31" s="61">
        <v>3</v>
      </c>
      <c r="EA31" s="61">
        <v>1</v>
      </c>
      <c r="EB31" s="61">
        <v>1</v>
      </c>
      <c r="EC31" s="62">
        <v>13</v>
      </c>
      <c r="ED31" s="63">
        <v>20</v>
      </c>
      <c r="EE31" s="60">
        <v>2</v>
      </c>
      <c r="EF31" s="61">
        <v>7</v>
      </c>
      <c r="EG31" s="62">
        <v>9</v>
      </c>
      <c r="EH31" s="443">
        <v>0</v>
      </c>
      <c r="EI31" s="61">
        <v>5</v>
      </c>
      <c r="EJ31" s="61">
        <v>7</v>
      </c>
      <c r="EK31" s="61">
        <v>6</v>
      </c>
      <c r="EL31" s="61">
        <v>5</v>
      </c>
      <c r="EM31" s="61">
        <v>6</v>
      </c>
      <c r="EN31" s="62">
        <v>29</v>
      </c>
      <c r="EO31" s="63">
        <v>38</v>
      </c>
      <c r="EP31" s="60">
        <v>9</v>
      </c>
      <c r="EQ31" s="61">
        <v>11</v>
      </c>
      <c r="ER31" s="62">
        <v>20</v>
      </c>
      <c r="ES31" s="443">
        <v>0</v>
      </c>
      <c r="ET31" s="61">
        <v>15</v>
      </c>
      <c r="EU31" s="61">
        <v>14</v>
      </c>
      <c r="EV31" s="61">
        <v>16</v>
      </c>
      <c r="EW31" s="61">
        <v>6</v>
      </c>
      <c r="EX31" s="61">
        <v>7</v>
      </c>
      <c r="EY31" s="62">
        <v>58</v>
      </c>
      <c r="EZ31" s="63">
        <v>78</v>
      </c>
      <c r="FA31" s="60">
        <v>4</v>
      </c>
      <c r="FB31" s="61">
        <v>9</v>
      </c>
      <c r="FC31" s="62">
        <v>13</v>
      </c>
      <c r="FD31" s="443">
        <v>0</v>
      </c>
      <c r="FE31" s="61">
        <v>14</v>
      </c>
      <c r="FF31" s="61">
        <v>26</v>
      </c>
      <c r="FG31" s="61">
        <v>10</v>
      </c>
      <c r="FH31" s="61">
        <v>14</v>
      </c>
      <c r="FI31" s="61">
        <v>9</v>
      </c>
      <c r="FJ31" s="62">
        <v>73</v>
      </c>
      <c r="FK31" s="63">
        <v>86</v>
      </c>
      <c r="FL31" s="60">
        <v>1</v>
      </c>
      <c r="FM31" s="61">
        <v>3</v>
      </c>
      <c r="FN31" s="62">
        <v>4</v>
      </c>
      <c r="FO31" s="443">
        <v>0</v>
      </c>
      <c r="FP31" s="61">
        <v>17</v>
      </c>
      <c r="FQ31" s="61">
        <v>22</v>
      </c>
      <c r="FR31" s="61">
        <v>15</v>
      </c>
      <c r="FS31" s="61">
        <v>25</v>
      </c>
      <c r="FT31" s="61">
        <v>9</v>
      </c>
      <c r="FU31" s="62">
        <v>88</v>
      </c>
      <c r="FV31" s="63">
        <v>92</v>
      </c>
      <c r="FW31" s="60">
        <v>2</v>
      </c>
      <c r="FX31" s="61">
        <v>0</v>
      </c>
      <c r="FY31" s="62">
        <v>2</v>
      </c>
      <c r="FZ31" s="443">
        <v>0</v>
      </c>
      <c r="GA31" s="61">
        <v>1</v>
      </c>
      <c r="GB31" s="61">
        <v>1</v>
      </c>
      <c r="GC31" s="61">
        <v>0</v>
      </c>
      <c r="GD31" s="61">
        <v>0</v>
      </c>
      <c r="GE31" s="61">
        <v>2</v>
      </c>
      <c r="GF31" s="62">
        <v>4</v>
      </c>
      <c r="GG31" s="63">
        <v>6</v>
      </c>
      <c r="GH31" s="60">
        <v>20</v>
      </c>
      <c r="GI31" s="61">
        <v>36</v>
      </c>
      <c r="GJ31" s="62">
        <v>56</v>
      </c>
      <c r="GK31" s="443">
        <v>0</v>
      </c>
      <c r="GL31" s="61">
        <v>54</v>
      </c>
      <c r="GM31" s="61">
        <v>81</v>
      </c>
      <c r="GN31" s="61">
        <v>50</v>
      </c>
      <c r="GO31" s="61">
        <v>51</v>
      </c>
      <c r="GP31" s="61">
        <v>34</v>
      </c>
      <c r="GQ31" s="62">
        <v>270</v>
      </c>
      <c r="GR31" s="63">
        <v>326</v>
      </c>
      <c r="GS31" s="113">
        <v>22</v>
      </c>
      <c r="GT31" s="72">
        <v>53</v>
      </c>
      <c r="GU31" s="73">
        <v>75</v>
      </c>
      <c r="GV31" s="224">
        <v>0</v>
      </c>
      <c r="GW31" s="72">
        <v>109</v>
      </c>
      <c r="GX31" s="72">
        <v>123</v>
      </c>
      <c r="GY31" s="72">
        <v>74</v>
      </c>
      <c r="GZ31" s="72">
        <v>69</v>
      </c>
      <c r="HA31" s="72">
        <v>46</v>
      </c>
      <c r="HB31" s="74">
        <v>421</v>
      </c>
      <c r="HC31" s="75">
        <v>496</v>
      </c>
      <c r="HD31" s="60">
        <v>1</v>
      </c>
      <c r="HE31" s="61">
        <v>3</v>
      </c>
      <c r="HF31" s="62">
        <v>4</v>
      </c>
      <c r="HG31" s="227">
        <v>0</v>
      </c>
      <c r="HH31" s="61">
        <v>5</v>
      </c>
      <c r="HI31" s="61">
        <v>4</v>
      </c>
      <c r="HJ31" s="61">
        <v>2</v>
      </c>
      <c r="HK31" s="61">
        <v>2</v>
      </c>
      <c r="HL31" s="61">
        <v>1</v>
      </c>
      <c r="HM31" s="62">
        <v>14</v>
      </c>
      <c r="HN31" s="63">
        <v>18</v>
      </c>
      <c r="HO31" s="60">
        <v>1</v>
      </c>
      <c r="HP31" s="61">
        <v>11</v>
      </c>
      <c r="HQ31" s="62">
        <v>12</v>
      </c>
      <c r="HR31" s="443">
        <v>0</v>
      </c>
      <c r="HS31" s="61">
        <v>9</v>
      </c>
      <c r="HT31" s="61">
        <v>13</v>
      </c>
      <c r="HU31" s="61">
        <v>4</v>
      </c>
      <c r="HV31" s="61">
        <v>3</v>
      </c>
      <c r="HW31" s="61">
        <v>2</v>
      </c>
      <c r="HX31" s="62">
        <v>31</v>
      </c>
      <c r="HY31" s="63">
        <v>43</v>
      </c>
      <c r="HZ31" s="60">
        <v>3</v>
      </c>
      <c r="IA31" s="61">
        <v>9</v>
      </c>
      <c r="IB31" s="62">
        <v>12</v>
      </c>
      <c r="IC31" s="443">
        <v>0</v>
      </c>
      <c r="ID31" s="61">
        <v>16</v>
      </c>
      <c r="IE31" s="61">
        <v>12</v>
      </c>
      <c r="IF31" s="61">
        <v>11</v>
      </c>
      <c r="IG31" s="61">
        <v>7</v>
      </c>
      <c r="IH31" s="61">
        <v>9</v>
      </c>
      <c r="II31" s="62">
        <v>55</v>
      </c>
      <c r="IJ31" s="63">
        <v>67</v>
      </c>
      <c r="IK31" s="60">
        <v>10</v>
      </c>
      <c r="IL31" s="61">
        <v>13</v>
      </c>
      <c r="IM31" s="62">
        <v>23</v>
      </c>
      <c r="IN31" s="443">
        <v>0</v>
      </c>
      <c r="IO31" s="61">
        <v>31</v>
      </c>
      <c r="IP31" s="61">
        <v>25</v>
      </c>
      <c r="IQ31" s="61">
        <v>18</v>
      </c>
      <c r="IR31" s="61">
        <v>14</v>
      </c>
      <c r="IS31" s="61">
        <v>8</v>
      </c>
      <c r="IT31" s="62">
        <v>96</v>
      </c>
      <c r="IU31" s="63">
        <v>119</v>
      </c>
      <c r="IV31" s="60">
        <v>5</v>
      </c>
      <c r="IW31" s="61">
        <v>12</v>
      </c>
      <c r="IX31" s="62">
        <v>17</v>
      </c>
      <c r="IY31" s="443">
        <v>0</v>
      </c>
      <c r="IZ31" s="61">
        <v>24</v>
      </c>
      <c r="JA31" s="61">
        <v>37</v>
      </c>
      <c r="JB31" s="61">
        <v>17</v>
      </c>
      <c r="JC31" s="61">
        <v>14</v>
      </c>
      <c r="JD31" s="61">
        <v>11</v>
      </c>
      <c r="JE31" s="62">
        <v>103</v>
      </c>
      <c r="JF31" s="63">
        <v>120</v>
      </c>
      <c r="JG31" s="60">
        <v>2</v>
      </c>
      <c r="JH31" s="61">
        <v>5</v>
      </c>
      <c r="JI31" s="62">
        <v>7</v>
      </c>
      <c r="JJ31" s="443">
        <v>0</v>
      </c>
      <c r="JK31" s="61">
        <v>24</v>
      </c>
      <c r="JL31" s="61">
        <v>32</v>
      </c>
      <c r="JM31" s="61">
        <v>22</v>
      </c>
      <c r="JN31" s="61">
        <v>29</v>
      </c>
      <c r="JO31" s="61">
        <v>15</v>
      </c>
      <c r="JP31" s="62">
        <v>122</v>
      </c>
      <c r="JQ31" s="63">
        <v>129</v>
      </c>
      <c r="JR31" s="60">
        <v>2</v>
      </c>
      <c r="JS31" s="61">
        <v>1</v>
      </c>
      <c r="JT31" s="62">
        <v>3</v>
      </c>
      <c r="JU31" s="443">
        <v>0</v>
      </c>
      <c r="JV31" s="61">
        <v>1</v>
      </c>
      <c r="JW31" s="61">
        <v>4</v>
      </c>
      <c r="JX31" s="61">
        <v>1</v>
      </c>
      <c r="JY31" s="61">
        <v>0</v>
      </c>
      <c r="JZ31" s="61">
        <v>4</v>
      </c>
      <c r="KA31" s="62">
        <v>10</v>
      </c>
      <c r="KB31" s="63">
        <v>13</v>
      </c>
      <c r="KC31" s="60">
        <v>24</v>
      </c>
      <c r="KD31" s="61">
        <v>54</v>
      </c>
      <c r="KE31" s="62">
        <v>78</v>
      </c>
      <c r="KF31" s="443">
        <v>0</v>
      </c>
      <c r="KG31" s="61">
        <v>110</v>
      </c>
      <c r="KH31" s="61">
        <v>127</v>
      </c>
      <c r="KI31" s="61">
        <v>75</v>
      </c>
      <c r="KJ31" s="61">
        <v>69</v>
      </c>
      <c r="KK31" s="61">
        <v>50</v>
      </c>
      <c r="KL31" s="62">
        <v>431</v>
      </c>
      <c r="KM31" s="63">
        <v>509</v>
      </c>
    </row>
    <row r="32" spans="2:299" ht="21" customHeight="1" x14ac:dyDescent="0.2">
      <c r="B32" s="437" t="s">
        <v>29</v>
      </c>
      <c r="C32" s="287">
        <v>26</v>
      </c>
      <c r="D32" s="72">
        <v>25</v>
      </c>
      <c r="E32" s="73">
        <v>51</v>
      </c>
      <c r="F32" s="443">
        <v>0</v>
      </c>
      <c r="G32" s="72">
        <v>40</v>
      </c>
      <c r="H32" s="72">
        <v>43</v>
      </c>
      <c r="I32" s="72">
        <v>44</v>
      </c>
      <c r="J32" s="72">
        <v>28</v>
      </c>
      <c r="K32" s="72">
        <v>17</v>
      </c>
      <c r="L32" s="74">
        <v>172</v>
      </c>
      <c r="M32" s="75">
        <v>223</v>
      </c>
      <c r="N32" s="60">
        <v>3</v>
      </c>
      <c r="O32" s="61">
        <v>0</v>
      </c>
      <c r="P32" s="62">
        <v>3</v>
      </c>
      <c r="Q32" s="443">
        <v>0</v>
      </c>
      <c r="R32" s="61">
        <v>3</v>
      </c>
      <c r="S32" s="61">
        <v>2</v>
      </c>
      <c r="T32" s="61">
        <v>4</v>
      </c>
      <c r="U32" s="61">
        <v>2</v>
      </c>
      <c r="V32" s="61">
        <v>1</v>
      </c>
      <c r="W32" s="62">
        <v>12</v>
      </c>
      <c r="X32" s="63">
        <v>15</v>
      </c>
      <c r="Y32" s="60">
        <v>2</v>
      </c>
      <c r="Z32" s="61">
        <v>3</v>
      </c>
      <c r="AA32" s="62">
        <v>5</v>
      </c>
      <c r="AB32" s="443">
        <v>0</v>
      </c>
      <c r="AC32" s="61">
        <v>4</v>
      </c>
      <c r="AD32" s="61">
        <v>3</v>
      </c>
      <c r="AE32" s="61">
        <v>7</v>
      </c>
      <c r="AF32" s="61">
        <v>1</v>
      </c>
      <c r="AG32" s="61">
        <v>0</v>
      </c>
      <c r="AH32" s="62">
        <v>15</v>
      </c>
      <c r="AI32" s="63">
        <v>20</v>
      </c>
      <c r="AJ32" s="60">
        <v>1</v>
      </c>
      <c r="AK32" s="61">
        <v>3</v>
      </c>
      <c r="AL32" s="62">
        <v>4</v>
      </c>
      <c r="AM32" s="443">
        <v>0</v>
      </c>
      <c r="AN32" s="61">
        <v>11</v>
      </c>
      <c r="AO32" s="61">
        <v>7</v>
      </c>
      <c r="AP32" s="61">
        <v>6</v>
      </c>
      <c r="AQ32" s="61">
        <v>9</v>
      </c>
      <c r="AR32" s="61">
        <v>1</v>
      </c>
      <c r="AS32" s="62">
        <v>34</v>
      </c>
      <c r="AT32" s="63">
        <v>38</v>
      </c>
      <c r="AU32" s="60">
        <v>9</v>
      </c>
      <c r="AV32" s="61">
        <v>7</v>
      </c>
      <c r="AW32" s="62">
        <v>16</v>
      </c>
      <c r="AX32" s="443">
        <v>0</v>
      </c>
      <c r="AY32" s="61">
        <v>7</v>
      </c>
      <c r="AZ32" s="61">
        <v>9</v>
      </c>
      <c r="BA32" s="61">
        <v>8</v>
      </c>
      <c r="BB32" s="61">
        <v>7</v>
      </c>
      <c r="BC32" s="61">
        <v>4</v>
      </c>
      <c r="BD32" s="62">
        <v>35</v>
      </c>
      <c r="BE32" s="63">
        <v>51</v>
      </c>
      <c r="BF32" s="60">
        <v>8</v>
      </c>
      <c r="BG32" s="61">
        <v>8</v>
      </c>
      <c r="BH32" s="62">
        <v>16</v>
      </c>
      <c r="BI32" s="443">
        <v>0</v>
      </c>
      <c r="BJ32" s="61">
        <v>9</v>
      </c>
      <c r="BK32" s="61">
        <v>8</v>
      </c>
      <c r="BL32" s="61">
        <v>12</v>
      </c>
      <c r="BM32" s="61">
        <v>5</v>
      </c>
      <c r="BN32" s="61">
        <v>4</v>
      </c>
      <c r="BO32" s="62">
        <v>38</v>
      </c>
      <c r="BP32" s="63">
        <v>54</v>
      </c>
      <c r="BQ32" s="60">
        <v>3</v>
      </c>
      <c r="BR32" s="61">
        <v>4</v>
      </c>
      <c r="BS32" s="62">
        <v>7</v>
      </c>
      <c r="BT32" s="443">
        <v>0</v>
      </c>
      <c r="BU32" s="61">
        <v>6</v>
      </c>
      <c r="BV32" s="61">
        <v>14</v>
      </c>
      <c r="BW32" s="61">
        <v>7</v>
      </c>
      <c r="BX32" s="61">
        <v>4</v>
      </c>
      <c r="BY32" s="61">
        <v>7</v>
      </c>
      <c r="BZ32" s="62">
        <v>38</v>
      </c>
      <c r="CA32" s="63">
        <v>45</v>
      </c>
      <c r="CB32" s="60">
        <v>2</v>
      </c>
      <c r="CC32" s="61">
        <v>1</v>
      </c>
      <c r="CD32" s="62">
        <v>3</v>
      </c>
      <c r="CE32" s="443">
        <v>0</v>
      </c>
      <c r="CF32" s="61">
        <v>4</v>
      </c>
      <c r="CG32" s="61">
        <v>1</v>
      </c>
      <c r="CH32" s="61">
        <v>1</v>
      </c>
      <c r="CI32" s="61">
        <v>0</v>
      </c>
      <c r="CJ32" s="61">
        <v>3</v>
      </c>
      <c r="CK32" s="62">
        <v>9</v>
      </c>
      <c r="CL32" s="63">
        <v>12</v>
      </c>
      <c r="CM32" s="60">
        <v>28</v>
      </c>
      <c r="CN32" s="61">
        <v>26</v>
      </c>
      <c r="CO32" s="62">
        <v>54</v>
      </c>
      <c r="CP32" s="443">
        <v>0</v>
      </c>
      <c r="CQ32" s="61">
        <v>44</v>
      </c>
      <c r="CR32" s="61">
        <v>44</v>
      </c>
      <c r="CS32" s="61">
        <v>45</v>
      </c>
      <c r="CT32" s="61">
        <v>28</v>
      </c>
      <c r="CU32" s="61">
        <v>20</v>
      </c>
      <c r="CV32" s="62">
        <v>181</v>
      </c>
      <c r="CW32" s="63">
        <v>235</v>
      </c>
      <c r="CX32" s="113">
        <v>50</v>
      </c>
      <c r="CY32" s="72">
        <v>48</v>
      </c>
      <c r="CZ32" s="73">
        <v>98</v>
      </c>
      <c r="DA32" s="443">
        <v>0</v>
      </c>
      <c r="DB32" s="72">
        <v>93</v>
      </c>
      <c r="DC32" s="72">
        <v>86</v>
      </c>
      <c r="DD32" s="72">
        <v>74</v>
      </c>
      <c r="DE32" s="72">
        <v>81</v>
      </c>
      <c r="DF32" s="72">
        <v>52</v>
      </c>
      <c r="DG32" s="74">
        <v>386</v>
      </c>
      <c r="DH32" s="75">
        <v>484</v>
      </c>
      <c r="DI32" s="60">
        <v>3</v>
      </c>
      <c r="DJ32" s="61">
        <v>1</v>
      </c>
      <c r="DK32" s="62">
        <v>4</v>
      </c>
      <c r="DL32" s="443">
        <v>0</v>
      </c>
      <c r="DM32" s="61">
        <v>3</v>
      </c>
      <c r="DN32" s="61">
        <v>3</v>
      </c>
      <c r="DO32" s="61">
        <v>2</v>
      </c>
      <c r="DP32" s="61">
        <v>0</v>
      </c>
      <c r="DQ32" s="61">
        <v>2</v>
      </c>
      <c r="DR32" s="62">
        <v>10</v>
      </c>
      <c r="DS32" s="63">
        <v>14</v>
      </c>
      <c r="DT32" s="60">
        <v>3</v>
      </c>
      <c r="DU32" s="61">
        <v>4</v>
      </c>
      <c r="DV32" s="62">
        <v>7</v>
      </c>
      <c r="DW32" s="443">
        <v>0</v>
      </c>
      <c r="DX32" s="61">
        <v>6</v>
      </c>
      <c r="DY32" s="61">
        <v>8</v>
      </c>
      <c r="DZ32" s="61">
        <v>2</v>
      </c>
      <c r="EA32" s="61">
        <v>3</v>
      </c>
      <c r="EB32" s="61">
        <v>3</v>
      </c>
      <c r="EC32" s="62">
        <v>22</v>
      </c>
      <c r="ED32" s="63">
        <v>29</v>
      </c>
      <c r="EE32" s="60">
        <v>9</v>
      </c>
      <c r="EF32" s="61">
        <v>6</v>
      </c>
      <c r="EG32" s="62">
        <v>15</v>
      </c>
      <c r="EH32" s="443">
        <v>0</v>
      </c>
      <c r="EI32" s="61">
        <v>10</v>
      </c>
      <c r="EJ32" s="61">
        <v>8</v>
      </c>
      <c r="EK32" s="61">
        <v>6</v>
      </c>
      <c r="EL32" s="61">
        <v>6</v>
      </c>
      <c r="EM32" s="61">
        <v>4</v>
      </c>
      <c r="EN32" s="62">
        <v>34</v>
      </c>
      <c r="EO32" s="63">
        <v>49</v>
      </c>
      <c r="EP32" s="60">
        <v>17</v>
      </c>
      <c r="EQ32" s="61">
        <v>12</v>
      </c>
      <c r="ER32" s="62">
        <v>29</v>
      </c>
      <c r="ES32" s="443">
        <v>0</v>
      </c>
      <c r="ET32" s="61">
        <v>22</v>
      </c>
      <c r="EU32" s="61">
        <v>18</v>
      </c>
      <c r="EV32" s="61">
        <v>22</v>
      </c>
      <c r="EW32" s="61">
        <v>15</v>
      </c>
      <c r="EX32" s="61">
        <v>11</v>
      </c>
      <c r="EY32" s="62">
        <v>88</v>
      </c>
      <c r="EZ32" s="63">
        <v>117</v>
      </c>
      <c r="FA32" s="60">
        <v>14</v>
      </c>
      <c r="FB32" s="61">
        <v>13</v>
      </c>
      <c r="FC32" s="62">
        <v>27</v>
      </c>
      <c r="FD32" s="443">
        <v>0</v>
      </c>
      <c r="FE32" s="61">
        <v>28</v>
      </c>
      <c r="FF32" s="61">
        <v>26</v>
      </c>
      <c r="FG32" s="61">
        <v>17</v>
      </c>
      <c r="FH32" s="61">
        <v>23</v>
      </c>
      <c r="FI32" s="61">
        <v>15</v>
      </c>
      <c r="FJ32" s="62">
        <v>109</v>
      </c>
      <c r="FK32" s="63">
        <v>136</v>
      </c>
      <c r="FL32" s="60">
        <v>4</v>
      </c>
      <c r="FM32" s="61">
        <v>12</v>
      </c>
      <c r="FN32" s="62">
        <v>16</v>
      </c>
      <c r="FO32" s="443">
        <v>0</v>
      </c>
      <c r="FP32" s="61">
        <v>24</v>
      </c>
      <c r="FQ32" s="61">
        <v>23</v>
      </c>
      <c r="FR32" s="61">
        <v>25</v>
      </c>
      <c r="FS32" s="61">
        <v>34</v>
      </c>
      <c r="FT32" s="61">
        <v>17</v>
      </c>
      <c r="FU32" s="62">
        <v>123</v>
      </c>
      <c r="FV32" s="63">
        <v>139</v>
      </c>
      <c r="FW32" s="60">
        <v>0</v>
      </c>
      <c r="FX32" s="61">
        <v>3</v>
      </c>
      <c r="FY32" s="62">
        <v>3</v>
      </c>
      <c r="FZ32" s="443">
        <v>0</v>
      </c>
      <c r="GA32" s="61">
        <v>1</v>
      </c>
      <c r="GB32" s="61">
        <v>0</v>
      </c>
      <c r="GC32" s="61">
        <v>2</v>
      </c>
      <c r="GD32" s="61">
        <v>1</v>
      </c>
      <c r="GE32" s="61">
        <v>1</v>
      </c>
      <c r="GF32" s="62">
        <v>5</v>
      </c>
      <c r="GG32" s="63">
        <v>8</v>
      </c>
      <c r="GH32" s="60">
        <v>50</v>
      </c>
      <c r="GI32" s="61">
        <v>51</v>
      </c>
      <c r="GJ32" s="62">
        <v>101</v>
      </c>
      <c r="GK32" s="443">
        <v>0</v>
      </c>
      <c r="GL32" s="61">
        <v>94</v>
      </c>
      <c r="GM32" s="61">
        <v>86</v>
      </c>
      <c r="GN32" s="61">
        <v>76</v>
      </c>
      <c r="GO32" s="61">
        <v>82</v>
      </c>
      <c r="GP32" s="61">
        <v>53</v>
      </c>
      <c r="GQ32" s="62">
        <v>391</v>
      </c>
      <c r="GR32" s="63">
        <v>492</v>
      </c>
      <c r="GS32" s="113">
        <v>76</v>
      </c>
      <c r="GT32" s="72">
        <v>73</v>
      </c>
      <c r="GU32" s="73">
        <v>149</v>
      </c>
      <c r="GV32" s="224">
        <v>0</v>
      </c>
      <c r="GW32" s="72">
        <v>133</v>
      </c>
      <c r="GX32" s="72">
        <v>129</v>
      </c>
      <c r="GY32" s="72">
        <v>118</v>
      </c>
      <c r="GZ32" s="72">
        <v>109</v>
      </c>
      <c r="HA32" s="72">
        <v>69</v>
      </c>
      <c r="HB32" s="74">
        <v>558</v>
      </c>
      <c r="HC32" s="75">
        <v>707</v>
      </c>
      <c r="HD32" s="60">
        <v>6</v>
      </c>
      <c r="HE32" s="61">
        <v>1</v>
      </c>
      <c r="HF32" s="62">
        <v>7</v>
      </c>
      <c r="HG32" s="227">
        <v>0</v>
      </c>
      <c r="HH32" s="61">
        <v>6</v>
      </c>
      <c r="HI32" s="61">
        <v>5</v>
      </c>
      <c r="HJ32" s="61">
        <v>6</v>
      </c>
      <c r="HK32" s="61">
        <v>2</v>
      </c>
      <c r="HL32" s="61">
        <v>3</v>
      </c>
      <c r="HM32" s="62">
        <v>22</v>
      </c>
      <c r="HN32" s="63">
        <v>29</v>
      </c>
      <c r="HO32" s="60">
        <v>5</v>
      </c>
      <c r="HP32" s="61">
        <v>7</v>
      </c>
      <c r="HQ32" s="62">
        <v>12</v>
      </c>
      <c r="HR32" s="443">
        <v>0</v>
      </c>
      <c r="HS32" s="61">
        <v>10</v>
      </c>
      <c r="HT32" s="61">
        <v>11</v>
      </c>
      <c r="HU32" s="61">
        <v>9</v>
      </c>
      <c r="HV32" s="61">
        <v>4</v>
      </c>
      <c r="HW32" s="61">
        <v>3</v>
      </c>
      <c r="HX32" s="62">
        <v>37</v>
      </c>
      <c r="HY32" s="63">
        <v>49</v>
      </c>
      <c r="HZ32" s="60">
        <v>10</v>
      </c>
      <c r="IA32" s="61">
        <v>9</v>
      </c>
      <c r="IB32" s="62">
        <v>19</v>
      </c>
      <c r="IC32" s="443">
        <v>0</v>
      </c>
      <c r="ID32" s="61">
        <v>21</v>
      </c>
      <c r="IE32" s="61">
        <v>15</v>
      </c>
      <c r="IF32" s="61">
        <v>12</v>
      </c>
      <c r="IG32" s="61">
        <v>15</v>
      </c>
      <c r="IH32" s="61">
        <v>5</v>
      </c>
      <c r="II32" s="62">
        <v>68</v>
      </c>
      <c r="IJ32" s="63">
        <v>87</v>
      </c>
      <c r="IK32" s="60">
        <v>26</v>
      </c>
      <c r="IL32" s="61">
        <v>19</v>
      </c>
      <c r="IM32" s="62">
        <v>45</v>
      </c>
      <c r="IN32" s="443">
        <v>0</v>
      </c>
      <c r="IO32" s="61">
        <v>29</v>
      </c>
      <c r="IP32" s="61">
        <v>27</v>
      </c>
      <c r="IQ32" s="61">
        <v>30</v>
      </c>
      <c r="IR32" s="61">
        <v>22</v>
      </c>
      <c r="IS32" s="61">
        <v>15</v>
      </c>
      <c r="IT32" s="62">
        <v>123</v>
      </c>
      <c r="IU32" s="63">
        <v>168</v>
      </c>
      <c r="IV32" s="60">
        <v>22</v>
      </c>
      <c r="IW32" s="61">
        <v>21</v>
      </c>
      <c r="IX32" s="62">
        <v>43</v>
      </c>
      <c r="IY32" s="443">
        <v>0</v>
      </c>
      <c r="IZ32" s="61">
        <v>37</v>
      </c>
      <c r="JA32" s="61">
        <v>34</v>
      </c>
      <c r="JB32" s="61">
        <v>29</v>
      </c>
      <c r="JC32" s="61">
        <v>28</v>
      </c>
      <c r="JD32" s="61">
        <v>19</v>
      </c>
      <c r="JE32" s="62">
        <v>147</v>
      </c>
      <c r="JF32" s="63">
        <v>190</v>
      </c>
      <c r="JG32" s="60">
        <v>7</v>
      </c>
      <c r="JH32" s="61">
        <v>16</v>
      </c>
      <c r="JI32" s="62">
        <v>23</v>
      </c>
      <c r="JJ32" s="443">
        <v>0</v>
      </c>
      <c r="JK32" s="61">
        <v>30</v>
      </c>
      <c r="JL32" s="61">
        <v>37</v>
      </c>
      <c r="JM32" s="61">
        <v>32</v>
      </c>
      <c r="JN32" s="61">
        <v>38</v>
      </c>
      <c r="JO32" s="61">
        <v>24</v>
      </c>
      <c r="JP32" s="62">
        <v>161</v>
      </c>
      <c r="JQ32" s="63">
        <v>184</v>
      </c>
      <c r="JR32" s="60">
        <v>2</v>
      </c>
      <c r="JS32" s="61">
        <v>4</v>
      </c>
      <c r="JT32" s="62">
        <v>6</v>
      </c>
      <c r="JU32" s="443">
        <v>0</v>
      </c>
      <c r="JV32" s="61">
        <v>5</v>
      </c>
      <c r="JW32" s="61">
        <v>1</v>
      </c>
      <c r="JX32" s="61">
        <v>3</v>
      </c>
      <c r="JY32" s="61">
        <v>1</v>
      </c>
      <c r="JZ32" s="61">
        <v>4</v>
      </c>
      <c r="KA32" s="62">
        <v>14</v>
      </c>
      <c r="KB32" s="63">
        <v>20</v>
      </c>
      <c r="KC32" s="60">
        <v>78</v>
      </c>
      <c r="KD32" s="61">
        <v>77</v>
      </c>
      <c r="KE32" s="62">
        <v>155</v>
      </c>
      <c r="KF32" s="443">
        <v>0</v>
      </c>
      <c r="KG32" s="61">
        <v>138</v>
      </c>
      <c r="KH32" s="61">
        <v>130</v>
      </c>
      <c r="KI32" s="61">
        <v>121</v>
      </c>
      <c r="KJ32" s="61">
        <v>110</v>
      </c>
      <c r="KK32" s="61">
        <v>73</v>
      </c>
      <c r="KL32" s="62">
        <v>572</v>
      </c>
      <c r="KM32" s="63">
        <v>727</v>
      </c>
    </row>
    <row r="33" spans="2:299" ht="21" customHeight="1" x14ac:dyDescent="0.2">
      <c r="B33" s="437" t="s">
        <v>30</v>
      </c>
      <c r="C33" s="287">
        <v>25</v>
      </c>
      <c r="D33" s="72">
        <v>9</v>
      </c>
      <c r="E33" s="73">
        <v>34</v>
      </c>
      <c r="F33" s="443">
        <v>0</v>
      </c>
      <c r="G33" s="72">
        <v>29</v>
      </c>
      <c r="H33" s="72">
        <v>28</v>
      </c>
      <c r="I33" s="72">
        <v>26</v>
      </c>
      <c r="J33" s="72">
        <v>30</v>
      </c>
      <c r="K33" s="72">
        <v>14</v>
      </c>
      <c r="L33" s="74">
        <v>127</v>
      </c>
      <c r="M33" s="75">
        <v>161</v>
      </c>
      <c r="N33" s="60">
        <v>2</v>
      </c>
      <c r="O33" s="61">
        <v>2</v>
      </c>
      <c r="P33" s="62">
        <v>4</v>
      </c>
      <c r="Q33" s="443">
        <v>0</v>
      </c>
      <c r="R33" s="61">
        <v>0</v>
      </c>
      <c r="S33" s="61">
        <v>1</v>
      </c>
      <c r="T33" s="61">
        <v>1</v>
      </c>
      <c r="U33" s="61">
        <v>3</v>
      </c>
      <c r="V33" s="61">
        <v>2</v>
      </c>
      <c r="W33" s="62">
        <v>7</v>
      </c>
      <c r="X33" s="63">
        <v>11</v>
      </c>
      <c r="Y33" s="60">
        <v>7</v>
      </c>
      <c r="Z33" s="61">
        <v>1</v>
      </c>
      <c r="AA33" s="62">
        <v>8</v>
      </c>
      <c r="AB33" s="443">
        <v>0</v>
      </c>
      <c r="AC33" s="61">
        <v>2</v>
      </c>
      <c r="AD33" s="61">
        <v>6</v>
      </c>
      <c r="AE33" s="61">
        <v>3</v>
      </c>
      <c r="AF33" s="61">
        <v>1</v>
      </c>
      <c r="AG33" s="61">
        <v>2</v>
      </c>
      <c r="AH33" s="62">
        <v>14</v>
      </c>
      <c r="AI33" s="63">
        <v>22</v>
      </c>
      <c r="AJ33" s="60">
        <v>3</v>
      </c>
      <c r="AK33" s="61">
        <v>2</v>
      </c>
      <c r="AL33" s="62">
        <v>5</v>
      </c>
      <c r="AM33" s="443">
        <v>0</v>
      </c>
      <c r="AN33" s="61">
        <v>2</v>
      </c>
      <c r="AO33" s="61">
        <v>5</v>
      </c>
      <c r="AP33" s="61">
        <v>3</v>
      </c>
      <c r="AQ33" s="61">
        <v>8</v>
      </c>
      <c r="AR33" s="61">
        <v>2</v>
      </c>
      <c r="AS33" s="62">
        <v>20</v>
      </c>
      <c r="AT33" s="63">
        <v>25</v>
      </c>
      <c r="AU33" s="60">
        <v>7</v>
      </c>
      <c r="AV33" s="61">
        <v>0</v>
      </c>
      <c r="AW33" s="62">
        <v>7</v>
      </c>
      <c r="AX33" s="443">
        <v>0</v>
      </c>
      <c r="AY33" s="61">
        <v>11</v>
      </c>
      <c r="AZ33" s="61">
        <v>5</v>
      </c>
      <c r="BA33" s="61">
        <v>5</v>
      </c>
      <c r="BB33" s="61">
        <v>5</v>
      </c>
      <c r="BC33" s="61">
        <v>4</v>
      </c>
      <c r="BD33" s="62">
        <v>30</v>
      </c>
      <c r="BE33" s="63">
        <v>37</v>
      </c>
      <c r="BF33" s="60">
        <v>2</v>
      </c>
      <c r="BG33" s="61">
        <v>2</v>
      </c>
      <c r="BH33" s="62">
        <v>4</v>
      </c>
      <c r="BI33" s="443">
        <v>0</v>
      </c>
      <c r="BJ33" s="61">
        <v>8</v>
      </c>
      <c r="BK33" s="61">
        <v>7</v>
      </c>
      <c r="BL33" s="61">
        <v>9</v>
      </c>
      <c r="BM33" s="61">
        <v>6</v>
      </c>
      <c r="BN33" s="61">
        <v>0</v>
      </c>
      <c r="BO33" s="62">
        <v>30</v>
      </c>
      <c r="BP33" s="63">
        <v>34</v>
      </c>
      <c r="BQ33" s="60">
        <v>4</v>
      </c>
      <c r="BR33" s="61">
        <v>2</v>
      </c>
      <c r="BS33" s="62">
        <v>6</v>
      </c>
      <c r="BT33" s="443">
        <v>0</v>
      </c>
      <c r="BU33" s="61">
        <v>6</v>
      </c>
      <c r="BV33" s="61">
        <v>4</v>
      </c>
      <c r="BW33" s="61">
        <v>5</v>
      </c>
      <c r="BX33" s="61">
        <v>7</v>
      </c>
      <c r="BY33" s="61">
        <v>4</v>
      </c>
      <c r="BZ33" s="62">
        <v>26</v>
      </c>
      <c r="CA33" s="63">
        <v>32</v>
      </c>
      <c r="CB33" s="60">
        <v>1</v>
      </c>
      <c r="CC33" s="61">
        <v>0</v>
      </c>
      <c r="CD33" s="62">
        <v>1</v>
      </c>
      <c r="CE33" s="443">
        <v>0</v>
      </c>
      <c r="CF33" s="61">
        <v>2</v>
      </c>
      <c r="CG33" s="61">
        <v>2</v>
      </c>
      <c r="CH33" s="61">
        <v>3</v>
      </c>
      <c r="CI33" s="61">
        <v>1</v>
      </c>
      <c r="CJ33" s="61">
        <v>0</v>
      </c>
      <c r="CK33" s="62">
        <v>8</v>
      </c>
      <c r="CL33" s="63">
        <v>9</v>
      </c>
      <c r="CM33" s="60">
        <v>26</v>
      </c>
      <c r="CN33" s="61">
        <v>9</v>
      </c>
      <c r="CO33" s="62">
        <v>35</v>
      </c>
      <c r="CP33" s="443">
        <v>0</v>
      </c>
      <c r="CQ33" s="61">
        <v>31</v>
      </c>
      <c r="CR33" s="61">
        <v>30</v>
      </c>
      <c r="CS33" s="61">
        <v>29</v>
      </c>
      <c r="CT33" s="61">
        <v>31</v>
      </c>
      <c r="CU33" s="61">
        <v>14</v>
      </c>
      <c r="CV33" s="62">
        <v>135</v>
      </c>
      <c r="CW33" s="63">
        <v>170</v>
      </c>
      <c r="CX33" s="113">
        <v>43</v>
      </c>
      <c r="CY33" s="72">
        <v>36</v>
      </c>
      <c r="CZ33" s="73">
        <v>79</v>
      </c>
      <c r="DA33" s="443">
        <v>0</v>
      </c>
      <c r="DB33" s="72">
        <v>92</v>
      </c>
      <c r="DC33" s="72">
        <v>61</v>
      </c>
      <c r="DD33" s="72">
        <v>66</v>
      </c>
      <c r="DE33" s="72">
        <v>66</v>
      </c>
      <c r="DF33" s="72">
        <v>37</v>
      </c>
      <c r="DG33" s="74">
        <v>322</v>
      </c>
      <c r="DH33" s="75">
        <v>401</v>
      </c>
      <c r="DI33" s="60">
        <v>1</v>
      </c>
      <c r="DJ33" s="61">
        <v>0</v>
      </c>
      <c r="DK33" s="62">
        <v>1</v>
      </c>
      <c r="DL33" s="443">
        <v>0</v>
      </c>
      <c r="DM33" s="61">
        <v>1</v>
      </c>
      <c r="DN33" s="61">
        <v>0</v>
      </c>
      <c r="DO33" s="61">
        <v>1</v>
      </c>
      <c r="DP33" s="61">
        <v>0</v>
      </c>
      <c r="DQ33" s="61">
        <v>1</v>
      </c>
      <c r="DR33" s="62">
        <v>3</v>
      </c>
      <c r="DS33" s="63">
        <v>4</v>
      </c>
      <c r="DT33" s="60">
        <v>5</v>
      </c>
      <c r="DU33" s="61">
        <v>1</v>
      </c>
      <c r="DV33" s="62">
        <v>6</v>
      </c>
      <c r="DW33" s="443">
        <v>0</v>
      </c>
      <c r="DX33" s="61">
        <v>1</v>
      </c>
      <c r="DY33" s="61">
        <v>3</v>
      </c>
      <c r="DZ33" s="61">
        <v>3</v>
      </c>
      <c r="EA33" s="61">
        <v>3</v>
      </c>
      <c r="EB33" s="61">
        <v>2</v>
      </c>
      <c r="EC33" s="62">
        <v>12</v>
      </c>
      <c r="ED33" s="63">
        <v>18</v>
      </c>
      <c r="EE33" s="60">
        <v>8</v>
      </c>
      <c r="EF33" s="61">
        <v>4</v>
      </c>
      <c r="EG33" s="62">
        <v>12</v>
      </c>
      <c r="EH33" s="443">
        <v>0</v>
      </c>
      <c r="EI33" s="61">
        <v>10</v>
      </c>
      <c r="EJ33" s="61">
        <v>10</v>
      </c>
      <c r="EK33" s="61">
        <v>8</v>
      </c>
      <c r="EL33" s="61">
        <v>5</v>
      </c>
      <c r="EM33" s="61">
        <v>1</v>
      </c>
      <c r="EN33" s="62">
        <v>34</v>
      </c>
      <c r="EO33" s="63">
        <v>46</v>
      </c>
      <c r="EP33" s="60">
        <v>13</v>
      </c>
      <c r="EQ33" s="61">
        <v>10</v>
      </c>
      <c r="ER33" s="62">
        <v>23</v>
      </c>
      <c r="ES33" s="443">
        <v>0</v>
      </c>
      <c r="ET33" s="61">
        <v>27</v>
      </c>
      <c r="EU33" s="61">
        <v>10</v>
      </c>
      <c r="EV33" s="61">
        <v>11</v>
      </c>
      <c r="EW33" s="61">
        <v>8</v>
      </c>
      <c r="EX33" s="61">
        <v>7</v>
      </c>
      <c r="EY33" s="62">
        <v>63</v>
      </c>
      <c r="EZ33" s="63">
        <v>86</v>
      </c>
      <c r="FA33" s="60">
        <v>9</v>
      </c>
      <c r="FB33" s="61">
        <v>9</v>
      </c>
      <c r="FC33" s="62">
        <v>18</v>
      </c>
      <c r="FD33" s="443">
        <v>0</v>
      </c>
      <c r="FE33" s="61">
        <v>24</v>
      </c>
      <c r="FF33" s="61">
        <v>14</v>
      </c>
      <c r="FG33" s="61">
        <v>11</v>
      </c>
      <c r="FH33" s="61">
        <v>14</v>
      </c>
      <c r="FI33" s="61">
        <v>12</v>
      </c>
      <c r="FJ33" s="62">
        <v>75</v>
      </c>
      <c r="FK33" s="63">
        <v>93</v>
      </c>
      <c r="FL33" s="60">
        <v>7</v>
      </c>
      <c r="FM33" s="61">
        <v>12</v>
      </c>
      <c r="FN33" s="62">
        <v>19</v>
      </c>
      <c r="FO33" s="443">
        <v>0</v>
      </c>
      <c r="FP33" s="61">
        <v>29</v>
      </c>
      <c r="FQ33" s="61">
        <v>24</v>
      </c>
      <c r="FR33" s="61">
        <v>32</v>
      </c>
      <c r="FS33" s="61">
        <v>36</v>
      </c>
      <c r="FT33" s="61">
        <v>14</v>
      </c>
      <c r="FU33" s="62">
        <v>135</v>
      </c>
      <c r="FV33" s="63">
        <v>154</v>
      </c>
      <c r="FW33" s="60">
        <v>0</v>
      </c>
      <c r="FX33" s="61">
        <v>1</v>
      </c>
      <c r="FY33" s="62">
        <v>1</v>
      </c>
      <c r="FZ33" s="443">
        <v>0</v>
      </c>
      <c r="GA33" s="61">
        <v>1</v>
      </c>
      <c r="GB33" s="61">
        <v>0</v>
      </c>
      <c r="GC33" s="61">
        <v>1</v>
      </c>
      <c r="GD33" s="61">
        <v>2</v>
      </c>
      <c r="GE33" s="61">
        <v>0</v>
      </c>
      <c r="GF33" s="62">
        <v>4</v>
      </c>
      <c r="GG33" s="63">
        <v>5</v>
      </c>
      <c r="GH33" s="60">
        <v>43</v>
      </c>
      <c r="GI33" s="61">
        <v>37</v>
      </c>
      <c r="GJ33" s="62">
        <v>80</v>
      </c>
      <c r="GK33" s="443">
        <v>0</v>
      </c>
      <c r="GL33" s="61">
        <v>93</v>
      </c>
      <c r="GM33" s="61">
        <v>61</v>
      </c>
      <c r="GN33" s="61">
        <v>67</v>
      </c>
      <c r="GO33" s="61">
        <v>68</v>
      </c>
      <c r="GP33" s="61">
        <v>37</v>
      </c>
      <c r="GQ33" s="62">
        <v>326</v>
      </c>
      <c r="GR33" s="63">
        <v>406</v>
      </c>
      <c r="GS33" s="113">
        <v>68</v>
      </c>
      <c r="GT33" s="72">
        <v>45</v>
      </c>
      <c r="GU33" s="73">
        <v>113</v>
      </c>
      <c r="GV33" s="224">
        <v>0</v>
      </c>
      <c r="GW33" s="72">
        <v>121</v>
      </c>
      <c r="GX33" s="72">
        <v>89</v>
      </c>
      <c r="GY33" s="72">
        <v>92</v>
      </c>
      <c r="GZ33" s="72">
        <v>96</v>
      </c>
      <c r="HA33" s="72">
        <v>51</v>
      </c>
      <c r="HB33" s="74">
        <v>449</v>
      </c>
      <c r="HC33" s="75">
        <v>562</v>
      </c>
      <c r="HD33" s="60">
        <v>3</v>
      </c>
      <c r="HE33" s="61">
        <v>2</v>
      </c>
      <c r="HF33" s="62">
        <v>5</v>
      </c>
      <c r="HG33" s="227">
        <v>0</v>
      </c>
      <c r="HH33" s="61">
        <v>1</v>
      </c>
      <c r="HI33" s="61">
        <v>1</v>
      </c>
      <c r="HJ33" s="61">
        <v>2</v>
      </c>
      <c r="HK33" s="61">
        <v>3</v>
      </c>
      <c r="HL33" s="61">
        <v>3</v>
      </c>
      <c r="HM33" s="62">
        <v>10</v>
      </c>
      <c r="HN33" s="63">
        <v>15</v>
      </c>
      <c r="HO33" s="60">
        <v>12</v>
      </c>
      <c r="HP33" s="61">
        <v>2</v>
      </c>
      <c r="HQ33" s="62">
        <v>14</v>
      </c>
      <c r="HR33" s="443">
        <v>0</v>
      </c>
      <c r="HS33" s="61">
        <v>3</v>
      </c>
      <c r="HT33" s="61">
        <v>9</v>
      </c>
      <c r="HU33" s="61">
        <v>6</v>
      </c>
      <c r="HV33" s="61">
        <v>4</v>
      </c>
      <c r="HW33" s="61">
        <v>4</v>
      </c>
      <c r="HX33" s="62">
        <v>26</v>
      </c>
      <c r="HY33" s="63">
        <v>40</v>
      </c>
      <c r="HZ33" s="60">
        <v>11</v>
      </c>
      <c r="IA33" s="61">
        <v>6</v>
      </c>
      <c r="IB33" s="62">
        <v>17</v>
      </c>
      <c r="IC33" s="443">
        <v>0</v>
      </c>
      <c r="ID33" s="61">
        <v>12</v>
      </c>
      <c r="IE33" s="61">
        <v>15</v>
      </c>
      <c r="IF33" s="61">
        <v>11</v>
      </c>
      <c r="IG33" s="61">
        <v>13</v>
      </c>
      <c r="IH33" s="61">
        <v>3</v>
      </c>
      <c r="II33" s="62">
        <v>54</v>
      </c>
      <c r="IJ33" s="63">
        <v>71</v>
      </c>
      <c r="IK33" s="60">
        <v>20</v>
      </c>
      <c r="IL33" s="61">
        <v>10</v>
      </c>
      <c r="IM33" s="62">
        <v>30</v>
      </c>
      <c r="IN33" s="443">
        <v>0</v>
      </c>
      <c r="IO33" s="61">
        <v>38</v>
      </c>
      <c r="IP33" s="61">
        <v>15</v>
      </c>
      <c r="IQ33" s="61">
        <v>16</v>
      </c>
      <c r="IR33" s="61">
        <v>13</v>
      </c>
      <c r="IS33" s="61">
        <v>11</v>
      </c>
      <c r="IT33" s="62">
        <v>93</v>
      </c>
      <c r="IU33" s="63">
        <v>123</v>
      </c>
      <c r="IV33" s="60">
        <v>11</v>
      </c>
      <c r="IW33" s="61">
        <v>11</v>
      </c>
      <c r="IX33" s="62">
        <v>22</v>
      </c>
      <c r="IY33" s="443">
        <v>0</v>
      </c>
      <c r="IZ33" s="61">
        <v>32</v>
      </c>
      <c r="JA33" s="61">
        <v>21</v>
      </c>
      <c r="JB33" s="61">
        <v>20</v>
      </c>
      <c r="JC33" s="61">
        <v>20</v>
      </c>
      <c r="JD33" s="61">
        <v>12</v>
      </c>
      <c r="JE33" s="62">
        <v>105</v>
      </c>
      <c r="JF33" s="63">
        <v>127</v>
      </c>
      <c r="JG33" s="60">
        <v>11</v>
      </c>
      <c r="JH33" s="61">
        <v>14</v>
      </c>
      <c r="JI33" s="62">
        <v>25</v>
      </c>
      <c r="JJ33" s="443">
        <v>0</v>
      </c>
      <c r="JK33" s="61">
        <v>35</v>
      </c>
      <c r="JL33" s="61">
        <v>28</v>
      </c>
      <c r="JM33" s="61">
        <v>37</v>
      </c>
      <c r="JN33" s="61">
        <v>43</v>
      </c>
      <c r="JO33" s="61">
        <v>18</v>
      </c>
      <c r="JP33" s="62">
        <v>161</v>
      </c>
      <c r="JQ33" s="63">
        <v>186</v>
      </c>
      <c r="JR33" s="60">
        <v>1</v>
      </c>
      <c r="JS33" s="61">
        <v>1</v>
      </c>
      <c r="JT33" s="62">
        <v>2</v>
      </c>
      <c r="JU33" s="443">
        <v>0</v>
      </c>
      <c r="JV33" s="61">
        <v>3</v>
      </c>
      <c r="JW33" s="61">
        <v>2</v>
      </c>
      <c r="JX33" s="61">
        <v>4</v>
      </c>
      <c r="JY33" s="61">
        <v>3</v>
      </c>
      <c r="JZ33" s="61">
        <v>0</v>
      </c>
      <c r="KA33" s="62">
        <v>12</v>
      </c>
      <c r="KB33" s="63">
        <v>14</v>
      </c>
      <c r="KC33" s="60">
        <v>69</v>
      </c>
      <c r="KD33" s="61">
        <v>46</v>
      </c>
      <c r="KE33" s="62">
        <v>115</v>
      </c>
      <c r="KF33" s="443">
        <v>0</v>
      </c>
      <c r="KG33" s="61">
        <v>124</v>
      </c>
      <c r="KH33" s="61">
        <v>91</v>
      </c>
      <c r="KI33" s="61">
        <v>96</v>
      </c>
      <c r="KJ33" s="61">
        <v>99</v>
      </c>
      <c r="KK33" s="61">
        <v>51</v>
      </c>
      <c r="KL33" s="62">
        <v>461</v>
      </c>
      <c r="KM33" s="63">
        <v>576</v>
      </c>
    </row>
    <row r="34" spans="2:299" ht="21" customHeight="1" x14ac:dyDescent="0.2">
      <c r="B34" s="437" t="s">
        <v>31</v>
      </c>
      <c r="C34" s="287">
        <v>19</v>
      </c>
      <c r="D34" s="72">
        <v>39</v>
      </c>
      <c r="E34" s="73">
        <v>58</v>
      </c>
      <c r="F34" s="443">
        <v>0</v>
      </c>
      <c r="G34" s="72">
        <v>57</v>
      </c>
      <c r="H34" s="72">
        <v>37</v>
      </c>
      <c r="I34" s="72">
        <v>44</v>
      </c>
      <c r="J34" s="72">
        <v>28</v>
      </c>
      <c r="K34" s="72">
        <v>16</v>
      </c>
      <c r="L34" s="74">
        <v>182</v>
      </c>
      <c r="M34" s="75">
        <v>240</v>
      </c>
      <c r="N34" s="60">
        <v>0</v>
      </c>
      <c r="O34" s="61">
        <v>2</v>
      </c>
      <c r="P34" s="62">
        <v>2</v>
      </c>
      <c r="Q34" s="443">
        <v>0</v>
      </c>
      <c r="R34" s="61">
        <v>1</v>
      </c>
      <c r="S34" s="61">
        <v>5</v>
      </c>
      <c r="T34" s="61">
        <v>4</v>
      </c>
      <c r="U34" s="61">
        <v>3</v>
      </c>
      <c r="V34" s="61">
        <v>1</v>
      </c>
      <c r="W34" s="62">
        <v>14</v>
      </c>
      <c r="X34" s="63">
        <v>16</v>
      </c>
      <c r="Y34" s="60">
        <v>1</v>
      </c>
      <c r="Z34" s="61">
        <v>3</v>
      </c>
      <c r="AA34" s="62">
        <v>4</v>
      </c>
      <c r="AB34" s="443">
        <v>0</v>
      </c>
      <c r="AC34" s="61">
        <v>6</v>
      </c>
      <c r="AD34" s="61">
        <v>4</v>
      </c>
      <c r="AE34" s="61">
        <v>6</v>
      </c>
      <c r="AF34" s="61">
        <v>5</v>
      </c>
      <c r="AG34" s="61">
        <v>3</v>
      </c>
      <c r="AH34" s="62">
        <v>24</v>
      </c>
      <c r="AI34" s="63">
        <v>28</v>
      </c>
      <c r="AJ34" s="60">
        <v>4</v>
      </c>
      <c r="AK34" s="61">
        <v>7</v>
      </c>
      <c r="AL34" s="62">
        <v>11</v>
      </c>
      <c r="AM34" s="443">
        <v>0</v>
      </c>
      <c r="AN34" s="61">
        <v>7</v>
      </c>
      <c r="AO34" s="61">
        <v>7</v>
      </c>
      <c r="AP34" s="61">
        <v>8</v>
      </c>
      <c r="AQ34" s="61">
        <v>5</v>
      </c>
      <c r="AR34" s="61">
        <v>4</v>
      </c>
      <c r="AS34" s="62">
        <v>31</v>
      </c>
      <c r="AT34" s="63">
        <v>42</v>
      </c>
      <c r="AU34" s="60">
        <v>4</v>
      </c>
      <c r="AV34" s="61">
        <v>11</v>
      </c>
      <c r="AW34" s="62">
        <v>15</v>
      </c>
      <c r="AX34" s="443">
        <v>0</v>
      </c>
      <c r="AY34" s="61">
        <v>13</v>
      </c>
      <c r="AZ34" s="61">
        <v>9</v>
      </c>
      <c r="BA34" s="61">
        <v>6</v>
      </c>
      <c r="BB34" s="61">
        <v>4</v>
      </c>
      <c r="BC34" s="61">
        <v>0</v>
      </c>
      <c r="BD34" s="62">
        <v>32</v>
      </c>
      <c r="BE34" s="63">
        <v>47</v>
      </c>
      <c r="BF34" s="60">
        <v>5</v>
      </c>
      <c r="BG34" s="61">
        <v>9</v>
      </c>
      <c r="BH34" s="62">
        <v>14</v>
      </c>
      <c r="BI34" s="443">
        <v>0</v>
      </c>
      <c r="BJ34" s="61">
        <v>18</v>
      </c>
      <c r="BK34" s="61">
        <v>6</v>
      </c>
      <c r="BL34" s="61">
        <v>8</v>
      </c>
      <c r="BM34" s="61">
        <v>6</v>
      </c>
      <c r="BN34" s="61">
        <v>3</v>
      </c>
      <c r="BO34" s="62">
        <v>41</v>
      </c>
      <c r="BP34" s="63">
        <v>55</v>
      </c>
      <c r="BQ34" s="60">
        <v>5</v>
      </c>
      <c r="BR34" s="61">
        <v>7</v>
      </c>
      <c r="BS34" s="62">
        <v>12</v>
      </c>
      <c r="BT34" s="443">
        <v>0</v>
      </c>
      <c r="BU34" s="61">
        <v>12</v>
      </c>
      <c r="BV34" s="61">
        <v>6</v>
      </c>
      <c r="BW34" s="61">
        <v>12</v>
      </c>
      <c r="BX34" s="61">
        <v>5</v>
      </c>
      <c r="BY34" s="61">
        <v>5</v>
      </c>
      <c r="BZ34" s="62">
        <v>40</v>
      </c>
      <c r="CA34" s="63">
        <v>52</v>
      </c>
      <c r="CB34" s="60">
        <v>0</v>
      </c>
      <c r="CC34" s="61">
        <v>4</v>
      </c>
      <c r="CD34" s="62">
        <v>4</v>
      </c>
      <c r="CE34" s="443">
        <v>0</v>
      </c>
      <c r="CF34" s="61">
        <v>1</v>
      </c>
      <c r="CG34" s="61">
        <v>1</v>
      </c>
      <c r="CH34" s="61">
        <v>0</v>
      </c>
      <c r="CI34" s="61">
        <v>1</v>
      </c>
      <c r="CJ34" s="61">
        <v>0</v>
      </c>
      <c r="CK34" s="62">
        <v>3</v>
      </c>
      <c r="CL34" s="63">
        <v>7</v>
      </c>
      <c r="CM34" s="60">
        <v>19</v>
      </c>
      <c r="CN34" s="61">
        <v>43</v>
      </c>
      <c r="CO34" s="62">
        <v>62</v>
      </c>
      <c r="CP34" s="443">
        <v>0</v>
      </c>
      <c r="CQ34" s="61">
        <v>58</v>
      </c>
      <c r="CR34" s="61">
        <v>38</v>
      </c>
      <c r="CS34" s="61">
        <v>44</v>
      </c>
      <c r="CT34" s="61">
        <v>29</v>
      </c>
      <c r="CU34" s="61">
        <v>16</v>
      </c>
      <c r="CV34" s="62">
        <v>185</v>
      </c>
      <c r="CW34" s="63">
        <v>247</v>
      </c>
      <c r="CX34" s="113">
        <v>51</v>
      </c>
      <c r="CY34" s="72">
        <v>80</v>
      </c>
      <c r="CZ34" s="73">
        <v>131</v>
      </c>
      <c r="DA34" s="443">
        <v>0</v>
      </c>
      <c r="DB34" s="72">
        <v>106</v>
      </c>
      <c r="DC34" s="72">
        <v>97</v>
      </c>
      <c r="DD34" s="72">
        <v>68</v>
      </c>
      <c r="DE34" s="72">
        <v>68</v>
      </c>
      <c r="DF34" s="72">
        <v>40</v>
      </c>
      <c r="DG34" s="74">
        <v>379</v>
      </c>
      <c r="DH34" s="75">
        <v>510</v>
      </c>
      <c r="DI34" s="60">
        <v>0</v>
      </c>
      <c r="DJ34" s="61">
        <v>1</v>
      </c>
      <c r="DK34" s="62">
        <v>1</v>
      </c>
      <c r="DL34" s="443">
        <v>0</v>
      </c>
      <c r="DM34" s="61">
        <v>1</v>
      </c>
      <c r="DN34" s="61">
        <v>1</v>
      </c>
      <c r="DO34" s="61">
        <v>1</v>
      </c>
      <c r="DP34" s="61">
        <v>2</v>
      </c>
      <c r="DQ34" s="61">
        <v>2</v>
      </c>
      <c r="DR34" s="62">
        <v>7</v>
      </c>
      <c r="DS34" s="63">
        <v>8</v>
      </c>
      <c r="DT34" s="60">
        <v>1</v>
      </c>
      <c r="DU34" s="61">
        <v>3</v>
      </c>
      <c r="DV34" s="62">
        <v>4</v>
      </c>
      <c r="DW34" s="443">
        <v>0</v>
      </c>
      <c r="DX34" s="61">
        <v>10</v>
      </c>
      <c r="DY34" s="61">
        <v>7</v>
      </c>
      <c r="DZ34" s="61">
        <v>6</v>
      </c>
      <c r="EA34" s="61">
        <v>3</v>
      </c>
      <c r="EB34" s="61">
        <v>3</v>
      </c>
      <c r="EC34" s="62">
        <v>29</v>
      </c>
      <c r="ED34" s="63">
        <v>33</v>
      </c>
      <c r="EE34" s="60">
        <v>5</v>
      </c>
      <c r="EF34" s="61">
        <v>7</v>
      </c>
      <c r="EG34" s="62">
        <v>12</v>
      </c>
      <c r="EH34" s="443">
        <v>0</v>
      </c>
      <c r="EI34" s="61">
        <v>14</v>
      </c>
      <c r="EJ34" s="61">
        <v>7</v>
      </c>
      <c r="EK34" s="61">
        <v>3</v>
      </c>
      <c r="EL34" s="61">
        <v>6</v>
      </c>
      <c r="EM34" s="61">
        <v>1</v>
      </c>
      <c r="EN34" s="62">
        <v>31</v>
      </c>
      <c r="EO34" s="63">
        <v>43</v>
      </c>
      <c r="EP34" s="60">
        <v>13</v>
      </c>
      <c r="EQ34" s="61">
        <v>26</v>
      </c>
      <c r="ER34" s="62">
        <v>39</v>
      </c>
      <c r="ES34" s="443">
        <v>0</v>
      </c>
      <c r="ET34" s="61">
        <v>15</v>
      </c>
      <c r="EU34" s="61">
        <v>19</v>
      </c>
      <c r="EV34" s="61">
        <v>13</v>
      </c>
      <c r="EW34" s="61">
        <v>5</v>
      </c>
      <c r="EX34" s="61">
        <v>3</v>
      </c>
      <c r="EY34" s="62">
        <v>55</v>
      </c>
      <c r="EZ34" s="63">
        <v>94</v>
      </c>
      <c r="FA34" s="60">
        <v>25</v>
      </c>
      <c r="FB34" s="61">
        <v>22</v>
      </c>
      <c r="FC34" s="62">
        <v>47</v>
      </c>
      <c r="FD34" s="443">
        <v>0</v>
      </c>
      <c r="FE34" s="61">
        <v>29</v>
      </c>
      <c r="FF34" s="61">
        <v>28</v>
      </c>
      <c r="FG34" s="61">
        <v>19</v>
      </c>
      <c r="FH34" s="61">
        <v>14</v>
      </c>
      <c r="FI34" s="61">
        <v>13</v>
      </c>
      <c r="FJ34" s="62">
        <v>103</v>
      </c>
      <c r="FK34" s="63">
        <v>150</v>
      </c>
      <c r="FL34" s="60">
        <v>7</v>
      </c>
      <c r="FM34" s="61">
        <v>21</v>
      </c>
      <c r="FN34" s="62">
        <v>28</v>
      </c>
      <c r="FO34" s="443">
        <v>0</v>
      </c>
      <c r="FP34" s="61">
        <v>37</v>
      </c>
      <c r="FQ34" s="61">
        <v>35</v>
      </c>
      <c r="FR34" s="61">
        <v>26</v>
      </c>
      <c r="FS34" s="61">
        <v>38</v>
      </c>
      <c r="FT34" s="61">
        <v>18</v>
      </c>
      <c r="FU34" s="62">
        <v>154</v>
      </c>
      <c r="FV34" s="63">
        <v>182</v>
      </c>
      <c r="FW34" s="60">
        <v>0</v>
      </c>
      <c r="FX34" s="61">
        <v>0</v>
      </c>
      <c r="FY34" s="62">
        <v>0</v>
      </c>
      <c r="FZ34" s="443">
        <v>0</v>
      </c>
      <c r="GA34" s="61">
        <v>1</v>
      </c>
      <c r="GB34" s="61">
        <v>0</v>
      </c>
      <c r="GC34" s="61">
        <v>0</v>
      </c>
      <c r="GD34" s="61">
        <v>1</v>
      </c>
      <c r="GE34" s="61">
        <v>1</v>
      </c>
      <c r="GF34" s="62">
        <v>3</v>
      </c>
      <c r="GG34" s="63">
        <v>3</v>
      </c>
      <c r="GH34" s="60">
        <v>51</v>
      </c>
      <c r="GI34" s="61">
        <v>80</v>
      </c>
      <c r="GJ34" s="62">
        <v>131</v>
      </c>
      <c r="GK34" s="443">
        <v>0</v>
      </c>
      <c r="GL34" s="61">
        <v>107</v>
      </c>
      <c r="GM34" s="61">
        <v>97</v>
      </c>
      <c r="GN34" s="61">
        <v>68</v>
      </c>
      <c r="GO34" s="61">
        <v>69</v>
      </c>
      <c r="GP34" s="61">
        <v>41</v>
      </c>
      <c r="GQ34" s="62">
        <v>382</v>
      </c>
      <c r="GR34" s="63">
        <v>513</v>
      </c>
      <c r="GS34" s="113">
        <v>70</v>
      </c>
      <c r="GT34" s="72">
        <v>119</v>
      </c>
      <c r="GU34" s="73">
        <v>189</v>
      </c>
      <c r="GV34" s="224">
        <v>0</v>
      </c>
      <c r="GW34" s="72">
        <v>163</v>
      </c>
      <c r="GX34" s="72">
        <v>134</v>
      </c>
      <c r="GY34" s="72">
        <v>112</v>
      </c>
      <c r="GZ34" s="72">
        <v>96</v>
      </c>
      <c r="HA34" s="72">
        <v>56</v>
      </c>
      <c r="HB34" s="74">
        <v>561</v>
      </c>
      <c r="HC34" s="75">
        <v>750</v>
      </c>
      <c r="HD34" s="60">
        <v>0</v>
      </c>
      <c r="HE34" s="61">
        <v>3</v>
      </c>
      <c r="HF34" s="62">
        <v>3</v>
      </c>
      <c r="HG34" s="227">
        <v>0</v>
      </c>
      <c r="HH34" s="61">
        <v>2</v>
      </c>
      <c r="HI34" s="61">
        <v>6</v>
      </c>
      <c r="HJ34" s="61">
        <v>5</v>
      </c>
      <c r="HK34" s="61">
        <v>5</v>
      </c>
      <c r="HL34" s="61">
        <v>3</v>
      </c>
      <c r="HM34" s="62">
        <v>21</v>
      </c>
      <c r="HN34" s="63">
        <v>24</v>
      </c>
      <c r="HO34" s="60">
        <v>2</v>
      </c>
      <c r="HP34" s="61">
        <v>6</v>
      </c>
      <c r="HQ34" s="62">
        <v>8</v>
      </c>
      <c r="HR34" s="443">
        <v>0</v>
      </c>
      <c r="HS34" s="61">
        <v>16</v>
      </c>
      <c r="HT34" s="61">
        <v>11</v>
      </c>
      <c r="HU34" s="61">
        <v>12</v>
      </c>
      <c r="HV34" s="61">
        <v>8</v>
      </c>
      <c r="HW34" s="61">
        <v>6</v>
      </c>
      <c r="HX34" s="62">
        <v>53</v>
      </c>
      <c r="HY34" s="63">
        <v>61</v>
      </c>
      <c r="HZ34" s="60">
        <v>9</v>
      </c>
      <c r="IA34" s="61">
        <v>14</v>
      </c>
      <c r="IB34" s="62">
        <v>23</v>
      </c>
      <c r="IC34" s="443">
        <v>0</v>
      </c>
      <c r="ID34" s="61">
        <v>21</v>
      </c>
      <c r="IE34" s="61">
        <v>14</v>
      </c>
      <c r="IF34" s="61">
        <v>11</v>
      </c>
      <c r="IG34" s="61">
        <v>11</v>
      </c>
      <c r="IH34" s="61">
        <v>5</v>
      </c>
      <c r="II34" s="62">
        <v>62</v>
      </c>
      <c r="IJ34" s="63">
        <v>85</v>
      </c>
      <c r="IK34" s="60">
        <v>17</v>
      </c>
      <c r="IL34" s="61">
        <v>37</v>
      </c>
      <c r="IM34" s="62">
        <v>54</v>
      </c>
      <c r="IN34" s="443">
        <v>0</v>
      </c>
      <c r="IO34" s="61">
        <v>28</v>
      </c>
      <c r="IP34" s="61">
        <v>28</v>
      </c>
      <c r="IQ34" s="61">
        <v>19</v>
      </c>
      <c r="IR34" s="61">
        <v>9</v>
      </c>
      <c r="IS34" s="61">
        <v>3</v>
      </c>
      <c r="IT34" s="62">
        <v>87</v>
      </c>
      <c r="IU34" s="63">
        <v>141</v>
      </c>
      <c r="IV34" s="60">
        <v>30</v>
      </c>
      <c r="IW34" s="61">
        <v>31</v>
      </c>
      <c r="IX34" s="62">
        <v>61</v>
      </c>
      <c r="IY34" s="443">
        <v>0</v>
      </c>
      <c r="IZ34" s="61">
        <v>47</v>
      </c>
      <c r="JA34" s="61">
        <v>34</v>
      </c>
      <c r="JB34" s="61">
        <v>27</v>
      </c>
      <c r="JC34" s="61">
        <v>20</v>
      </c>
      <c r="JD34" s="61">
        <v>16</v>
      </c>
      <c r="JE34" s="62">
        <v>144</v>
      </c>
      <c r="JF34" s="63">
        <v>205</v>
      </c>
      <c r="JG34" s="60">
        <v>12</v>
      </c>
      <c r="JH34" s="61">
        <v>28</v>
      </c>
      <c r="JI34" s="62">
        <v>40</v>
      </c>
      <c r="JJ34" s="443">
        <v>0</v>
      </c>
      <c r="JK34" s="61">
        <v>49</v>
      </c>
      <c r="JL34" s="61">
        <v>41</v>
      </c>
      <c r="JM34" s="61">
        <v>38</v>
      </c>
      <c r="JN34" s="61">
        <v>43</v>
      </c>
      <c r="JO34" s="61">
        <v>23</v>
      </c>
      <c r="JP34" s="62">
        <v>194</v>
      </c>
      <c r="JQ34" s="63">
        <v>234</v>
      </c>
      <c r="JR34" s="60">
        <v>0</v>
      </c>
      <c r="JS34" s="61">
        <v>4</v>
      </c>
      <c r="JT34" s="62">
        <v>4</v>
      </c>
      <c r="JU34" s="443">
        <v>0</v>
      </c>
      <c r="JV34" s="61">
        <v>2</v>
      </c>
      <c r="JW34" s="61">
        <v>1</v>
      </c>
      <c r="JX34" s="61">
        <v>0</v>
      </c>
      <c r="JY34" s="61">
        <v>2</v>
      </c>
      <c r="JZ34" s="61">
        <v>1</v>
      </c>
      <c r="KA34" s="62">
        <v>6</v>
      </c>
      <c r="KB34" s="63">
        <v>10</v>
      </c>
      <c r="KC34" s="60">
        <v>70</v>
      </c>
      <c r="KD34" s="61">
        <v>123</v>
      </c>
      <c r="KE34" s="62">
        <v>193</v>
      </c>
      <c r="KF34" s="443">
        <v>0</v>
      </c>
      <c r="KG34" s="61">
        <v>165</v>
      </c>
      <c r="KH34" s="61">
        <v>135</v>
      </c>
      <c r="KI34" s="61">
        <v>112</v>
      </c>
      <c r="KJ34" s="61">
        <v>98</v>
      </c>
      <c r="KK34" s="61">
        <v>57</v>
      </c>
      <c r="KL34" s="62">
        <v>567</v>
      </c>
      <c r="KM34" s="63">
        <v>760</v>
      </c>
    </row>
    <row r="35" spans="2:299" ht="21" customHeight="1" x14ac:dyDescent="0.2">
      <c r="B35" s="437" t="s">
        <v>32</v>
      </c>
      <c r="C35" s="287">
        <v>27</v>
      </c>
      <c r="D35" s="72">
        <v>28</v>
      </c>
      <c r="E35" s="73">
        <v>55</v>
      </c>
      <c r="F35" s="443">
        <v>0</v>
      </c>
      <c r="G35" s="72">
        <v>72</v>
      </c>
      <c r="H35" s="72">
        <v>57</v>
      </c>
      <c r="I35" s="72">
        <v>36</v>
      </c>
      <c r="J35" s="72">
        <v>28</v>
      </c>
      <c r="K35" s="72">
        <v>28</v>
      </c>
      <c r="L35" s="74">
        <v>221</v>
      </c>
      <c r="M35" s="75">
        <v>276</v>
      </c>
      <c r="N35" s="60">
        <v>4</v>
      </c>
      <c r="O35" s="61">
        <v>1</v>
      </c>
      <c r="P35" s="62">
        <v>5</v>
      </c>
      <c r="Q35" s="443">
        <v>0</v>
      </c>
      <c r="R35" s="61">
        <v>4</v>
      </c>
      <c r="S35" s="61">
        <v>2</v>
      </c>
      <c r="T35" s="61">
        <v>3</v>
      </c>
      <c r="U35" s="61">
        <v>2</v>
      </c>
      <c r="V35" s="61">
        <v>0</v>
      </c>
      <c r="W35" s="62">
        <v>11</v>
      </c>
      <c r="X35" s="63">
        <v>16</v>
      </c>
      <c r="Y35" s="60">
        <v>1</v>
      </c>
      <c r="Z35" s="61">
        <v>1</v>
      </c>
      <c r="AA35" s="62">
        <v>2</v>
      </c>
      <c r="AB35" s="443">
        <v>0</v>
      </c>
      <c r="AC35" s="61">
        <v>7</v>
      </c>
      <c r="AD35" s="61">
        <v>7</v>
      </c>
      <c r="AE35" s="61">
        <v>3</v>
      </c>
      <c r="AF35" s="61">
        <v>5</v>
      </c>
      <c r="AG35" s="61">
        <v>4</v>
      </c>
      <c r="AH35" s="62">
        <v>26</v>
      </c>
      <c r="AI35" s="63">
        <v>28</v>
      </c>
      <c r="AJ35" s="60">
        <v>4</v>
      </c>
      <c r="AK35" s="61">
        <v>1</v>
      </c>
      <c r="AL35" s="62">
        <v>5</v>
      </c>
      <c r="AM35" s="443">
        <v>0</v>
      </c>
      <c r="AN35" s="61">
        <v>9</v>
      </c>
      <c r="AO35" s="61">
        <v>8</v>
      </c>
      <c r="AP35" s="61">
        <v>4</v>
      </c>
      <c r="AQ35" s="61">
        <v>1</v>
      </c>
      <c r="AR35" s="61">
        <v>7</v>
      </c>
      <c r="AS35" s="62">
        <v>29</v>
      </c>
      <c r="AT35" s="63">
        <v>34</v>
      </c>
      <c r="AU35" s="60">
        <v>12</v>
      </c>
      <c r="AV35" s="61">
        <v>10</v>
      </c>
      <c r="AW35" s="62">
        <v>22</v>
      </c>
      <c r="AX35" s="443">
        <v>0</v>
      </c>
      <c r="AY35" s="61">
        <v>19</v>
      </c>
      <c r="AZ35" s="61">
        <v>17</v>
      </c>
      <c r="BA35" s="61">
        <v>7</v>
      </c>
      <c r="BB35" s="61">
        <v>8</v>
      </c>
      <c r="BC35" s="61">
        <v>7</v>
      </c>
      <c r="BD35" s="62">
        <v>58</v>
      </c>
      <c r="BE35" s="63">
        <v>80</v>
      </c>
      <c r="BF35" s="60">
        <v>2</v>
      </c>
      <c r="BG35" s="61">
        <v>9</v>
      </c>
      <c r="BH35" s="62">
        <v>11</v>
      </c>
      <c r="BI35" s="443">
        <v>0</v>
      </c>
      <c r="BJ35" s="61">
        <v>23</v>
      </c>
      <c r="BK35" s="61">
        <v>10</v>
      </c>
      <c r="BL35" s="61">
        <v>15</v>
      </c>
      <c r="BM35" s="61">
        <v>11</v>
      </c>
      <c r="BN35" s="61">
        <v>5</v>
      </c>
      <c r="BO35" s="62">
        <v>64</v>
      </c>
      <c r="BP35" s="63">
        <v>75</v>
      </c>
      <c r="BQ35" s="60">
        <v>4</v>
      </c>
      <c r="BR35" s="61">
        <v>6</v>
      </c>
      <c r="BS35" s="62">
        <v>10</v>
      </c>
      <c r="BT35" s="443">
        <v>0</v>
      </c>
      <c r="BU35" s="61">
        <v>10</v>
      </c>
      <c r="BV35" s="61">
        <v>13</v>
      </c>
      <c r="BW35" s="61">
        <v>4</v>
      </c>
      <c r="BX35" s="61">
        <v>1</v>
      </c>
      <c r="BY35" s="61">
        <v>5</v>
      </c>
      <c r="BZ35" s="62">
        <v>33</v>
      </c>
      <c r="CA35" s="63">
        <v>43</v>
      </c>
      <c r="CB35" s="60">
        <v>0</v>
      </c>
      <c r="CC35" s="61">
        <v>2</v>
      </c>
      <c r="CD35" s="62">
        <v>2</v>
      </c>
      <c r="CE35" s="443">
        <v>0</v>
      </c>
      <c r="CF35" s="61">
        <v>2</v>
      </c>
      <c r="CG35" s="61">
        <v>4</v>
      </c>
      <c r="CH35" s="61">
        <v>1</v>
      </c>
      <c r="CI35" s="61">
        <v>3</v>
      </c>
      <c r="CJ35" s="61">
        <v>5</v>
      </c>
      <c r="CK35" s="62">
        <v>15</v>
      </c>
      <c r="CL35" s="63">
        <v>17</v>
      </c>
      <c r="CM35" s="60">
        <v>27</v>
      </c>
      <c r="CN35" s="61">
        <v>30</v>
      </c>
      <c r="CO35" s="62">
        <v>57</v>
      </c>
      <c r="CP35" s="443">
        <v>0</v>
      </c>
      <c r="CQ35" s="61">
        <v>74</v>
      </c>
      <c r="CR35" s="61">
        <v>61</v>
      </c>
      <c r="CS35" s="61">
        <v>37</v>
      </c>
      <c r="CT35" s="61">
        <v>31</v>
      </c>
      <c r="CU35" s="61">
        <v>33</v>
      </c>
      <c r="CV35" s="62">
        <v>236</v>
      </c>
      <c r="CW35" s="63">
        <v>293</v>
      </c>
      <c r="CX35" s="113">
        <v>50</v>
      </c>
      <c r="CY35" s="72">
        <v>72</v>
      </c>
      <c r="CZ35" s="73">
        <v>122</v>
      </c>
      <c r="DA35" s="443">
        <v>0</v>
      </c>
      <c r="DB35" s="72">
        <v>136</v>
      </c>
      <c r="DC35" s="72">
        <v>79</v>
      </c>
      <c r="DD35" s="72">
        <v>74</v>
      </c>
      <c r="DE35" s="72">
        <v>83</v>
      </c>
      <c r="DF35" s="72">
        <v>41</v>
      </c>
      <c r="DG35" s="74">
        <v>413</v>
      </c>
      <c r="DH35" s="75">
        <v>535</v>
      </c>
      <c r="DI35" s="60">
        <v>2</v>
      </c>
      <c r="DJ35" s="61">
        <v>0</v>
      </c>
      <c r="DK35" s="62">
        <v>2</v>
      </c>
      <c r="DL35" s="443">
        <v>0</v>
      </c>
      <c r="DM35" s="61">
        <v>4</v>
      </c>
      <c r="DN35" s="61">
        <v>5</v>
      </c>
      <c r="DO35" s="61">
        <v>2</v>
      </c>
      <c r="DP35" s="61">
        <v>0</v>
      </c>
      <c r="DQ35" s="61">
        <v>1</v>
      </c>
      <c r="DR35" s="62">
        <v>12</v>
      </c>
      <c r="DS35" s="63">
        <v>14</v>
      </c>
      <c r="DT35" s="60">
        <v>4</v>
      </c>
      <c r="DU35" s="61">
        <v>2</v>
      </c>
      <c r="DV35" s="62">
        <v>6</v>
      </c>
      <c r="DW35" s="443">
        <v>0</v>
      </c>
      <c r="DX35" s="61">
        <v>7</v>
      </c>
      <c r="DY35" s="61">
        <v>3</v>
      </c>
      <c r="DZ35" s="61">
        <v>2</v>
      </c>
      <c r="EA35" s="61">
        <v>4</v>
      </c>
      <c r="EB35" s="61">
        <v>4</v>
      </c>
      <c r="EC35" s="62">
        <v>20</v>
      </c>
      <c r="ED35" s="63">
        <v>26</v>
      </c>
      <c r="EE35" s="60">
        <v>3</v>
      </c>
      <c r="EF35" s="61">
        <v>5</v>
      </c>
      <c r="EG35" s="62">
        <v>8</v>
      </c>
      <c r="EH35" s="443">
        <v>0</v>
      </c>
      <c r="EI35" s="61">
        <v>20</v>
      </c>
      <c r="EJ35" s="61">
        <v>4</v>
      </c>
      <c r="EK35" s="61">
        <v>8</v>
      </c>
      <c r="EL35" s="61">
        <v>4</v>
      </c>
      <c r="EM35" s="61">
        <v>5</v>
      </c>
      <c r="EN35" s="62">
        <v>41</v>
      </c>
      <c r="EO35" s="63">
        <v>49</v>
      </c>
      <c r="EP35" s="60">
        <v>20</v>
      </c>
      <c r="EQ35" s="61">
        <v>20</v>
      </c>
      <c r="ER35" s="62">
        <v>40</v>
      </c>
      <c r="ES35" s="443">
        <v>0</v>
      </c>
      <c r="ET35" s="61">
        <v>32</v>
      </c>
      <c r="EU35" s="61">
        <v>22</v>
      </c>
      <c r="EV35" s="61">
        <v>16</v>
      </c>
      <c r="EW35" s="61">
        <v>12</v>
      </c>
      <c r="EX35" s="61">
        <v>7</v>
      </c>
      <c r="EY35" s="62">
        <v>89</v>
      </c>
      <c r="EZ35" s="63">
        <v>129</v>
      </c>
      <c r="FA35" s="60">
        <v>13</v>
      </c>
      <c r="FB35" s="61">
        <v>21</v>
      </c>
      <c r="FC35" s="62">
        <v>34</v>
      </c>
      <c r="FD35" s="443">
        <v>0</v>
      </c>
      <c r="FE35" s="61">
        <v>35</v>
      </c>
      <c r="FF35" s="61">
        <v>20</v>
      </c>
      <c r="FG35" s="61">
        <v>17</v>
      </c>
      <c r="FH35" s="61">
        <v>19</v>
      </c>
      <c r="FI35" s="61">
        <v>11</v>
      </c>
      <c r="FJ35" s="62">
        <v>102</v>
      </c>
      <c r="FK35" s="63">
        <v>136</v>
      </c>
      <c r="FL35" s="60">
        <v>8</v>
      </c>
      <c r="FM35" s="61">
        <v>24</v>
      </c>
      <c r="FN35" s="62">
        <v>32</v>
      </c>
      <c r="FO35" s="443">
        <v>0</v>
      </c>
      <c r="FP35" s="61">
        <v>38</v>
      </c>
      <c r="FQ35" s="61">
        <v>25</v>
      </c>
      <c r="FR35" s="61">
        <v>29</v>
      </c>
      <c r="FS35" s="61">
        <v>44</v>
      </c>
      <c r="FT35" s="61">
        <v>13</v>
      </c>
      <c r="FU35" s="62">
        <v>149</v>
      </c>
      <c r="FV35" s="63">
        <v>181</v>
      </c>
      <c r="FW35" s="60">
        <v>0</v>
      </c>
      <c r="FX35" s="61">
        <v>2</v>
      </c>
      <c r="FY35" s="62">
        <v>2</v>
      </c>
      <c r="FZ35" s="443">
        <v>0</v>
      </c>
      <c r="GA35" s="61">
        <v>2</v>
      </c>
      <c r="GB35" s="61">
        <v>4</v>
      </c>
      <c r="GC35" s="61">
        <v>0</v>
      </c>
      <c r="GD35" s="61">
        <v>0</v>
      </c>
      <c r="GE35" s="61">
        <v>1</v>
      </c>
      <c r="GF35" s="62">
        <v>7</v>
      </c>
      <c r="GG35" s="63">
        <v>9</v>
      </c>
      <c r="GH35" s="60">
        <v>50</v>
      </c>
      <c r="GI35" s="61">
        <v>74</v>
      </c>
      <c r="GJ35" s="62">
        <v>124</v>
      </c>
      <c r="GK35" s="443">
        <v>0</v>
      </c>
      <c r="GL35" s="61">
        <v>138</v>
      </c>
      <c r="GM35" s="61">
        <v>83</v>
      </c>
      <c r="GN35" s="61">
        <v>74</v>
      </c>
      <c r="GO35" s="61">
        <v>83</v>
      </c>
      <c r="GP35" s="61">
        <v>42</v>
      </c>
      <c r="GQ35" s="62">
        <v>420</v>
      </c>
      <c r="GR35" s="63">
        <v>544</v>
      </c>
      <c r="GS35" s="113">
        <v>77</v>
      </c>
      <c r="GT35" s="72">
        <v>100</v>
      </c>
      <c r="GU35" s="73">
        <v>177</v>
      </c>
      <c r="GV35" s="224">
        <v>0</v>
      </c>
      <c r="GW35" s="72">
        <v>208</v>
      </c>
      <c r="GX35" s="72">
        <v>136</v>
      </c>
      <c r="GY35" s="72">
        <v>110</v>
      </c>
      <c r="GZ35" s="72">
        <v>111</v>
      </c>
      <c r="HA35" s="72">
        <v>69</v>
      </c>
      <c r="HB35" s="74">
        <v>634</v>
      </c>
      <c r="HC35" s="75">
        <v>811</v>
      </c>
      <c r="HD35" s="60">
        <v>6</v>
      </c>
      <c r="HE35" s="61">
        <v>1</v>
      </c>
      <c r="HF35" s="62">
        <v>7</v>
      </c>
      <c r="HG35" s="227">
        <v>0</v>
      </c>
      <c r="HH35" s="61">
        <v>8</v>
      </c>
      <c r="HI35" s="61">
        <v>7</v>
      </c>
      <c r="HJ35" s="61">
        <v>5</v>
      </c>
      <c r="HK35" s="61">
        <v>2</v>
      </c>
      <c r="HL35" s="61">
        <v>1</v>
      </c>
      <c r="HM35" s="62">
        <v>23</v>
      </c>
      <c r="HN35" s="63">
        <v>30</v>
      </c>
      <c r="HO35" s="60">
        <v>5</v>
      </c>
      <c r="HP35" s="61">
        <v>3</v>
      </c>
      <c r="HQ35" s="62">
        <v>8</v>
      </c>
      <c r="HR35" s="443">
        <v>0</v>
      </c>
      <c r="HS35" s="61">
        <v>14</v>
      </c>
      <c r="HT35" s="61">
        <v>10</v>
      </c>
      <c r="HU35" s="61">
        <v>5</v>
      </c>
      <c r="HV35" s="61">
        <v>9</v>
      </c>
      <c r="HW35" s="61">
        <v>8</v>
      </c>
      <c r="HX35" s="62">
        <v>46</v>
      </c>
      <c r="HY35" s="63">
        <v>54</v>
      </c>
      <c r="HZ35" s="60">
        <v>7</v>
      </c>
      <c r="IA35" s="61">
        <v>6</v>
      </c>
      <c r="IB35" s="62">
        <v>13</v>
      </c>
      <c r="IC35" s="443">
        <v>0</v>
      </c>
      <c r="ID35" s="61">
        <v>29</v>
      </c>
      <c r="IE35" s="61">
        <v>12</v>
      </c>
      <c r="IF35" s="61">
        <v>12</v>
      </c>
      <c r="IG35" s="61">
        <v>5</v>
      </c>
      <c r="IH35" s="61">
        <v>12</v>
      </c>
      <c r="II35" s="62">
        <v>70</v>
      </c>
      <c r="IJ35" s="63">
        <v>83</v>
      </c>
      <c r="IK35" s="60">
        <v>32</v>
      </c>
      <c r="IL35" s="61">
        <v>30</v>
      </c>
      <c r="IM35" s="62">
        <v>62</v>
      </c>
      <c r="IN35" s="443">
        <v>0</v>
      </c>
      <c r="IO35" s="61">
        <v>51</v>
      </c>
      <c r="IP35" s="61">
        <v>39</v>
      </c>
      <c r="IQ35" s="61">
        <v>23</v>
      </c>
      <c r="IR35" s="61">
        <v>20</v>
      </c>
      <c r="IS35" s="61">
        <v>14</v>
      </c>
      <c r="IT35" s="62">
        <v>147</v>
      </c>
      <c r="IU35" s="63">
        <v>209</v>
      </c>
      <c r="IV35" s="60">
        <v>15</v>
      </c>
      <c r="IW35" s="61">
        <v>30</v>
      </c>
      <c r="IX35" s="62">
        <v>45</v>
      </c>
      <c r="IY35" s="443">
        <v>0</v>
      </c>
      <c r="IZ35" s="61">
        <v>58</v>
      </c>
      <c r="JA35" s="61">
        <v>30</v>
      </c>
      <c r="JB35" s="61">
        <v>32</v>
      </c>
      <c r="JC35" s="61">
        <v>30</v>
      </c>
      <c r="JD35" s="61">
        <v>16</v>
      </c>
      <c r="JE35" s="62">
        <v>166</v>
      </c>
      <c r="JF35" s="63">
        <v>211</v>
      </c>
      <c r="JG35" s="60">
        <v>12</v>
      </c>
      <c r="JH35" s="61">
        <v>30</v>
      </c>
      <c r="JI35" s="62">
        <v>42</v>
      </c>
      <c r="JJ35" s="443">
        <v>0</v>
      </c>
      <c r="JK35" s="61">
        <v>48</v>
      </c>
      <c r="JL35" s="61">
        <v>38</v>
      </c>
      <c r="JM35" s="61">
        <v>33</v>
      </c>
      <c r="JN35" s="61">
        <v>45</v>
      </c>
      <c r="JO35" s="61">
        <v>18</v>
      </c>
      <c r="JP35" s="62">
        <v>182</v>
      </c>
      <c r="JQ35" s="63">
        <v>224</v>
      </c>
      <c r="JR35" s="60">
        <v>0</v>
      </c>
      <c r="JS35" s="61">
        <v>4</v>
      </c>
      <c r="JT35" s="62">
        <v>4</v>
      </c>
      <c r="JU35" s="443">
        <v>0</v>
      </c>
      <c r="JV35" s="61">
        <v>4</v>
      </c>
      <c r="JW35" s="61">
        <v>8</v>
      </c>
      <c r="JX35" s="61">
        <v>1</v>
      </c>
      <c r="JY35" s="61">
        <v>3</v>
      </c>
      <c r="JZ35" s="61">
        <v>6</v>
      </c>
      <c r="KA35" s="62">
        <v>22</v>
      </c>
      <c r="KB35" s="63">
        <v>26</v>
      </c>
      <c r="KC35" s="60">
        <v>77</v>
      </c>
      <c r="KD35" s="61">
        <v>104</v>
      </c>
      <c r="KE35" s="62">
        <v>181</v>
      </c>
      <c r="KF35" s="443">
        <v>0</v>
      </c>
      <c r="KG35" s="61">
        <v>212</v>
      </c>
      <c r="KH35" s="61">
        <v>144</v>
      </c>
      <c r="KI35" s="61">
        <v>111</v>
      </c>
      <c r="KJ35" s="61">
        <v>114</v>
      </c>
      <c r="KK35" s="61">
        <v>75</v>
      </c>
      <c r="KL35" s="62">
        <v>656</v>
      </c>
      <c r="KM35" s="63">
        <v>837</v>
      </c>
    </row>
    <row r="36" spans="2:299" ht="21" customHeight="1" x14ac:dyDescent="0.2">
      <c r="B36" s="437" t="s">
        <v>33</v>
      </c>
      <c r="C36" s="287">
        <v>32</v>
      </c>
      <c r="D36" s="72">
        <v>32</v>
      </c>
      <c r="E36" s="73">
        <v>64</v>
      </c>
      <c r="F36" s="443">
        <v>0</v>
      </c>
      <c r="G36" s="72">
        <v>62</v>
      </c>
      <c r="H36" s="72">
        <v>43</v>
      </c>
      <c r="I36" s="72">
        <v>46</v>
      </c>
      <c r="J36" s="72">
        <v>27</v>
      </c>
      <c r="K36" s="72">
        <v>21</v>
      </c>
      <c r="L36" s="74">
        <v>199</v>
      </c>
      <c r="M36" s="75">
        <v>263</v>
      </c>
      <c r="N36" s="60">
        <v>1</v>
      </c>
      <c r="O36" s="61">
        <v>0</v>
      </c>
      <c r="P36" s="62">
        <v>1</v>
      </c>
      <c r="Q36" s="443">
        <v>0</v>
      </c>
      <c r="R36" s="61">
        <v>4</v>
      </c>
      <c r="S36" s="61">
        <v>1</v>
      </c>
      <c r="T36" s="61">
        <v>4</v>
      </c>
      <c r="U36" s="61">
        <v>1</v>
      </c>
      <c r="V36" s="61">
        <v>0</v>
      </c>
      <c r="W36" s="62">
        <v>10</v>
      </c>
      <c r="X36" s="63">
        <v>11</v>
      </c>
      <c r="Y36" s="60">
        <v>3</v>
      </c>
      <c r="Z36" s="61">
        <v>5</v>
      </c>
      <c r="AA36" s="62">
        <v>8</v>
      </c>
      <c r="AB36" s="443">
        <v>0</v>
      </c>
      <c r="AC36" s="61">
        <v>8</v>
      </c>
      <c r="AD36" s="61">
        <v>6</v>
      </c>
      <c r="AE36" s="61">
        <v>7</v>
      </c>
      <c r="AF36" s="61">
        <v>6</v>
      </c>
      <c r="AG36" s="61">
        <v>3</v>
      </c>
      <c r="AH36" s="62">
        <v>30</v>
      </c>
      <c r="AI36" s="63">
        <v>38</v>
      </c>
      <c r="AJ36" s="60">
        <v>6</v>
      </c>
      <c r="AK36" s="61">
        <v>5</v>
      </c>
      <c r="AL36" s="62">
        <v>11</v>
      </c>
      <c r="AM36" s="443">
        <v>0</v>
      </c>
      <c r="AN36" s="61">
        <v>13</v>
      </c>
      <c r="AO36" s="61">
        <v>8</v>
      </c>
      <c r="AP36" s="61">
        <v>9</v>
      </c>
      <c r="AQ36" s="61">
        <v>2</v>
      </c>
      <c r="AR36" s="61">
        <v>5</v>
      </c>
      <c r="AS36" s="62">
        <v>37</v>
      </c>
      <c r="AT36" s="63">
        <v>48</v>
      </c>
      <c r="AU36" s="60">
        <v>12</v>
      </c>
      <c r="AV36" s="61">
        <v>13</v>
      </c>
      <c r="AW36" s="62">
        <v>25</v>
      </c>
      <c r="AX36" s="443">
        <v>0</v>
      </c>
      <c r="AY36" s="61">
        <v>17</v>
      </c>
      <c r="AZ36" s="61">
        <v>9</v>
      </c>
      <c r="BA36" s="61">
        <v>10</v>
      </c>
      <c r="BB36" s="61">
        <v>9</v>
      </c>
      <c r="BC36" s="61">
        <v>6</v>
      </c>
      <c r="BD36" s="62">
        <v>51</v>
      </c>
      <c r="BE36" s="63">
        <v>76</v>
      </c>
      <c r="BF36" s="60">
        <v>6</v>
      </c>
      <c r="BG36" s="61">
        <v>6</v>
      </c>
      <c r="BH36" s="62">
        <v>12</v>
      </c>
      <c r="BI36" s="443">
        <v>0</v>
      </c>
      <c r="BJ36" s="61">
        <v>11</v>
      </c>
      <c r="BK36" s="61">
        <v>8</v>
      </c>
      <c r="BL36" s="61">
        <v>11</v>
      </c>
      <c r="BM36" s="61">
        <v>5</v>
      </c>
      <c r="BN36" s="61">
        <v>4</v>
      </c>
      <c r="BO36" s="62">
        <v>39</v>
      </c>
      <c r="BP36" s="63">
        <v>51</v>
      </c>
      <c r="BQ36" s="60">
        <v>4</v>
      </c>
      <c r="BR36" s="61">
        <v>3</v>
      </c>
      <c r="BS36" s="62">
        <v>7</v>
      </c>
      <c r="BT36" s="443">
        <v>0</v>
      </c>
      <c r="BU36" s="61">
        <v>9</v>
      </c>
      <c r="BV36" s="61">
        <v>11</v>
      </c>
      <c r="BW36" s="61">
        <v>5</v>
      </c>
      <c r="BX36" s="61">
        <v>4</v>
      </c>
      <c r="BY36" s="61">
        <v>3</v>
      </c>
      <c r="BZ36" s="62">
        <v>32</v>
      </c>
      <c r="CA36" s="63">
        <v>39</v>
      </c>
      <c r="CB36" s="60">
        <v>1</v>
      </c>
      <c r="CC36" s="61">
        <v>0</v>
      </c>
      <c r="CD36" s="62">
        <v>1</v>
      </c>
      <c r="CE36" s="443">
        <v>0</v>
      </c>
      <c r="CF36" s="61">
        <v>1</v>
      </c>
      <c r="CG36" s="61">
        <v>1</v>
      </c>
      <c r="CH36" s="61">
        <v>0</v>
      </c>
      <c r="CI36" s="61">
        <v>0</v>
      </c>
      <c r="CJ36" s="61">
        <v>0</v>
      </c>
      <c r="CK36" s="62">
        <v>2</v>
      </c>
      <c r="CL36" s="63">
        <v>3</v>
      </c>
      <c r="CM36" s="60">
        <v>33</v>
      </c>
      <c r="CN36" s="61">
        <v>32</v>
      </c>
      <c r="CO36" s="62">
        <v>65</v>
      </c>
      <c r="CP36" s="443">
        <v>0</v>
      </c>
      <c r="CQ36" s="61">
        <v>63</v>
      </c>
      <c r="CR36" s="61">
        <v>44</v>
      </c>
      <c r="CS36" s="61">
        <v>46</v>
      </c>
      <c r="CT36" s="61">
        <v>27</v>
      </c>
      <c r="CU36" s="61">
        <v>21</v>
      </c>
      <c r="CV36" s="62">
        <v>201</v>
      </c>
      <c r="CW36" s="63">
        <v>266</v>
      </c>
      <c r="CX36" s="113">
        <v>42</v>
      </c>
      <c r="CY36" s="72">
        <v>71</v>
      </c>
      <c r="CZ36" s="73">
        <v>113</v>
      </c>
      <c r="DA36" s="443">
        <v>0</v>
      </c>
      <c r="DB36" s="72">
        <v>141</v>
      </c>
      <c r="DC36" s="72">
        <v>81</v>
      </c>
      <c r="DD36" s="72">
        <v>72</v>
      </c>
      <c r="DE36" s="72">
        <v>75</v>
      </c>
      <c r="DF36" s="72">
        <v>64</v>
      </c>
      <c r="DG36" s="74">
        <v>433</v>
      </c>
      <c r="DH36" s="75">
        <v>546</v>
      </c>
      <c r="DI36" s="60">
        <v>1</v>
      </c>
      <c r="DJ36" s="61">
        <v>2</v>
      </c>
      <c r="DK36" s="62">
        <v>3</v>
      </c>
      <c r="DL36" s="443">
        <v>0</v>
      </c>
      <c r="DM36" s="61">
        <v>2</v>
      </c>
      <c r="DN36" s="61">
        <v>1</v>
      </c>
      <c r="DO36" s="61">
        <v>0</v>
      </c>
      <c r="DP36" s="61">
        <v>2</v>
      </c>
      <c r="DQ36" s="61">
        <v>1</v>
      </c>
      <c r="DR36" s="62">
        <v>6</v>
      </c>
      <c r="DS36" s="63">
        <v>9</v>
      </c>
      <c r="DT36" s="60">
        <v>4</v>
      </c>
      <c r="DU36" s="61">
        <v>5</v>
      </c>
      <c r="DV36" s="62">
        <v>9</v>
      </c>
      <c r="DW36" s="443">
        <v>0</v>
      </c>
      <c r="DX36" s="61">
        <v>3</v>
      </c>
      <c r="DY36" s="61">
        <v>3</v>
      </c>
      <c r="DZ36" s="61">
        <v>2</v>
      </c>
      <c r="EA36" s="61">
        <v>4</v>
      </c>
      <c r="EB36" s="61">
        <v>3</v>
      </c>
      <c r="EC36" s="62">
        <v>15</v>
      </c>
      <c r="ED36" s="63">
        <v>24</v>
      </c>
      <c r="EE36" s="60">
        <v>4</v>
      </c>
      <c r="EF36" s="61">
        <v>10</v>
      </c>
      <c r="EG36" s="62">
        <v>14</v>
      </c>
      <c r="EH36" s="443">
        <v>0</v>
      </c>
      <c r="EI36" s="61">
        <v>16</v>
      </c>
      <c r="EJ36" s="61">
        <v>5</v>
      </c>
      <c r="EK36" s="61">
        <v>6</v>
      </c>
      <c r="EL36" s="61">
        <v>7</v>
      </c>
      <c r="EM36" s="61">
        <v>10</v>
      </c>
      <c r="EN36" s="62">
        <v>44</v>
      </c>
      <c r="EO36" s="63">
        <v>58</v>
      </c>
      <c r="EP36" s="60">
        <v>8</v>
      </c>
      <c r="EQ36" s="61">
        <v>17</v>
      </c>
      <c r="ER36" s="62">
        <v>25</v>
      </c>
      <c r="ES36" s="443">
        <v>0</v>
      </c>
      <c r="ET36" s="61">
        <v>32</v>
      </c>
      <c r="EU36" s="61">
        <v>17</v>
      </c>
      <c r="EV36" s="61">
        <v>12</v>
      </c>
      <c r="EW36" s="61">
        <v>13</v>
      </c>
      <c r="EX36" s="61">
        <v>11</v>
      </c>
      <c r="EY36" s="62">
        <v>85</v>
      </c>
      <c r="EZ36" s="63">
        <v>110</v>
      </c>
      <c r="FA36" s="60">
        <v>19</v>
      </c>
      <c r="FB36" s="61">
        <v>20</v>
      </c>
      <c r="FC36" s="62">
        <v>39</v>
      </c>
      <c r="FD36" s="443">
        <v>0</v>
      </c>
      <c r="FE36" s="61">
        <v>45</v>
      </c>
      <c r="FF36" s="61">
        <v>18</v>
      </c>
      <c r="FG36" s="61">
        <v>19</v>
      </c>
      <c r="FH36" s="61">
        <v>17</v>
      </c>
      <c r="FI36" s="61">
        <v>14</v>
      </c>
      <c r="FJ36" s="62">
        <v>113</v>
      </c>
      <c r="FK36" s="63">
        <v>152</v>
      </c>
      <c r="FL36" s="60">
        <v>6</v>
      </c>
      <c r="FM36" s="61">
        <v>17</v>
      </c>
      <c r="FN36" s="62">
        <v>23</v>
      </c>
      <c r="FO36" s="443">
        <v>0</v>
      </c>
      <c r="FP36" s="61">
        <v>43</v>
      </c>
      <c r="FQ36" s="61">
        <v>37</v>
      </c>
      <c r="FR36" s="61">
        <v>33</v>
      </c>
      <c r="FS36" s="61">
        <v>32</v>
      </c>
      <c r="FT36" s="61">
        <v>25</v>
      </c>
      <c r="FU36" s="62">
        <v>170</v>
      </c>
      <c r="FV36" s="63">
        <v>193</v>
      </c>
      <c r="FW36" s="60">
        <v>0</v>
      </c>
      <c r="FX36" s="61">
        <v>0</v>
      </c>
      <c r="FY36" s="62">
        <v>0</v>
      </c>
      <c r="FZ36" s="443">
        <v>0</v>
      </c>
      <c r="GA36" s="61">
        <v>1</v>
      </c>
      <c r="GB36" s="61">
        <v>0</v>
      </c>
      <c r="GC36" s="61">
        <v>1</v>
      </c>
      <c r="GD36" s="61">
        <v>0</v>
      </c>
      <c r="GE36" s="61">
        <v>1</v>
      </c>
      <c r="GF36" s="62">
        <v>3</v>
      </c>
      <c r="GG36" s="63">
        <v>3</v>
      </c>
      <c r="GH36" s="60">
        <v>42</v>
      </c>
      <c r="GI36" s="61">
        <v>71</v>
      </c>
      <c r="GJ36" s="62">
        <v>113</v>
      </c>
      <c r="GK36" s="443">
        <v>0</v>
      </c>
      <c r="GL36" s="61">
        <v>142</v>
      </c>
      <c r="GM36" s="61">
        <v>81</v>
      </c>
      <c r="GN36" s="61">
        <v>73</v>
      </c>
      <c r="GO36" s="61">
        <v>75</v>
      </c>
      <c r="GP36" s="61">
        <v>65</v>
      </c>
      <c r="GQ36" s="62">
        <v>436</v>
      </c>
      <c r="GR36" s="63">
        <v>549</v>
      </c>
      <c r="GS36" s="113">
        <v>74</v>
      </c>
      <c r="GT36" s="72">
        <v>103</v>
      </c>
      <c r="GU36" s="73">
        <v>177</v>
      </c>
      <c r="GV36" s="224">
        <v>0</v>
      </c>
      <c r="GW36" s="72">
        <v>203</v>
      </c>
      <c r="GX36" s="72">
        <v>124</v>
      </c>
      <c r="GY36" s="72">
        <v>118</v>
      </c>
      <c r="GZ36" s="72">
        <v>102</v>
      </c>
      <c r="HA36" s="72">
        <v>85</v>
      </c>
      <c r="HB36" s="74">
        <v>632</v>
      </c>
      <c r="HC36" s="75">
        <v>809</v>
      </c>
      <c r="HD36" s="60">
        <v>2</v>
      </c>
      <c r="HE36" s="61">
        <v>2</v>
      </c>
      <c r="HF36" s="62">
        <v>4</v>
      </c>
      <c r="HG36" s="227">
        <v>0</v>
      </c>
      <c r="HH36" s="61">
        <v>6</v>
      </c>
      <c r="HI36" s="61">
        <v>2</v>
      </c>
      <c r="HJ36" s="61">
        <v>4</v>
      </c>
      <c r="HK36" s="61">
        <v>3</v>
      </c>
      <c r="HL36" s="61">
        <v>1</v>
      </c>
      <c r="HM36" s="62">
        <v>16</v>
      </c>
      <c r="HN36" s="63">
        <v>20</v>
      </c>
      <c r="HO36" s="60">
        <v>7</v>
      </c>
      <c r="HP36" s="61">
        <v>10</v>
      </c>
      <c r="HQ36" s="62">
        <v>17</v>
      </c>
      <c r="HR36" s="443">
        <v>0</v>
      </c>
      <c r="HS36" s="61">
        <v>11</v>
      </c>
      <c r="HT36" s="61">
        <v>9</v>
      </c>
      <c r="HU36" s="61">
        <v>9</v>
      </c>
      <c r="HV36" s="61">
        <v>10</v>
      </c>
      <c r="HW36" s="61">
        <v>6</v>
      </c>
      <c r="HX36" s="62">
        <v>45</v>
      </c>
      <c r="HY36" s="63">
        <v>62</v>
      </c>
      <c r="HZ36" s="60">
        <v>10</v>
      </c>
      <c r="IA36" s="61">
        <v>15</v>
      </c>
      <c r="IB36" s="62">
        <v>25</v>
      </c>
      <c r="IC36" s="443">
        <v>0</v>
      </c>
      <c r="ID36" s="61">
        <v>29</v>
      </c>
      <c r="IE36" s="61">
        <v>13</v>
      </c>
      <c r="IF36" s="61">
        <v>15</v>
      </c>
      <c r="IG36" s="61">
        <v>9</v>
      </c>
      <c r="IH36" s="61">
        <v>15</v>
      </c>
      <c r="II36" s="62">
        <v>81</v>
      </c>
      <c r="IJ36" s="63">
        <v>106</v>
      </c>
      <c r="IK36" s="60">
        <v>20</v>
      </c>
      <c r="IL36" s="61">
        <v>30</v>
      </c>
      <c r="IM36" s="62">
        <v>50</v>
      </c>
      <c r="IN36" s="443">
        <v>0</v>
      </c>
      <c r="IO36" s="61">
        <v>49</v>
      </c>
      <c r="IP36" s="61">
        <v>26</v>
      </c>
      <c r="IQ36" s="61">
        <v>22</v>
      </c>
      <c r="IR36" s="61">
        <v>22</v>
      </c>
      <c r="IS36" s="61">
        <v>17</v>
      </c>
      <c r="IT36" s="62">
        <v>136</v>
      </c>
      <c r="IU36" s="63">
        <v>186</v>
      </c>
      <c r="IV36" s="60">
        <v>25</v>
      </c>
      <c r="IW36" s="61">
        <v>26</v>
      </c>
      <c r="IX36" s="62">
        <v>51</v>
      </c>
      <c r="IY36" s="443">
        <v>0</v>
      </c>
      <c r="IZ36" s="61">
        <v>56</v>
      </c>
      <c r="JA36" s="61">
        <v>26</v>
      </c>
      <c r="JB36" s="61">
        <v>30</v>
      </c>
      <c r="JC36" s="61">
        <v>22</v>
      </c>
      <c r="JD36" s="61">
        <v>18</v>
      </c>
      <c r="JE36" s="62">
        <v>152</v>
      </c>
      <c r="JF36" s="63">
        <v>203</v>
      </c>
      <c r="JG36" s="60">
        <v>10</v>
      </c>
      <c r="JH36" s="61">
        <v>20</v>
      </c>
      <c r="JI36" s="62">
        <v>30</v>
      </c>
      <c r="JJ36" s="443">
        <v>0</v>
      </c>
      <c r="JK36" s="61">
        <v>52</v>
      </c>
      <c r="JL36" s="61">
        <v>48</v>
      </c>
      <c r="JM36" s="61">
        <v>38</v>
      </c>
      <c r="JN36" s="61">
        <v>36</v>
      </c>
      <c r="JO36" s="61">
        <v>28</v>
      </c>
      <c r="JP36" s="62">
        <v>202</v>
      </c>
      <c r="JQ36" s="63">
        <v>232</v>
      </c>
      <c r="JR36" s="60">
        <v>1</v>
      </c>
      <c r="JS36" s="61">
        <v>0</v>
      </c>
      <c r="JT36" s="62">
        <v>1</v>
      </c>
      <c r="JU36" s="443">
        <v>0</v>
      </c>
      <c r="JV36" s="61">
        <v>2</v>
      </c>
      <c r="JW36" s="61">
        <v>1</v>
      </c>
      <c r="JX36" s="61">
        <v>1</v>
      </c>
      <c r="JY36" s="61">
        <v>0</v>
      </c>
      <c r="JZ36" s="61">
        <v>1</v>
      </c>
      <c r="KA36" s="62">
        <v>5</v>
      </c>
      <c r="KB36" s="63">
        <v>6</v>
      </c>
      <c r="KC36" s="60">
        <v>75</v>
      </c>
      <c r="KD36" s="61">
        <v>103</v>
      </c>
      <c r="KE36" s="62">
        <v>178</v>
      </c>
      <c r="KF36" s="443">
        <v>0</v>
      </c>
      <c r="KG36" s="61">
        <v>205</v>
      </c>
      <c r="KH36" s="61">
        <v>125</v>
      </c>
      <c r="KI36" s="61">
        <v>119</v>
      </c>
      <c r="KJ36" s="61">
        <v>102</v>
      </c>
      <c r="KK36" s="61">
        <v>86</v>
      </c>
      <c r="KL36" s="62">
        <v>637</v>
      </c>
      <c r="KM36" s="63">
        <v>815</v>
      </c>
    </row>
    <row r="37" spans="2:299" ht="21" customHeight="1" x14ac:dyDescent="0.2">
      <c r="B37" s="437" t="s">
        <v>34</v>
      </c>
      <c r="C37" s="287">
        <v>16</v>
      </c>
      <c r="D37" s="72">
        <v>15</v>
      </c>
      <c r="E37" s="73">
        <v>31</v>
      </c>
      <c r="F37" s="443">
        <v>0</v>
      </c>
      <c r="G37" s="72">
        <v>38</v>
      </c>
      <c r="H37" s="72">
        <v>40</v>
      </c>
      <c r="I37" s="72">
        <v>17</v>
      </c>
      <c r="J37" s="72">
        <v>22</v>
      </c>
      <c r="K37" s="72">
        <v>9</v>
      </c>
      <c r="L37" s="74">
        <v>126</v>
      </c>
      <c r="M37" s="75">
        <v>157</v>
      </c>
      <c r="N37" s="60">
        <v>0</v>
      </c>
      <c r="O37" s="61">
        <v>2</v>
      </c>
      <c r="P37" s="62">
        <v>2</v>
      </c>
      <c r="Q37" s="443">
        <v>0</v>
      </c>
      <c r="R37" s="61">
        <v>4</v>
      </c>
      <c r="S37" s="61">
        <v>1</v>
      </c>
      <c r="T37" s="61">
        <v>2</v>
      </c>
      <c r="U37" s="61">
        <v>1</v>
      </c>
      <c r="V37" s="61">
        <v>1</v>
      </c>
      <c r="W37" s="62">
        <v>9</v>
      </c>
      <c r="X37" s="63">
        <v>11</v>
      </c>
      <c r="Y37" s="60">
        <v>2</v>
      </c>
      <c r="Z37" s="61">
        <v>2</v>
      </c>
      <c r="AA37" s="62">
        <v>4</v>
      </c>
      <c r="AB37" s="443">
        <v>0</v>
      </c>
      <c r="AC37" s="61">
        <v>3</v>
      </c>
      <c r="AD37" s="61">
        <v>2</v>
      </c>
      <c r="AE37" s="61">
        <v>1</v>
      </c>
      <c r="AF37" s="61">
        <v>0</v>
      </c>
      <c r="AG37" s="61">
        <v>0</v>
      </c>
      <c r="AH37" s="62">
        <v>6</v>
      </c>
      <c r="AI37" s="63">
        <v>10</v>
      </c>
      <c r="AJ37" s="60">
        <v>2</v>
      </c>
      <c r="AK37" s="61">
        <v>2</v>
      </c>
      <c r="AL37" s="62">
        <v>4</v>
      </c>
      <c r="AM37" s="443">
        <v>0</v>
      </c>
      <c r="AN37" s="61">
        <v>3</v>
      </c>
      <c r="AO37" s="61">
        <v>6</v>
      </c>
      <c r="AP37" s="61">
        <v>2</v>
      </c>
      <c r="AQ37" s="61">
        <v>7</v>
      </c>
      <c r="AR37" s="61">
        <v>3</v>
      </c>
      <c r="AS37" s="62">
        <v>21</v>
      </c>
      <c r="AT37" s="63">
        <v>25</v>
      </c>
      <c r="AU37" s="60">
        <v>7</v>
      </c>
      <c r="AV37" s="61">
        <v>3</v>
      </c>
      <c r="AW37" s="62">
        <v>10</v>
      </c>
      <c r="AX37" s="443">
        <v>0</v>
      </c>
      <c r="AY37" s="61">
        <v>12</v>
      </c>
      <c r="AZ37" s="61">
        <v>11</v>
      </c>
      <c r="BA37" s="61">
        <v>2</v>
      </c>
      <c r="BB37" s="61">
        <v>5</v>
      </c>
      <c r="BC37" s="61">
        <v>2</v>
      </c>
      <c r="BD37" s="62">
        <v>32</v>
      </c>
      <c r="BE37" s="63">
        <v>42</v>
      </c>
      <c r="BF37" s="60">
        <v>4</v>
      </c>
      <c r="BG37" s="61">
        <v>4</v>
      </c>
      <c r="BH37" s="62">
        <v>8</v>
      </c>
      <c r="BI37" s="443">
        <v>0</v>
      </c>
      <c r="BJ37" s="61">
        <v>10</v>
      </c>
      <c r="BK37" s="61">
        <v>10</v>
      </c>
      <c r="BL37" s="61">
        <v>6</v>
      </c>
      <c r="BM37" s="61">
        <v>5</v>
      </c>
      <c r="BN37" s="61">
        <v>2</v>
      </c>
      <c r="BO37" s="62">
        <v>33</v>
      </c>
      <c r="BP37" s="63">
        <v>41</v>
      </c>
      <c r="BQ37" s="60">
        <v>1</v>
      </c>
      <c r="BR37" s="61">
        <v>2</v>
      </c>
      <c r="BS37" s="62">
        <v>3</v>
      </c>
      <c r="BT37" s="443">
        <v>0</v>
      </c>
      <c r="BU37" s="61">
        <v>6</v>
      </c>
      <c r="BV37" s="61">
        <v>10</v>
      </c>
      <c r="BW37" s="61">
        <v>4</v>
      </c>
      <c r="BX37" s="61">
        <v>4</v>
      </c>
      <c r="BY37" s="61">
        <v>1</v>
      </c>
      <c r="BZ37" s="62">
        <v>25</v>
      </c>
      <c r="CA37" s="63">
        <v>28</v>
      </c>
      <c r="CB37" s="60">
        <v>0</v>
      </c>
      <c r="CC37" s="61">
        <v>0</v>
      </c>
      <c r="CD37" s="62">
        <v>0</v>
      </c>
      <c r="CE37" s="443">
        <v>0</v>
      </c>
      <c r="CF37" s="61">
        <v>2</v>
      </c>
      <c r="CG37" s="61">
        <v>2</v>
      </c>
      <c r="CH37" s="61">
        <v>0</v>
      </c>
      <c r="CI37" s="61">
        <v>1</v>
      </c>
      <c r="CJ37" s="61">
        <v>1</v>
      </c>
      <c r="CK37" s="62">
        <v>6</v>
      </c>
      <c r="CL37" s="63">
        <v>6</v>
      </c>
      <c r="CM37" s="60">
        <v>16</v>
      </c>
      <c r="CN37" s="61">
        <v>15</v>
      </c>
      <c r="CO37" s="62">
        <v>31</v>
      </c>
      <c r="CP37" s="443">
        <v>0</v>
      </c>
      <c r="CQ37" s="61">
        <v>40</v>
      </c>
      <c r="CR37" s="61">
        <v>42</v>
      </c>
      <c r="CS37" s="61">
        <v>17</v>
      </c>
      <c r="CT37" s="61">
        <v>23</v>
      </c>
      <c r="CU37" s="61">
        <v>10</v>
      </c>
      <c r="CV37" s="62">
        <v>132</v>
      </c>
      <c r="CW37" s="63">
        <v>163</v>
      </c>
      <c r="CX37" s="113">
        <v>39</v>
      </c>
      <c r="CY37" s="72">
        <v>43</v>
      </c>
      <c r="CZ37" s="73">
        <v>82</v>
      </c>
      <c r="DA37" s="443">
        <v>0</v>
      </c>
      <c r="DB37" s="72">
        <v>98</v>
      </c>
      <c r="DC37" s="72">
        <v>52</v>
      </c>
      <c r="DD37" s="72">
        <v>39</v>
      </c>
      <c r="DE37" s="72">
        <v>45</v>
      </c>
      <c r="DF37" s="72">
        <v>23</v>
      </c>
      <c r="DG37" s="74">
        <v>257</v>
      </c>
      <c r="DH37" s="75">
        <v>339</v>
      </c>
      <c r="DI37" s="60">
        <v>0</v>
      </c>
      <c r="DJ37" s="61">
        <v>2</v>
      </c>
      <c r="DK37" s="62">
        <v>2</v>
      </c>
      <c r="DL37" s="443">
        <v>0</v>
      </c>
      <c r="DM37" s="61">
        <v>1</v>
      </c>
      <c r="DN37" s="61">
        <v>0</v>
      </c>
      <c r="DO37" s="61">
        <v>1</v>
      </c>
      <c r="DP37" s="61">
        <v>0</v>
      </c>
      <c r="DQ37" s="61">
        <v>1</v>
      </c>
      <c r="DR37" s="62">
        <v>3</v>
      </c>
      <c r="DS37" s="63">
        <v>5</v>
      </c>
      <c r="DT37" s="60">
        <v>1</v>
      </c>
      <c r="DU37" s="61">
        <v>0</v>
      </c>
      <c r="DV37" s="62">
        <v>1</v>
      </c>
      <c r="DW37" s="443">
        <v>0</v>
      </c>
      <c r="DX37" s="61">
        <v>5</v>
      </c>
      <c r="DY37" s="61">
        <v>2</v>
      </c>
      <c r="DZ37" s="61">
        <v>2</v>
      </c>
      <c r="EA37" s="61">
        <v>2</v>
      </c>
      <c r="EB37" s="61">
        <v>4</v>
      </c>
      <c r="EC37" s="62">
        <v>15</v>
      </c>
      <c r="ED37" s="63">
        <v>16</v>
      </c>
      <c r="EE37" s="60">
        <v>6</v>
      </c>
      <c r="EF37" s="61">
        <v>4</v>
      </c>
      <c r="EG37" s="62">
        <v>10</v>
      </c>
      <c r="EH37" s="443">
        <v>0</v>
      </c>
      <c r="EI37" s="61">
        <v>6</v>
      </c>
      <c r="EJ37" s="61">
        <v>1</v>
      </c>
      <c r="EK37" s="61">
        <v>6</v>
      </c>
      <c r="EL37" s="61">
        <v>3</v>
      </c>
      <c r="EM37" s="61">
        <v>0</v>
      </c>
      <c r="EN37" s="62">
        <v>16</v>
      </c>
      <c r="EO37" s="63">
        <v>26</v>
      </c>
      <c r="EP37" s="60">
        <v>6</v>
      </c>
      <c r="EQ37" s="61">
        <v>8</v>
      </c>
      <c r="ER37" s="62">
        <v>14</v>
      </c>
      <c r="ES37" s="443">
        <v>0</v>
      </c>
      <c r="ET37" s="61">
        <v>21</v>
      </c>
      <c r="EU37" s="61">
        <v>10</v>
      </c>
      <c r="EV37" s="61">
        <v>10</v>
      </c>
      <c r="EW37" s="61">
        <v>4</v>
      </c>
      <c r="EX37" s="61">
        <v>4</v>
      </c>
      <c r="EY37" s="62">
        <v>49</v>
      </c>
      <c r="EZ37" s="63">
        <v>63</v>
      </c>
      <c r="FA37" s="60">
        <v>17</v>
      </c>
      <c r="FB37" s="61">
        <v>22</v>
      </c>
      <c r="FC37" s="62">
        <v>39</v>
      </c>
      <c r="FD37" s="443">
        <v>0</v>
      </c>
      <c r="FE37" s="61">
        <v>33</v>
      </c>
      <c r="FF37" s="61">
        <v>15</v>
      </c>
      <c r="FG37" s="61">
        <v>11</v>
      </c>
      <c r="FH37" s="61">
        <v>13</v>
      </c>
      <c r="FI37" s="61">
        <v>1</v>
      </c>
      <c r="FJ37" s="62">
        <v>73</v>
      </c>
      <c r="FK37" s="63">
        <v>112</v>
      </c>
      <c r="FL37" s="60">
        <v>9</v>
      </c>
      <c r="FM37" s="61">
        <v>7</v>
      </c>
      <c r="FN37" s="62">
        <v>16</v>
      </c>
      <c r="FO37" s="443">
        <v>0</v>
      </c>
      <c r="FP37" s="61">
        <v>32</v>
      </c>
      <c r="FQ37" s="61">
        <v>24</v>
      </c>
      <c r="FR37" s="61">
        <v>9</v>
      </c>
      <c r="FS37" s="61">
        <v>23</v>
      </c>
      <c r="FT37" s="61">
        <v>13</v>
      </c>
      <c r="FU37" s="62">
        <v>101</v>
      </c>
      <c r="FV37" s="63">
        <v>117</v>
      </c>
      <c r="FW37" s="60">
        <v>0</v>
      </c>
      <c r="FX37" s="61">
        <v>0</v>
      </c>
      <c r="FY37" s="62">
        <v>0</v>
      </c>
      <c r="FZ37" s="443">
        <v>0</v>
      </c>
      <c r="GA37" s="61">
        <v>1</v>
      </c>
      <c r="GB37" s="61">
        <v>1</v>
      </c>
      <c r="GC37" s="61">
        <v>1</v>
      </c>
      <c r="GD37" s="61">
        <v>0</v>
      </c>
      <c r="GE37" s="61">
        <v>1</v>
      </c>
      <c r="GF37" s="62">
        <v>4</v>
      </c>
      <c r="GG37" s="63">
        <v>4</v>
      </c>
      <c r="GH37" s="60">
        <v>39</v>
      </c>
      <c r="GI37" s="61">
        <v>43</v>
      </c>
      <c r="GJ37" s="62">
        <v>82</v>
      </c>
      <c r="GK37" s="443">
        <v>0</v>
      </c>
      <c r="GL37" s="61">
        <v>99</v>
      </c>
      <c r="GM37" s="61">
        <v>53</v>
      </c>
      <c r="GN37" s="61">
        <v>40</v>
      </c>
      <c r="GO37" s="61">
        <v>45</v>
      </c>
      <c r="GP37" s="61">
        <v>24</v>
      </c>
      <c r="GQ37" s="62">
        <v>261</v>
      </c>
      <c r="GR37" s="63">
        <v>343</v>
      </c>
      <c r="GS37" s="113">
        <v>55</v>
      </c>
      <c r="GT37" s="72">
        <v>58</v>
      </c>
      <c r="GU37" s="73">
        <v>113</v>
      </c>
      <c r="GV37" s="224">
        <v>0</v>
      </c>
      <c r="GW37" s="72">
        <v>136</v>
      </c>
      <c r="GX37" s="72">
        <v>92</v>
      </c>
      <c r="GY37" s="72">
        <v>56</v>
      </c>
      <c r="GZ37" s="72">
        <v>67</v>
      </c>
      <c r="HA37" s="72">
        <v>32</v>
      </c>
      <c r="HB37" s="74">
        <v>383</v>
      </c>
      <c r="HC37" s="75">
        <v>496</v>
      </c>
      <c r="HD37" s="60">
        <v>0</v>
      </c>
      <c r="HE37" s="61">
        <v>4</v>
      </c>
      <c r="HF37" s="62">
        <v>4</v>
      </c>
      <c r="HG37" s="227">
        <v>0</v>
      </c>
      <c r="HH37" s="61">
        <v>5</v>
      </c>
      <c r="HI37" s="61">
        <v>1</v>
      </c>
      <c r="HJ37" s="61">
        <v>3</v>
      </c>
      <c r="HK37" s="61">
        <v>1</v>
      </c>
      <c r="HL37" s="61">
        <v>2</v>
      </c>
      <c r="HM37" s="62">
        <v>12</v>
      </c>
      <c r="HN37" s="63">
        <v>16</v>
      </c>
      <c r="HO37" s="60">
        <v>3</v>
      </c>
      <c r="HP37" s="61">
        <v>2</v>
      </c>
      <c r="HQ37" s="62">
        <v>5</v>
      </c>
      <c r="HR37" s="443">
        <v>0</v>
      </c>
      <c r="HS37" s="61">
        <v>8</v>
      </c>
      <c r="HT37" s="61">
        <v>4</v>
      </c>
      <c r="HU37" s="61">
        <v>3</v>
      </c>
      <c r="HV37" s="61">
        <v>2</v>
      </c>
      <c r="HW37" s="61">
        <v>4</v>
      </c>
      <c r="HX37" s="62">
        <v>21</v>
      </c>
      <c r="HY37" s="63">
        <v>26</v>
      </c>
      <c r="HZ37" s="60">
        <v>8</v>
      </c>
      <c r="IA37" s="61">
        <v>6</v>
      </c>
      <c r="IB37" s="62">
        <v>14</v>
      </c>
      <c r="IC37" s="443">
        <v>0</v>
      </c>
      <c r="ID37" s="61">
        <v>9</v>
      </c>
      <c r="IE37" s="61">
        <v>7</v>
      </c>
      <c r="IF37" s="61">
        <v>8</v>
      </c>
      <c r="IG37" s="61">
        <v>10</v>
      </c>
      <c r="IH37" s="61">
        <v>3</v>
      </c>
      <c r="II37" s="62">
        <v>37</v>
      </c>
      <c r="IJ37" s="63">
        <v>51</v>
      </c>
      <c r="IK37" s="60">
        <v>13</v>
      </c>
      <c r="IL37" s="61">
        <v>11</v>
      </c>
      <c r="IM37" s="62">
        <v>24</v>
      </c>
      <c r="IN37" s="443">
        <v>0</v>
      </c>
      <c r="IO37" s="61">
        <v>33</v>
      </c>
      <c r="IP37" s="61">
        <v>21</v>
      </c>
      <c r="IQ37" s="61">
        <v>12</v>
      </c>
      <c r="IR37" s="61">
        <v>9</v>
      </c>
      <c r="IS37" s="61">
        <v>6</v>
      </c>
      <c r="IT37" s="62">
        <v>81</v>
      </c>
      <c r="IU37" s="63">
        <v>105</v>
      </c>
      <c r="IV37" s="60">
        <v>21</v>
      </c>
      <c r="IW37" s="61">
        <v>26</v>
      </c>
      <c r="IX37" s="62">
        <v>47</v>
      </c>
      <c r="IY37" s="443">
        <v>0</v>
      </c>
      <c r="IZ37" s="61">
        <v>43</v>
      </c>
      <c r="JA37" s="61">
        <v>25</v>
      </c>
      <c r="JB37" s="61">
        <v>17</v>
      </c>
      <c r="JC37" s="61">
        <v>18</v>
      </c>
      <c r="JD37" s="61">
        <v>3</v>
      </c>
      <c r="JE37" s="62">
        <v>106</v>
      </c>
      <c r="JF37" s="63">
        <v>153</v>
      </c>
      <c r="JG37" s="60">
        <v>10</v>
      </c>
      <c r="JH37" s="61">
        <v>9</v>
      </c>
      <c r="JI37" s="62">
        <v>19</v>
      </c>
      <c r="JJ37" s="443">
        <v>0</v>
      </c>
      <c r="JK37" s="61">
        <v>38</v>
      </c>
      <c r="JL37" s="61">
        <v>34</v>
      </c>
      <c r="JM37" s="61">
        <v>13</v>
      </c>
      <c r="JN37" s="61">
        <v>27</v>
      </c>
      <c r="JO37" s="61">
        <v>14</v>
      </c>
      <c r="JP37" s="62">
        <v>126</v>
      </c>
      <c r="JQ37" s="63">
        <v>145</v>
      </c>
      <c r="JR37" s="60">
        <v>0</v>
      </c>
      <c r="JS37" s="61">
        <v>0</v>
      </c>
      <c r="JT37" s="62">
        <v>0</v>
      </c>
      <c r="JU37" s="443">
        <v>0</v>
      </c>
      <c r="JV37" s="61">
        <v>3</v>
      </c>
      <c r="JW37" s="61">
        <v>3</v>
      </c>
      <c r="JX37" s="61">
        <v>1</v>
      </c>
      <c r="JY37" s="61">
        <v>1</v>
      </c>
      <c r="JZ37" s="61">
        <v>2</v>
      </c>
      <c r="KA37" s="62">
        <v>10</v>
      </c>
      <c r="KB37" s="63">
        <v>10</v>
      </c>
      <c r="KC37" s="60">
        <v>55</v>
      </c>
      <c r="KD37" s="61">
        <v>58</v>
      </c>
      <c r="KE37" s="62">
        <v>113</v>
      </c>
      <c r="KF37" s="443">
        <v>0</v>
      </c>
      <c r="KG37" s="61">
        <v>139</v>
      </c>
      <c r="KH37" s="61">
        <v>95</v>
      </c>
      <c r="KI37" s="61">
        <v>57</v>
      </c>
      <c r="KJ37" s="61">
        <v>68</v>
      </c>
      <c r="KK37" s="61">
        <v>34</v>
      </c>
      <c r="KL37" s="62">
        <v>393</v>
      </c>
      <c r="KM37" s="63">
        <v>506</v>
      </c>
    </row>
    <row r="38" spans="2:299" ht="21" customHeight="1" x14ac:dyDescent="0.2">
      <c r="B38" s="437" t="s">
        <v>35</v>
      </c>
      <c r="C38" s="287">
        <v>65</v>
      </c>
      <c r="D38" s="72">
        <v>53</v>
      </c>
      <c r="E38" s="73">
        <v>118</v>
      </c>
      <c r="F38" s="443">
        <v>0</v>
      </c>
      <c r="G38" s="72">
        <v>155</v>
      </c>
      <c r="H38" s="72">
        <v>80</v>
      </c>
      <c r="I38" s="72">
        <v>70</v>
      </c>
      <c r="J38" s="72">
        <v>53</v>
      </c>
      <c r="K38" s="72">
        <v>27</v>
      </c>
      <c r="L38" s="74">
        <v>385</v>
      </c>
      <c r="M38" s="75">
        <v>503</v>
      </c>
      <c r="N38" s="60">
        <v>3</v>
      </c>
      <c r="O38" s="61">
        <v>4</v>
      </c>
      <c r="P38" s="62">
        <v>7</v>
      </c>
      <c r="Q38" s="443">
        <v>0</v>
      </c>
      <c r="R38" s="61">
        <v>12</v>
      </c>
      <c r="S38" s="61">
        <v>4</v>
      </c>
      <c r="T38" s="61">
        <v>7</v>
      </c>
      <c r="U38" s="61">
        <v>4</v>
      </c>
      <c r="V38" s="61">
        <v>4</v>
      </c>
      <c r="W38" s="62">
        <v>31</v>
      </c>
      <c r="X38" s="63">
        <v>38</v>
      </c>
      <c r="Y38" s="60">
        <v>5</v>
      </c>
      <c r="Z38" s="61">
        <v>4</v>
      </c>
      <c r="AA38" s="62">
        <v>9</v>
      </c>
      <c r="AB38" s="443">
        <v>0</v>
      </c>
      <c r="AC38" s="61">
        <v>12</v>
      </c>
      <c r="AD38" s="61">
        <v>7</v>
      </c>
      <c r="AE38" s="61">
        <v>7</v>
      </c>
      <c r="AF38" s="61">
        <v>3</v>
      </c>
      <c r="AG38" s="61">
        <v>3</v>
      </c>
      <c r="AH38" s="62">
        <v>32</v>
      </c>
      <c r="AI38" s="63">
        <v>41</v>
      </c>
      <c r="AJ38" s="60">
        <v>12</v>
      </c>
      <c r="AK38" s="61">
        <v>9</v>
      </c>
      <c r="AL38" s="62">
        <v>21</v>
      </c>
      <c r="AM38" s="443">
        <v>0</v>
      </c>
      <c r="AN38" s="61">
        <v>23</v>
      </c>
      <c r="AO38" s="61">
        <v>7</v>
      </c>
      <c r="AP38" s="61">
        <v>9</v>
      </c>
      <c r="AQ38" s="61">
        <v>9</v>
      </c>
      <c r="AR38" s="61">
        <v>8</v>
      </c>
      <c r="AS38" s="62">
        <v>56</v>
      </c>
      <c r="AT38" s="63">
        <v>77</v>
      </c>
      <c r="AU38" s="60">
        <v>19</v>
      </c>
      <c r="AV38" s="61">
        <v>19</v>
      </c>
      <c r="AW38" s="62">
        <v>38</v>
      </c>
      <c r="AX38" s="443">
        <v>0</v>
      </c>
      <c r="AY38" s="61">
        <v>52</v>
      </c>
      <c r="AZ38" s="61">
        <v>19</v>
      </c>
      <c r="BA38" s="61">
        <v>14</v>
      </c>
      <c r="BB38" s="61">
        <v>12</v>
      </c>
      <c r="BC38" s="61">
        <v>4</v>
      </c>
      <c r="BD38" s="62">
        <v>101</v>
      </c>
      <c r="BE38" s="63">
        <v>139</v>
      </c>
      <c r="BF38" s="60">
        <v>16</v>
      </c>
      <c r="BG38" s="61">
        <v>11</v>
      </c>
      <c r="BH38" s="62">
        <v>27</v>
      </c>
      <c r="BI38" s="443">
        <v>0</v>
      </c>
      <c r="BJ38" s="61">
        <v>38</v>
      </c>
      <c r="BK38" s="61">
        <v>22</v>
      </c>
      <c r="BL38" s="61">
        <v>16</v>
      </c>
      <c r="BM38" s="61">
        <v>10</v>
      </c>
      <c r="BN38" s="61">
        <v>2</v>
      </c>
      <c r="BO38" s="62">
        <v>88</v>
      </c>
      <c r="BP38" s="63">
        <v>115</v>
      </c>
      <c r="BQ38" s="60">
        <v>10</v>
      </c>
      <c r="BR38" s="61">
        <v>6</v>
      </c>
      <c r="BS38" s="62">
        <v>16</v>
      </c>
      <c r="BT38" s="443">
        <v>0</v>
      </c>
      <c r="BU38" s="61">
        <v>18</v>
      </c>
      <c r="BV38" s="61">
        <v>21</v>
      </c>
      <c r="BW38" s="61">
        <v>17</v>
      </c>
      <c r="BX38" s="61">
        <v>15</v>
      </c>
      <c r="BY38" s="61">
        <v>6</v>
      </c>
      <c r="BZ38" s="62">
        <v>77</v>
      </c>
      <c r="CA38" s="63">
        <v>93</v>
      </c>
      <c r="CB38" s="60">
        <v>1</v>
      </c>
      <c r="CC38" s="61">
        <v>2</v>
      </c>
      <c r="CD38" s="62">
        <v>3</v>
      </c>
      <c r="CE38" s="443">
        <v>0</v>
      </c>
      <c r="CF38" s="61">
        <v>5</v>
      </c>
      <c r="CG38" s="61">
        <v>3</v>
      </c>
      <c r="CH38" s="61">
        <v>1</v>
      </c>
      <c r="CI38" s="61">
        <v>2</v>
      </c>
      <c r="CJ38" s="61">
        <v>2</v>
      </c>
      <c r="CK38" s="62">
        <v>13</v>
      </c>
      <c r="CL38" s="63">
        <v>16</v>
      </c>
      <c r="CM38" s="60">
        <v>66</v>
      </c>
      <c r="CN38" s="61">
        <v>55</v>
      </c>
      <c r="CO38" s="62">
        <v>121</v>
      </c>
      <c r="CP38" s="443">
        <v>0</v>
      </c>
      <c r="CQ38" s="61">
        <v>160</v>
      </c>
      <c r="CR38" s="61">
        <v>83</v>
      </c>
      <c r="CS38" s="61">
        <v>71</v>
      </c>
      <c r="CT38" s="61">
        <v>55</v>
      </c>
      <c r="CU38" s="61">
        <v>29</v>
      </c>
      <c r="CV38" s="62">
        <v>398</v>
      </c>
      <c r="CW38" s="63">
        <v>519</v>
      </c>
      <c r="CX38" s="113">
        <v>142</v>
      </c>
      <c r="CY38" s="72">
        <v>156</v>
      </c>
      <c r="CZ38" s="73">
        <v>298</v>
      </c>
      <c r="DA38" s="443">
        <v>0</v>
      </c>
      <c r="DB38" s="72">
        <v>307</v>
      </c>
      <c r="DC38" s="72">
        <v>168</v>
      </c>
      <c r="DD38" s="72">
        <v>164</v>
      </c>
      <c r="DE38" s="72">
        <v>148</v>
      </c>
      <c r="DF38" s="72">
        <v>101</v>
      </c>
      <c r="DG38" s="74">
        <v>888</v>
      </c>
      <c r="DH38" s="75">
        <v>1186</v>
      </c>
      <c r="DI38" s="60">
        <v>2</v>
      </c>
      <c r="DJ38" s="61">
        <v>3</v>
      </c>
      <c r="DK38" s="62">
        <v>5</v>
      </c>
      <c r="DL38" s="443">
        <v>0</v>
      </c>
      <c r="DM38" s="61">
        <v>5</v>
      </c>
      <c r="DN38" s="61">
        <v>5</v>
      </c>
      <c r="DO38" s="61">
        <v>4</v>
      </c>
      <c r="DP38" s="61">
        <v>3</v>
      </c>
      <c r="DQ38" s="61">
        <v>2</v>
      </c>
      <c r="DR38" s="62">
        <v>19</v>
      </c>
      <c r="DS38" s="63">
        <v>24</v>
      </c>
      <c r="DT38" s="60">
        <v>11</v>
      </c>
      <c r="DU38" s="61">
        <v>10</v>
      </c>
      <c r="DV38" s="62">
        <v>21</v>
      </c>
      <c r="DW38" s="443">
        <v>0</v>
      </c>
      <c r="DX38" s="61">
        <v>13</v>
      </c>
      <c r="DY38" s="61">
        <v>7</v>
      </c>
      <c r="DZ38" s="61">
        <v>6</v>
      </c>
      <c r="EA38" s="61">
        <v>10</v>
      </c>
      <c r="EB38" s="61">
        <v>4</v>
      </c>
      <c r="EC38" s="62">
        <v>40</v>
      </c>
      <c r="ED38" s="63">
        <v>61</v>
      </c>
      <c r="EE38" s="60">
        <v>18</v>
      </c>
      <c r="EF38" s="61">
        <v>30</v>
      </c>
      <c r="EG38" s="62">
        <v>48</v>
      </c>
      <c r="EH38" s="443">
        <v>0</v>
      </c>
      <c r="EI38" s="61">
        <v>25</v>
      </c>
      <c r="EJ38" s="61">
        <v>14</v>
      </c>
      <c r="EK38" s="61">
        <v>9</v>
      </c>
      <c r="EL38" s="61">
        <v>7</v>
      </c>
      <c r="EM38" s="61">
        <v>14</v>
      </c>
      <c r="EN38" s="62">
        <v>69</v>
      </c>
      <c r="EO38" s="63">
        <v>117</v>
      </c>
      <c r="EP38" s="60">
        <v>45</v>
      </c>
      <c r="EQ38" s="61">
        <v>31</v>
      </c>
      <c r="ER38" s="62">
        <v>76</v>
      </c>
      <c r="ES38" s="443">
        <v>0</v>
      </c>
      <c r="ET38" s="61">
        <v>64</v>
      </c>
      <c r="EU38" s="61">
        <v>38</v>
      </c>
      <c r="EV38" s="61">
        <v>33</v>
      </c>
      <c r="EW38" s="61">
        <v>26</v>
      </c>
      <c r="EX38" s="61">
        <v>18</v>
      </c>
      <c r="EY38" s="62">
        <v>179</v>
      </c>
      <c r="EZ38" s="63">
        <v>255</v>
      </c>
      <c r="FA38" s="60">
        <v>42</v>
      </c>
      <c r="FB38" s="61">
        <v>50</v>
      </c>
      <c r="FC38" s="62">
        <v>92</v>
      </c>
      <c r="FD38" s="443">
        <v>0</v>
      </c>
      <c r="FE38" s="61">
        <v>106</v>
      </c>
      <c r="FF38" s="61">
        <v>38</v>
      </c>
      <c r="FG38" s="61">
        <v>48</v>
      </c>
      <c r="FH38" s="61">
        <v>38</v>
      </c>
      <c r="FI38" s="61">
        <v>29</v>
      </c>
      <c r="FJ38" s="62">
        <v>259</v>
      </c>
      <c r="FK38" s="63">
        <v>351</v>
      </c>
      <c r="FL38" s="60">
        <v>24</v>
      </c>
      <c r="FM38" s="61">
        <v>32</v>
      </c>
      <c r="FN38" s="62">
        <v>56</v>
      </c>
      <c r="FO38" s="443">
        <v>0</v>
      </c>
      <c r="FP38" s="61">
        <v>94</v>
      </c>
      <c r="FQ38" s="61">
        <v>66</v>
      </c>
      <c r="FR38" s="61">
        <v>64</v>
      </c>
      <c r="FS38" s="61">
        <v>64</v>
      </c>
      <c r="FT38" s="61">
        <v>34</v>
      </c>
      <c r="FU38" s="62">
        <v>322</v>
      </c>
      <c r="FV38" s="63">
        <v>378</v>
      </c>
      <c r="FW38" s="60">
        <v>0</v>
      </c>
      <c r="FX38" s="61">
        <v>0</v>
      </c>
      <c r="FY38" s="62">
        <v>0</v>
      </c>
      <c r="FZ38" s="443">
        <v>0</v>
      </c>
      <c r="GA38" s="61">
        <v>1</v>
      </c>
      <c r="GB38" s="61">
        <v>4</v>
      </c>
      <c r="GC38" s="61">
        <v>1</v>
      </c>
      <c r="GD38" s="61">
        <v>0</v>
      </c>
      <c r="GE38" s="61">
        <v>1</v>
      </c>
      <c r="GF38" s="62">
        <v>7</v>
      </c>
      <c r="GG38" s="63">
        <v>7</v>
      </c>
      <c r="GH38" s="60">
        <v>142</v>
      </c>
      <c r="GI38" s="61">
        <v>156</v>
      </c>
      <c r="GJ38" s="62">
        <v>298</v>
      </c>
      <c r="GK38" s="443">
        <v>0</v>
      </c>
      <c r="GL38" s="61">
        <v>308</v>
      </c>
      <c r="GM38" s="61">
        <v>172</v>
      </c>
      <c r="GN38" s="61">
        <v>165</v>
      </c>
      <c r="GO38" s="61">
        <v>148</v>
      </c>
      <c r="GP38" s="61">
        <v>102</v>
      </c>
      <c r="GQ38" s="62">
        <v>895</v>
      </c>
      <c r="GR38" s="63">
        <v>1193</v>
      </c>
      <c r="GS38" s="113">
        <v>207</v>
      </c>
      <c r="GT38" s="72">
        <v>209</v>
      </c>
      <c r="GU38" s="73">
        <v>416</v>
      </c>
      <c r="GV38" s="224">
        <v>0</v>
      </c>
      <c r="GW38" s="72">
        <v>462</v>
      </c>
      <c r="GX38" s="72">
        <v>248</v>
      </c>
      <c r="GY38" s="72">
        <v>234</v>
      </c>
      <c r="GZ38" s="72">
        <v>201</v>
      </c>
      <c r="HA38" s="72">
        <v>128</v>
      </c>
      <c r="HB38" s="74">
        <v>1273</v>
      </c>
      <c r="HC38" s="75">
        <v>1689</v>
      </c>
      <c r="HD38" s="60">
        <v>5</v>
      </c>
      <c r="HE38" s="61">
        <v>7</v>
      </c>
      <c r="HF38" s="62">
        <v>12</v>
      </c>
      <c r="HG38" s="227">
        <v>0</v>
      </c>
      <c r="HH38" s="61">
        <v>17</v>
      </c>
      <c r="HI38" s="61">
        <v>9</v>
      </c>
      <c r="HJ38" s="61">
        <v>11</v>
      </c>
      <c r="HK38" s="61">
        <v>7</v>
      </c>
      <c r="HL38" s="61">
        <v>6</v>
      </c>
      <c r="HM38" s="62">
        <v>50</v>
      </c>
      <c r="HN38" s="63">
        <v>62</v>
      </c>
      <c r="HO38" s="60">
        <v>16</v>
      </c>
      <c r="HP38" s="61">
        <v>14</v>
      </c>
      <c r="HQ38" s="62">
        <v>30</v>
      </c>
      <c r="HR38" s="443">
        <v>0</v>
      </c>
      <c r="HS38" s="61">
        <v>25</v>
      </c>
      <c r="HT38" s="61">
        <v>14</v>
      </c>
      <c r="HU38" s="61">
        <v>13</v>
      </c>
      <c r="HV38" s="61">
        <v>13</v>
      </c>
      <c r="HW38" s="61">
        <v>7</v>
      </c>
      <c r="HX38" s="62">
        <v>72</v>
      </c>
      <c r="HY38" s="63">
        <v>102</v>
      </c>
      <c r="HZ38" s="60">
        <v>30</v>
      </c>
      <c r="IA38" s="61">
        <v>39</v>
      </c>
      <c r="IB38" s="62">
        <v>69</v>
      </c>
      <c r="IC38" s="443">
        <v>0</v>
      </c>
      <c r="ID38" s="61">
        <v>48</v>
      </c>
      <c r="IE38" s="61">
        <v>21</v>
      </c>
      <c r="IF38" s="61">
        <v>18</v>
      </c>
      <c r="IG38" s="61">
        <v>16</v>
      </c>
      <c r="IH38" s="61">
        <v>22</v>
      </c>
      <c r="II38" s="62">
        <v>125</v>
      </c>
      <c r="IJ38" s="63">
        <v>194</v>
      </c>
      <c r="IK38" s="60">
        <v>64</v>
      </c>
      <c r="IL38" s="61">
        <v>50</v>
      </c>
      <c r="IM38" s="62">
        <v>114</v>
      </c>
      <c r="IN38" s="443">
        <v>0</v>
      </c>
      <c r="IO38" s="61">
        <v>116</v>
      </c>
      <c r="IP38" s="61">
        <v>57</v>
      </c>
      <c r="IQ38" s="61">
        <v>47</v>
      </c>
      <c r="IR38" s="61">
        <v>38</v>
      </c>
      <c r="IS38" s="61">
        <v>22</v>
      </c>
      <c r="IT38" s="62">
        <v>280</v>
      </c>
      <c r="IU38" s="63">
        <v>394</v>
      </c>
      <c r="IV38" s="60">
        <v>58</v>
      </c>
      <c r="IW38" s="61">
        <v>61</v>
      </c>
      <c r="IX38" s="62">
        <v>119</v>
      </c>
      <c r="IY38" s="443">
        <v>0</v>
      </c>
      <c r="IZ38" s="61">
        <v>144</v>
      </c>
      <c r="JA38" s="61">
        <v>60</v>
      </c>
      <c r="JB38" s="61">
        <v>64</v>
      </c>
      <c r="JC38" s="61">
        <v>48</v>
      </c>
      <c r="JD38" s="61">
        <v>31</v>
      </c>
      <c r="JE38" s="62">
        <v>347</v>
      </c>
      <c r="JF38" s="63">
        <v>466</v>
      </c>
      <c r="JG38" s="60">
        <v>34</v>
      </c>
      <c r="JH38" s="61">
        <v>38</v>
      </c>
      <c r="JI38" s="62">
        <v>72</v>
      </c>
      <c r="JJ38" s="443">
        <v>0</v>
      </c>
      <c r="JK38" s="61">
        <v>112</v>
      </c>
      <c r="JL38" s="61">
        <v>87</v>
      </c>
      <c r="JM38" s="61">
        <v>81</v>
      </c>
      <c r="JN38" s="61">
        <v>79</v>
      </c>
      <c r="JO38" s="61">
        <v>40</v>
      </c>
      <c r="JP38" s="62">
        <v>399</v>
      </c>
      <c r="JQ38" s="63">
        <v>471</v>
      </c>
      <c r="JR38" s="60">
        <v>1</v>
      </c>
      <c r="JS38" s="61">
        <v>2</v>
      </c>
      <c r="JT38" s="62">
        <v>3</v>
      </c>
      <c r="JU38" s="443">
        <v>0</v>
      </c>
      <c r="JV38" s="61">
        <v>6</v>
      </c>
      <c r="JW38" s="61">
        <v>7</v>
      </c>
      <c r="JX38" s="61">
        <v>2</v>
      </c>
      <c r="JY38" s="61">
        <v>2</v>
      </c>
      <c r="JZ38" s="61">
        <v>3</v>
      </c>
      <c r="KA38" s="62">
        <v>20</v>
      </c>
      <c r="KB38" s="63">
        <v>23</v>
      </c>
      <c r="KC38" s="60">
        <v>208</v>
      </c>
      <c r="KD38" s="61">
        <v>211</v>
      </c>
      <c r="KE38" s="62">
        <v>419</v>
      </c>
      <c r="KF38" s="443">
        <v>0</v>
      </c>
      <c r="KG38" s="61">
        <v>468</v>
      </c>
      <c r="KH38" s="61">
        <v>255</v>
      </c>
      <c r="KI38" s="61">
        <v>236</v>
      </c>
      <c r="KJ38" s="61">
        <v>203</v>
      </c>
      <c r="KK38" s="61">
        <v>131</v>
      </c>
      <c r="KL38" s="62">
        <v>1293</v>
      </c>
      <c r="KM38" s="63">
        <v>1712</v>
      </c>
    </row>
    <row r="39" spans="2:299" ht="21" customHeight="1" x14ac:dyDescent="0.2">
      <c r="B39" s="437" t="s">
        <v>36</v>
      </c>
      <c r="C39" s="287">
        <v>58</v>
      </c>
      <c r="D39" s="72">
        <v>90</v>
      </c>
      <c r="E39" s="73">
        <v>148</v>
      </c>
      <c r="F39" s="443">
        <v>0</v>
      </c>
      <c r="G39" s="72">
        <v>162</v>
      </c>
      <c r="H39" s="72">
        <v>150</v>
      </c>
      <c r="I39" s="72">
        <v>100</v>
      </c>
      <c r="J39" s="72">
        <v>92</v>
      </c>
      <c r="K39" s="72">
        <v>48</v>
      </c>
      <c r="L39" s="74">
        <v>552</v>
      </c>
      <c r="M39" s="75">
        <v>700</v>
      </c>
      <c r="N39" s="60">
        <v>4</v>
      </c>
      <c r="O39" s="61">
        <v>5</v>
      </c>
      <c r="P39" s="62">
        <v>9</v>
      </c>
      <c r="Q39" s="443">
        <v>0</v>
      </c>
      <c r="R39" s="61">
        <v>10</v>
      </c>
      <c r="S39" s="61">
        <v>14</v>
      </c>
      <c r="T39" s="61">
        <v>7</v>
      </c>
      <c r="U39" s="61">
        <v>5</v>
      </c>
      <c r="V39" s="61">
        <v>7</v>
      </c>
      <c r="W39" s="62">
        <v>43</v>
      </c>
      <c r="X39" s="63">
        <v>52</v>
      </c>
      <c r="Y39" s="60">
        <v>5</v>
      </c>
      <c r="Z39" s="61">
        <v>14</v>
      </c>
      <c r="AA39" s="62">
        <v>19</v>
      </c>
      <c r="AB39" s="443">
        <v>0</v>
      </c>
      <c r="AC39" s="61">
        <v>15</v>
      </c>
      <c r="AD39" s="61">
        <v>26</v>
      </c>
      <c r="AE39" s="61">
        <v>13</v>
      </c>
      <c r="AF39" s="61">
        <v>12</v>
      </c>
      <c r="AG39" s="61">
        <v>8</v>
      </c>
      <c r="AH39" s="62">
        <v>74</v>
      </c>
      <c r="AI39" s="63">
        <v>93</v>
      </c>
      <c r="AJ39" s="60">
        <v>15</v>
      </c>
      <c r="AK39" s="61">
        <v>13</v>
      </c>
      <c r="AL39" s="62">
        <v>28</v>
      </c>
      <c r="AM39" s="443">
        <v>0</v>
      </c>
      <c r="AN39" s="61">
        <v>35</v>
      </c>
      <c r="AO39" s="61">
        <v>24</v>
      </c>
      <c r="AP39" s="61">
        <v>18</v>
      </c>
      <c r="AQ39" s="61">
        <v>15</v>
      </c>
      <c r="AR39" s="61">
        <v>8</v>
      </c>
      <c r="AS39" s="62">
        <v>100</v>
      </c>
      <c r="AT39" s="63">
        <v>128</v>
      </c>
      <c r="AU39" s="60">
        <v>15</v>
      </c>
      <c r="AV39" s="61">
        <v>26</v>
      </c>
      <c r="AW39" s="62">
        <v>41</v>
      </c>
      <c r="AX39" s="443">
        <v>0</v>
      </c>
      <c r="AY39" s="61">
        <v>49</v>
      </c>
      <c r="AZ39" s="61">
        <v>31</v>
      </c>
      <c r="BA39" s="61">
        <v>26</v>
      </c>
      <c r="BB39" s="61">
        <v>26</v>
      </c>
      <c r="BC39" s="61">
        <v>12</v>
      </c>
      <c r="BD39" s="62">
        <v>144</v>
      </c>
      <c r="BE39" s="63">
        <v>185</v>
      </c>
      <c r="BF39" s="60">
        <v>15</v>
      </c>
      <c r="BG39" s="61">
        <v>16</v>
      </c>
      <c r="BH39" s="62">
        <v>31</v>
      </c>
      <c r="BI39" s="443">
        <v>0</v>
      </c>
      <c r="BJ39" s="61">
        <v>38</v>
      </c>
      <c r="BK39" s="61">
        <v>35</v>
      </c>
      <c r="BL39" s="61">
        <v>19</v>
      </c>
      <c r="BM39" s="61">
        <v>20</v>
      </c>
      <c r="BN39" s="61">
        <v>7</v>
      </c>
      <c r="BO39" s="62">
        <v>119</v>
      </c>
      <c r="BP39" s="63">
        <v>150</v>
      </c>
      <c r="BQ39" s="60">
        <v>4</v>
      </c>
      <c r="BR39" s="61">
        <v>16</v>
      </c>
      <c r="BS39" s="62">
        <v>20</v>
      </c>
      <c r="BT39" s="443">
        <v>0</v>
      </c>
      <c r="BU39" s="61">
        <v>15</v>
      </c>
      <c r="BV39" s="61">
        <v>20</v>
      </c>
      <c r="BW39" s="61">
        <v>17</v>
      </c>
      <c r="BX39" s="61">
        <v>14</v>
      </c>
      <c r="BY39" s="61">
        <v>6</v>
      </c>
      <c r="BZ39" s="62">
        <v>72</v>
      </c>
      <c r="CA39" s="63">
        <v>92</v>
      </c>
      <c r="CB39" s="60">
        <v>2</v>
      </c>
      <c r="CC39" s="61">
        <v>1</v>
      </c>
      <c r="CD39" s="62">
        <v>3</v>
      </c>
      <c r="CE39" s="443">
        <v>0</v>
      </c>
      <c r="CF39" s="61">
        <v>6</v>
      </c>
      <c r="CG39" s="61">
        <v>3</v>
      </c>
      <c r="CH39" s="61">
        <v>5</v>
      </c>
      <c r="CI39" s="61">
        <v>7</v>
      </c>
      <c r="CJ39" s="61">
        <v>3</v>
      </c>
      <c r="CK39" s="62">
        <v>24</v>
      </c>
      <c r="CL39" s="63">
        <v>27</v>
      </c>
      <c r="CM39" s="60">
        <v>60</v>
      </c>
      <c r="CN39" s="61">
        <v>91</v>
      </c>
      <c r="CO39" s="62">
        <v>151</v>
      </c>
      <c r="CP39" s="443">
        <v>0</v>
      </c>
      <c r="CQ39" s="61">
        <v>168</v>
      </c>
      <c r="CR39" s="61">
        <v>153</v>
      </c>
      <c r="CS39" s="61">
        <v>105</v>
      </c>
      <c r="CT39" s="61">
        <v>99</v>
      </c>
      <c r="CU39" s="61">
        <v>51</v>
      </c>
      <c r="CV39" s="62">
        <v>576</v>
      </c>
      <c r="CW39" s="63">
        <v>727</v>
      </c>
      <c r="CX39" s="113">
        <v>100</v>
      </c>
      <c r="CY39" s="72">
        <v>192</v>
      </c>
      <c r="CZ39" s="73">
        <v>292</v>
      </c>
      <c r="DA39" s="443">
        <v>0</v>
      </c>
      <c r="DB39" s="72">
        <v>255</v>
      </c>
      <c r="DC39" s="72">
        <v>226</v>
      </c>
      <c r="DD39" s="72">
        <v>186</v>
      </c>
      <c r="DE39" s="72">
        <v>162</v>
      </c>
      <c r="DF39" s="72">
        <v>135</v>
      </c>
      <c r="DG39" s="74">
        <v>964</v>
      </c>
      <c r="DH39" s="75">
        <v>1256</v>
      </c>
      <c r="DI39" s="60">
        <v>1</v>
      </c>
      <c r="DJ39" s="61">
        <v>4</v>
      </c>
      <c r="DK39" s="62">
        <v>5</v>
      </c>
      <c r="DL39" s="443">
        <v>0</v>
      </c>
      <c r="DM39" s="61">
        <v>7</v>
      </c>
      <c r="DN39" s="61">
        <v>7</v>
      </c>
      <c r="DO39" s="61">
        <v>4</v>
      </c>
      <c r="DP39" s="61">
        <v>3</v>
      </c>
      <c r="DQ39" s="61">
        <v>3</v>
      </c>
      <c r="DR39" s="62">
        <v>24</v>
      </c>
      <c r="DS39" s="63">
        <v>29</v>
      </c>
      <c r="DT39" s="60">
        <v>7</v>
      </c>
      <c r="DU39" s="61">
        <v>18</v>
      </c>
      <c r="DV39" s="62">
        <v>25</v>
      </c>
      <c r="DW39" s="443">
        <v>0</v>
      </c>
      <c r="DX39" s="61">
        <v>23</v>
      </c>
      <c r="DY39" s="61">
        <v>16</v>
      </c>
      <c r="DZ39" s="61">
        <v>12</v>
      </c>
      <c r="EA39" s="61">
        <v>11</v>
      </c>
      <c r="EB39" s="61">
        <v>13</v>
      </c>
      <c r="EC39" s="62">
        <v>75</v>
      </c>
      <c r="ED39" s="63">
        <v>100</v>
      </c>
      <c r="EE39" s="60">
        <v>15</v>
      </c>
      <c r="EF39" s="61">
        <v>34</v>
      </c>
      <c r="EG39" s="62">
        <v>49</v>
      </c>
      <c r="EH39" s="443">
        <v>0</v>
      </c>
      <c r="EI39" s="61">
        <v>36</v>
      </c>
      <c r="EJ39" s="61">
        <v>35</v>
      </c>
      <c r="EK39" s="61">
        <v>18</v>
      </c>
      <c r="EL39" s="61">
        <v>25</v>
      </c>
      <c r="EM39" s="61">
        <v>17</v>
      </c>
      <c r="EN39" s="62">
        <v>131</v>
      </c>
      <c r="EO39" s="63">
        <v>180</v>
      </c>
      <c r="EP39" s="60">
        <v>41</v>
      </c>
      <c r="EQ39" s="61">
        <v>60</v>
      </c>
      <c r="ER39" s="62">
        <v>101</v>
      </c>
      <c r="ES39" s="443">
        <v>0</v>
      </c>
      <c r="ET39" s="61">
        <v>70</v>
      </c>
      <c r="EU39" s="61">
        <v>59</v>
      </c>
      <c r="EV39" s="61">
        <v>33</v>
      </c>
      <c r="EW39" s="61">
        <v>32</v>
      </c>
      <c r="EX39" s="61">
        <v>23</v>
      </c>
      <c r="EY39" s="62">
        <v>217</v>
      </c>
      <c r="EZ39" s="63">
        <v>318</v>
      </c>
      <c r="FA39" s="60">
        <v>22</v>
      </c>
      <c r="FB39" s="61">
        <v>51</v>
      </c>
      <c r="FC39" s="62">
        <v>73</v>
      </c>
      <c r="FD39" s="443">
        <v>0</v>
      </c>
      <c r="FE39" s="61">
        <v>73</v>
      </c>
      <c r="FF39" s="61">
        <v>46</v>
      </c>
      <c r="FG39" s="61">
        <v>55</v>
      </c>
      <c r="FH39" s="61">
        <v>37</v>
      </c>
      <c r="FI39" s="61">
        <v>34</v>
      </c>
      <c r="FJ39" s="62">
        <v>245</v>
      </c>
      <c r="FK39" s="63">
        <v>318</v>
      </c>
      <c r="FL39" s="60">
        <v>14</v>
      </c>
      <c r="FM39" s="61">
        <v>25</v>
      </c>
      <c r="FN39" s="62">
        <v>39</v>
      </c>
      <c r="FO39" s="443">
        <v>0</v>
      </c>
      <c r="FP39" s="61">
        <v>46</v>
      </c>
      <c r="FQ39" s="61">
        <v>63</v>
      </c>
      <c r="FR39" s="61">
        <v>64</v>
      </c>
      <c r="FS39" s="61">
        <v>54</v>
      </c>
      <c r="FT39" s="61">
        <v>45</v>
      </c>
      <c r="FU39" s="62">
        <v>272</v>
      </c>
      <c r="FV39" s="63">
        <v>311</v>
      </c>
      <c r="FW39" s="60">
        <v>1</v>
      </c>
      <c r="FX39" s="61">
        <v>3</v>
      </c>
      <c r="FY39" s="62">
        <v>4</v>
      </c>
      <c r="FZ39" s="443">
        <v>0</v>
      </c>
      <c r="GA39" s="61">
        <v>2</v>
      </c>
      <c r="GB39" s="61">
        <v>3</v>
      </c>
      <c r="GC39" s="61">
        <v>0</v>
      </c>
      <c r="GD39" s="61">
        <v>5</v>
      </c>
      <c r="GE39" s="61">
        <v>4</v>
      </c>
      <c r="GF39" s="62">
        <v>14</v>
      </c>
      <c r="GG39" s="63">
        <v>18</v>
      </c>
      <c r="GH39" s="60">
        <v>101</v>
      </c>
      <c r="GI39" s="61">
        <v>195</v>
      </c>
      <c r="GJ39" s="62">
        <v>296</v>
      </c>
      <c r="GK39" s="443">
        <v>0</v>
      </c>
      <c r="GL39" s="61">
        <v>257</v>
      </c>
      <c r="GM39" s="61">
        <v>229</v>
      </c>
      <c r="GN39" s="61">
        <v>186</v>
      </c>
      <c r="GO39" s="61">
        <v>167</v>
      </c>
      <c r="GP39" s="61">
        <v>139</v>
      </c>
      <c r="GQ39" s="62">
        <v>978</v>
      </c>
      <c r="GR39" s="63">
        <v>1274</v>
      </c>
      <c r="GS39" s="113">
        <v>158</v>
      </c>
      <c r="GT39" s="72">
        <v>282</v>
      </c>
      <c r="GU39" s="73">
        <v>440</v>
      </c>
      <c r="GV39" s="224">
        <v>0</v>
      </c>
      <c r="GW39" s="72">
        <v>417</v>
      </c>
      <c r="GX39" s="72">
        <v>376</v>
      </c>
      <c r="GY39" s="72">
        <v>286</v>
      </c>
      <c r="GZ39" s="72">
        <v>254</v>
      </c>
      <c r="HA39" s="72">
        <v>183</v>
      </c>
      <c r="HB39" s="74">
        <v>1516</v>
      </c>
      <c r="HC39" s="75">
        <v>1956</v>
      </c>
      <c r="HD39" s="60">
        <v>5</v>
      </c>
      <c r="HE39" s="61">
        <v>9</v>
      </c>
      <c r="HF39" s="62">
        <v>14</v>
      </c>
      <c r="HG39" s="227">
        <v>0</v>
      </c>
      <c r="HH39" s="61">
        <v>17</v>
      </c>
      <c r="HI39" s="61">
        <v>21</v>
      </c>
      <c r="HJ39" s="61">
        <v>11</v>
      </c>
      <c r="HK39" s="61">
        <v>8</v>
      </c>
      <c r="HL39" s="61">
        <v>10</v>
      </c>
      <c r="HM39" s="62">
        <v>67</v>
      </c>
      <c r="HN39" s="63">
        <v>81</v>
      </c>
      <c r="HO39" s="60">
        <v>12</v>
      </c>
      <c r="HP39" s="61">
        <v>32</v>
      </c>
      <c r="HQ39" s="62">
        <v>44</v>
      </c>
      <c r="HR39" s="443">
        <v>0</v>
      </c>
      <c r="HS39" s="61">
        <v>38</v>
      </c>
      <c r="HT39" s="61">
        <v>42</v>
      </c>
      <c r="HU39" s="61">
        <v>25</v>
      </c>
      <c r="HV39" s="61">
        <v>23</v>
      </c>
      <c r="HW39" s="61">
        <v>21</v>
      </c>
      <c r="HX39" s="62">
        <v>149</v>
      </c>
      <c r="HY39" s="63">
        <v>193</v>
      </c>
      <c r="HZ39" s="60">
        <v>30</v>
      </c>
      <c r="IA39" s="61">
        <v>47</v>
      </c>
      <c r="IB39" s="62">
        <v>77</v>
      </c>
      <c r="IC39" s="443">
        <v>0</v>
      </c>
      <c r="ID39" s="61">
        <v>71</v>
      </c>
      <c r="IE39" s="61">
        <v>59</v>
      </c>
      <c r="IF39" s="61">
        <v>36</v>
      </c>
      <c r="IG39" s="61">
        <v>40</v>
      </c>
      <c r="IH39" s="61">
        <v>25</v>
      </c>
      <c r="II39" s="62">
        <v>231</v>
      </c>
      <c r="IJ39" s="63">
        <v>308</v>
      </c>
      <c r="IK39" s="60">
        <v>56</v>
      </c>
      <c r="IL39" s="61">
        <v>86</v>
      </c>
      <c r="IM39" s="62">
        <v>142</v>
      </c>
      <c r="IN39" s="443">
        <v>0</v>
      </c>
      <c r="IO39" s="61">
        <v>119</v>
      </c>
      <c r="IP39" s="61">
        <v>90</v>
      </c>
      <c r="IQ39" s="61">
        <v>59</v>
      </c>
      <c r="IR39" s="61">
        <v>58</v>
      </c>
      <c r="IS39" s="61">
        <v>35</v>
      </c>
      <c r="IT39" s="62">
        <v>361</v>
      </c>
      <c r="IU39" s="63">
        <v>503</v>
      </c>
      <c r="IV39" s="60">
        <v>37</v>
      </c>
      <c r="IW39" s="61">
        <v>67</v>
      </c>
      <c r="IX39" s="62">
        <v>104</v>
      </c>
      <c r="IY39" s="443">
        <v>0</v>
      </c>
      <c r="IZ39" s="61">
        <v>111</v>
      </c>
      <c r="JA39" s="61">
        <v>81</v>
      </c>
      <c r="JB39" s="61">
        <v>74</v>
      </c>
      <c r="JC39" s="61">
        <v>57</v>
      </c>
      <c r="JD39" s="61">
        <v>41</v>
      </c>
      <c r="JE39" s="62">
        <v>364</v>
      </c>
      <c r="JF39" s="63">
        <v>468</v>
      </c>
      <c r="JG39" s="60">
        <v>18</v>
      </c>
      <c r="JH39" s="61">
        <v>41</v>
      </c>
      <c r="JI39" s="62">
        <v>59</v>
      </c>
      <c r="JJ39" s="443">
        <v>0</v>
      </c>
      <c r="JK39" s="61">
        <v>61</v>
      </c>
      <c r="JL39" s="61">
        <v>83</v>
      </c>
      <c r="JM39" s="61">
        <v>81</v>
      </c>
      <c r="JN39" s="61">
        <v>68</v>
      </c>
      <c r="JO39" s="61">
        <v>51</v>
      </c>
      <c r="JP39" s="62">
        <v>344</v>
      </c>
      <c r="JQ39" s="63">
        <v>403</v>
      </c>
      <c r="JR39" s="60">
        <v>3</v>
      </c>
      <c r="JS39" s="61">
        <v>4</v>
      </c>
      <c r="JT39" s="62">
        <v>7</v>
      </c>
      <c r="JU39" s="443">
        <v>0</v>
      </c>
      <c r="JV39" s="61">
        <v>8</v>
      </c>
      <c r="JW39" s="61">
        <v>6</v>
      </c>
      <c r="JX39" s="61">
        <v>5</v>
      </c>
      <c r="JY39" s="61">
        <v>12</v>
      </c>
      <c r="JZ39" s="61">
        <v>7</v>
      </c>
      <c r="KA39" s="62">
        <v>38</v>
      </c>
      <c r="KB39" s="63">
        <v>45</v>
      </c>
      <c r="KC39" s="60">
        <v>161</v>
      </c>
      <c r="KD39" s="61">
        <v>286</v>
      </c>
      <c r="KE39" s="62">
        <v>447</v>
      </c>
      <c r="KF39" s="443">
        <v>0</v>
      </c>
      <c r="KG39" s="61">
        <v>425</v>
      </c>
      <c r="KH39" s="61">
        <v>382</v>
      </c>
      <c r="KI39" s="61">
        <v>291</v>
      </c>
      <c r="KJ39" s="61">
        <v>266</v>
      </c>
      <c r="KK39" s="61">
        <v>190</v>
      </c>
      <c r="KL39" s="62">
        <v>1554</v>
      </c>
      <c r="KM39" s="63">
        <v>2001</v>
      </c>
    </row>
    <row r="40" spans="2:299" ht="21" customHeight="1" thickBot="1" x14ac:dyDescent="0.25">
      <c r="B40" s="438" t="s">
        <v>37</v>
      </c>
      <c r="C40" s="288">
        <v>4</v>
      </c>
      <c r="D40" s="77">
        <v>0</v>
      </c>
      <c r="E40" s="78">
        <v>4</v>
      </c>
      <c r="F40" s="444">
        <v>0</v>
      </c>
      <c r="G40" s="77">
        <v>9</v>
      </c>
      <c r="H40" s="77">
        <v>6</v>
      </c>
      <c r="I40" s="77">
        <v>7</v>
      </c>
      <c r="J40" s="77">
        <v>7</v>
      </c>
      <c r="K40" s="77">
        <v>1</v>
      </c>
      <c r="L40" s="79">
        <v>30</v>
      </c>
      <c r="M40" s="80">
        <v>34</v>
      </c>
      <c r="N40" s="64">
        <v>1</v>
      </c>
      <c r="O40" s="65">
        <v>0</v>
      </c>
      <c r="P40" s="66">
        <v>1</v>
      </c>
      <c r="Q40" s="444">
        <v>0</v>
      </c>
      <c r="R40" s="65">
        <v>0</v>
      </c>
      <c r="S40" s="65">
        <v>0</v>
      </c>
      <c r="T40" s="65">
        <v>0</v>
      </c>
      <c r="U40" s="65">
        <v>1</v>
      </c>
      <c r="V40" s="65">
        <v>0</v>
      </c>
      <c r="W40" s="66">
        <v>1</v>
      </c>
      <c r="X40" s="67">
        <v>2</v>
      </c>
      <c r="Y40" s="64">
        <v>1</v>
      </c>
      <c r="Z40" s="65">
        <v>0</v>
      </c>
      <c r="AA40" s="66">
        <v>1</v>
      </c>
      <c r="AB40" s="444">
        <v>0</v>
      </c>
      <c r="AC40" s="65">
        <v>0</v>
      </c>
      <c r="AD40" s="65">
        <v>1</v>
      </c>
      <c r="AE40" s="65">
        <v>1</v>
      </c>
      <c r="AF40" s="65">
        <v>2</v>
      </c>
      <c r="AG40" s="65">
        <v>0</v>
      </c>
      <c r="AH40" s="66">
        <v>4</v>
      </c>
      <c r="AI40" s="67">
        <v>5</v>
      </c>
      <c r="AJ40" s="64">
        <v>0</v>
      </c>
      <c r="AK40" s="65">
        <v>0</v>
      </c>
      <c r="AL40" s="66">
        <v>0</v>
      </c>
      <c r="AM40" s="444">
        <v>0</v>
      </c>
      <c r="AN40" s="65">
        <v>2</v>
      </c>
      <c r="AO40" s="65">
        <v>1</v>
      </c>
      <c r="AP40" s="65">
        <v>2</v>
      </c>
      <c r="AQ40" s="65">
        <v>0</v>
      </c>
      <c r="AR40" s="65">
        <v>0</v>
      </c>
      <c r="AS40" s="66">
        <v>5</v>
      </c>
      <c r="AT40" s="67">
        <v>5</v>
      </c>
      <c r="AU40" s="64">
        <v>1</v>
      </c>
      <c r="AV40" s="65">
        <v>0</v>
      </c>
      <c r="AW40" s="66">
        <v>1</v>
      </c>
      <c r="AX40" s="444">
        <v>0</v>
      </c>
      <c r="AY40" s="65">
        <v>3</v>
      </c>
      <c r="AZ40" s="65">
        <v>2</v>
      </c>
      <c r="BA40" s="65">
        <v>1</v>
      </c>
      <c r="BB40" s="65">
        <v>1</v>
      </c>
      <c r="BC40" s="65">
        <v>0</v>
      </c>
      <c r="BD40" s="66">
        <v>7</v>
      </c>
      <c r="BE40" s="67">
        <v>8</v>
      </c>
      <c r="BF40" s="64">
        <v>0</v>
      </c>
      <c r="BG40" s="65">
        <v>0</v>
      </c>
      <c r="BH40" s="66">
        <v>0</v>
      </c>
      <c r="BI40" s="444">
        <v>0</v>
      </c>
      <c r="BJ40" s="65">
        <v>1</v>
      </c>
      <c r="BK40" s="65">
        <v>1</v>
      </c>
      <c r="BL40" s="65">
        <v>3</v>
      </c>
      <c r="BM40" s="65">
        <v>2</v>
      </c>
      <c r="BN40" s="65">
        <v>0</v>
      </c>
      <c r="BO40" s="66">
        <v>7</v>
      </c>
      <c r="BP40" s="67">
        <v>7</v>
      </c>
      <c r="BQ40" s="64">
        <v>1</v>
      </c>
      <c r="BR40" s="65">
        <v>0</v>
      </c>
      <c r="BS40" s="66">
        <v>1</v>
      </c>
      <c r="BT40" s="444">
        <v>0</v>
      </c>
      <c r="BU40" s="65">
        <v>3</v>
      </c>
      <c r="BV40" s="65">
        <v>1</v>
      </c>
      <c r="BW40" s="65">
        <v>0</v>
      </c>
      <c r="BX40" s="65">
        <v>1</v>
      </c>
      <c r="BY40" s="65">
        <v>1</v>
      </c>
      <c r="BZ40" s="66">
        <v>6</v>
      </c>
      <c r="CA40" s="67">
        <v>7</v>
      </c>
      <c r="CB40" s="64">
        <v>0</v>
      </c>
      <c r="CC40" s="65">
        <v>0</v>
      </c>
      <c r="CD40" s="66">
        <v>0</v>
      </c>
      <c r="CE40" s="444">
        <v>0</v>
      </c>
      <c r="CF40" s="65">
        <v>0</v>
      </c>
      <c r="CG40" s="65">
        <v>1</v>
      </c>
      <c r="CH40" s="65">
        <v>0</v>
      </c>
      <c r="CI40" s="65">
        <v>1</v>
      </c>
      <c r="CJ40" s="65">
        <v>0</v>
      </c>
      <c r="CK40" s="66">
        <v>2</v>
      </c>
      <c r="CL40" s="67">
        <v>2</v>
      </c>
      <c r="CM40" s="64">
        <v>4</v>
      </c>
      <c r="CN40" s="65">
        <v>0</v>
      </c>
      <c r="CO40" s="66">
        <v>4</v>
      </c>
      <c r="CP40" s="444">
        <v>0</v>
      </c>
      <c r="CQ40" s="65">
        <v>9</v>
      </c>
      <c r="CR40" s="65">
        <v>7</v>
      </c>
      <c r="CS40" s="65">
        <v>7</v>
      </c>
      <c r="CT40" s="65">
        <v>8</v>
      </c>
      <c r="CU40" s="65">
        <v>1</v>
      </c>
      <c r="CV40" s="66">
        <v>32</v>
      </c>
      <c r="CW40" s="67">
        <v>36</v>
      </c>
      <c r="CX40" s="114">
        <v>19</v>
      </c>
      <c r="CY40" s="77">
        <v>1</v>
      </c>
      <c r="CZ40" s="78">
        <v>20</v>
      </c>
      <c r="DA40" s="444">
        <v>0</v>
      </c>
      <c r="DB40" s="77">
        <v>22</v>
      </c>
      <c r="DC40" s="77">
        <v>17</v>
      </c>
      <c r="DD40" s="77">
        <v>22</v>
      </c>
      <c r="DE40" s="77">
        <v>19</v>
      </c>
      <c r="DF40" s="77">
        <v>18</v>
      </c>
      <c r="DG40" s="79">
        <v>98</v>
      </c>
      <c r="DH40" s="80">
        <v>118</v>
      </c>
      <c r="DI40" s="64">
        <v>0</v>
      </c>
      <c r="DJ40" s="65">
        <v>0</v>
      </c>
      <c r="DK40" s="66">
        <v>0</v>
      </c>
      <c r="DL40" s="444">
        <v>0</v>
      </c>
      <c r="DM40" s="65">
        <v>0</v>
      </c>
      <c r="DN40" s="65">
        <v>0</v>
      </c>
      <c r="DO40" s="65">
        <v>1</v>
      </c>
      <c r="DP40" s="65">
        <v>0</v>
      </c>
      <c r="DQ40" s="65">
        <v>1</v>
      </c>
      <c r="DR40" s="66">
        <v>2</v>
      </c>
      <c r="DS40" s="67">
        <v>2</v>
      </c>
      <c r="DT40" s="64">
        <v>2</v>
      </c>
      <c r="DU40" s="65">
        <v>0</v>
      </c>
      <c r="DV40" s="66">
        <v>2</v>
      </c>
      <c r="DW40" s="444">
        <v>0</v>
      </c>
      <c r="DX40" s="65">
        <v>0</v>
      </c>
      <c r="DY40" s="65">
        <v>0</v>
      </c>
      <c r="DZ40" s="65">
        <v>0</v>
      </c>
      <c r="EA40" s="65">
        <v>2</v>
      </c>
      <c r="EB40" s="65">
        <v>1</v>
      </c>
      <c r="EC40" s="66">
        <v>3</v>
      </c>
      <c r="ED40" s="67">
        <v>5</v>
      </c>
      <c r="EE40" s="64">
        <v>1</v>
      </c>
      <c r="EF40" s="65">
        <v>0</v>
      </c>
      <c r="EG40" s="66">
        <v>1</v>
      </c>
      <c r="EH40" s="444">
        <v>0</v>
      </c>
      <c r="EI40" s="65">
        <v>0</v>
      </c>
      <c r="EJ40" s="65">
        <v>3</v>
      </c>
      <c r="EK40" s="65">
        <v>2</v>
      </c>
      <c r="EL40" s="65">
        <v>2</v>
      </c>
      <c r="EM40" s="65">
        <v>0</v>
      </c>
      <c r="EN40" s="66">
        <v>7</v>
      </c>
      <c r="EO40" s="67">
        <v>8</v>
      </c>
      <c r="EP40" s="64">
        <v>7</v>
      </c>
      <c r="EQ40" s="65">
        <v>0</v>
      </c>
      <c r="ER40" s="66">
        <v>7</v>
      </c>
      <c r="ES40" s="444">
        <v>0</v>
      </c>
      <c r="ET40" s="65">
        <v>6</v>
      </c>
      <c r="EU40" s="65">
        <v>4</v>
      </c>
      <c r="EV40" s="65">
        <v>5</v>
      </c>
      <c r="EW40" s="65">
        <v>3</v>
      </c>
      <c r="EX40" s="65">
        <v>4</v>
      </c>
      <c r="EY40" s="66">
        <v>22</v>
      </c>
      <c r="EZ40" s="67">
        <v>29</v>
      </c>
      <c r="FA40" s="64">
        <v>7</v>
      </c>
      <c r="FB40" s="65">
        <v>1</v>
      </c>
      <c r="FC40" s="66">
        <v>8</v>
      </c>
      <c r="FD40" s="444">
        <v>0</v>
      </c>
      <c r="FE40" s="65">
        <v>8</v>
      </c>
      <c r="FF40" s="65">
        <v>5</v>
      </c>
      <c r="FG40" s="65">
        <v>7</v>
      </c>
      <c r="FH40" s="65">
        <v>5</v>
      </c>
      <c r="FI40" s="65">
        <v>6</v>
      </c>
      <c r="FJ40" s="66">
        <v>31</v>
      </c>
      <c r="FK40" s="67">
        <v>39</v>
      </c>
      <c r="FL40" s="64">
        <v>2</v>
      </c>
      <c r="FM40" s="65">
        <v>0</v>
      </c>
      <c r="FN40" s="66">
        <v>2</v>
      </c>
      <c r="FO40" s="444">
        <v>0</v>
      </c>
      <c r="FP40" s="65">
        <v>8</v>
      </c>
      <c r="FQ40" s="65">
        <v>5</v>
      </c>
      <c r="FR40" s="65">
        <v>7</v>
      </c>
      <c r="FS40" s="65">
        <v>7</v>
      </c>
      <c r="FT40" s="65">
        <v>6</v>
      </c>
      <c r="FU40" s="66">
        <v>33</v>
      </c>
      <c r="FV40" s="67">
        <v>35</v>
      </c>
      <c r="FW40" s="64">
        <v>0</v>
      </c>
      <c r="FX40" s="65">
        <v>0</v>
      </c>
      <c r="FY40" s="66">
        <v>0</v>
      </c>
      <c r="FZ40" s="444">
        <v>0</v>
      </c>
      <c r="GA40" s="65">
        <v>0</v>
      </c>
      <c r="GB40" s="65">
        <v>2</v>
      </c>
      <c r="GC40" s="65">
        <v>0</v>
      </c>
      <c r="GD40" s="65">
        <v>0</v>
      </c>
      <c r="GE40" s="65">
        <v>0</v>
      </c>
      <c r="GF40" s="66">
        <v>2</v>
      </c>
      <c r="GG40" s="67">
        <v>2</v>
      </c>
      <c r="GH40" s="64">
        <v>19</v>
      </c>
      <c r="GI40" s="65">
        <v>1</v>
      </c>
      <c r="GJ40" s="66">
        <v>20</v>
      </c>
      <c r="GK40" s="444">
        <v>0</v>
      </c>
      <c r="GL40" s="65">
        <v>22</v>
      </c>
      <c r="GM40" s="65">
        <v>19</v>
      </c>
      <c r="GN40" s="65">
        <v>22</v>
      </c>
      <c r="GO40" s="65">
        <v>19</v>
      </c>
      <c r="GP40" s="65">
        <v>18</v>
      </c>
      <c r="GQ40" s="66">
        <v>100</v>
      </c>
      <c r="GR40" s="67">
        <v>120</v>
      </c>
      <c r="GS40" s="114">
        <v>23</v>
      </c>
      <c r="GT40" s="77">
        <v>1</v>
      </c>
      <c r="GU40" s="78">
        <v>24</v>
      </c>
      <c r="GV40" s="225">
        <v>0</v>
      </c>
      <c r="GW40" s="77">
        <v>31</v>
      </c>
      <c r="GX40" s="77">
        <v>23</v>
      </c>
      <c r="GY40" s="77">
        <v>29</v>
      </c>
      <c r="GZ40" s="77">
        <v>26</v>
      </c>
      <c r="HA40" s="77">
        <v>19</v>
      </c>
      <c r="HB40" s="79">
        <v>128</v>
      </c>
      <c r="HC40" s="80">
        <v>152</v>
      </c>
      <c r="HD40" s="64">
        <v>1</v>
      </c>
      <c r="HE40" s="65">
        <v>0</v>
      </c>
      <c r="HF40" s="66">
        <v>1</v>
      </c>
      <c r="HG40" s="228">
        <v>0</v>
      </c>
      <c r="HH40" s="65">
        <v>0</v>
      </c>
      <c r="HI40" s="65">
        <v>0</v>
      </c>
      <c r="HJ40" s="65">
        <v>1</v>
      </c>
      <c r="HK40" s="65">
        <v>1</v>
      </c>
      <c r="HL40" s="65">
        <v>1</v>
      </c>
      <c r="HM40" s="66">
        <v>3</v>
      </c>
      <c r="HN40" s="67">
        <v>4</v>
      </c>
      <c r="HO40" s="64">
        <v>3</v>
      </c>
      <c r="HP40" s="65">
        <v>0</v>
      </c>
      <c r="HQ40" s="66">
        <v>3</v>
      </c>
      <c r="HR40" s="444">
        <v>0</v>
      </c>
      <c r="HS40" s="65">
        <v>0</v>
      </c>
      <c r="HT40" s="65">
        <v>1</v>
      </c>
      <c r="HU40" s="65">
        <v>1</v>
      </c>
      <c r="HV40" s="65">
        <v>4</v>
      </c>
      <c r="HW40" s="65">
        <v>1</v>
      </c>
      <c r="HX40" s="66">
        <v>7</v>
      </c>
      <c r="HY40" s="67">
        <v>10</v>
      </c>
      <c r="HZ40" s="64">
        <v>1</v>
      </c>
      <c r="IA40" s="65">
        <v>0</v>
      </c>
      <c r="IB40" s="66">
        <v>1</v>
      </c>
      <c r="IC40" s="444">
        <v>0</v>
      </c>
      <c r="ID40" s="65">
        <v>2</v>
      </c>
      <c r="IE40" s="65">
        <v>4</v>
      </c>
      <c r="IF40" s="65">
        <v>4</v>
      </c>
      <c r="IG40" s="65">
        <v>2</v>
      </c>
      <c r="IH40" s="65">
        <v>0</v>
      </c>
      <c r="II40" s="66">
        <v>12</v>
      </c>
      <c r="IJ40" s="67">
        <v>13</v>
      </c>
      <c r="IK40" s="64">
        <v>8</v>
      </c>
      <c r="IL40" s="65">
        <v>0</v>
      </c>
      <c r="IM40" s="66">
        <v>8</v>
      </c>
      <c r="IN40" s="444">
        <v>0</v>
      </c>
      <c r="IO40" s="65">
        <v>9</v>
      </c>
      <c r="IP40" s="65">
        <v>6</v>
      </c>
      <c r="IQ40" s="65">
        <v>6</v>
      </c>
      <c r="IR40" s="65">
        <v>4</v>
      </c>
      <c r="IS40" s="65">
        <v>4</v>
      </c>
      <c r="IT40" s="66">
        <v>29</v>
      </c>
      <c r="IU40" s="67">
        <v>37</v>
      </c>
      <c r="IV40" s="64">
        <v>7</v>
      </c>
      <c r="IW40" s="65">
        <v>1</v>
      </c>
      <c r="IX40" s="66">
        <v>8</v>
      </c>
      <c r="IY40" s="444">
        <v>0</v>
      </c>
      <c r="IZ40" s="65">
        <v>9</v>
      </c>
      <c r="JA40" s="65">
        <v>6</v>
      </c>
      <c r="JB40" s="65">
        <v>10</v>
      </c>
      <c r="JC40" s="65">
        <v>7</v>
      </c>
      <c r="JD40" s="65">
        <v>6</v>
      </c>
      <c r="JE40" s="66">
        <v>38</v>
      </c>
      <c r="JF40" s="67">
        <v>46</v>
      </c>
      <c r="JG40" s="64">
        <v>3</v>
      </c>
      <c r="JH40" s="65">
        <v>0</v>
      </c>
      <c r="JI40" s="66">
        <v>3</v>
      </c>
      <c r="JJ40" s="444">
        <v>0</v>
      </c>
      <c r="JK40" s="65">
        <v>11</v>
      </c>
      <c r="JL40" s="65">
        <v>6</v>
      </c>
      <c r="JM40" s="65">
        <v>7</v>
      </c>
      <c r="JN40" s="65">
        <v>8</v>
      </c>
      <c r="JO40" s="65">
        <v>7</v>
      </c>
      <c r="JP40" s="66">
        <v>39</v>
      </c>
      <c r="JQ40" s="67">
        <v>42</v>
      </c>
      <c r="JR40" s="64">
        <v>0</v>
      </c>
      <c r="JS40" s="65">
        <v>0</v>
      </c>
      <c r="JT40" s="66">
        <v>0</v>
      </c>
      <c r="JU40" s="444">
        <v>0</v>
      </c>
      <c r="JV40" s="65">
        <v>0</v>
      </c>
      <c r="JW40" s="65">
        <v>3</v>
      </c>
      <c r="JX40" s="65">
        <v>0</v>
      </c>
      <c r="JY40" s="65">
        <v>1</v>
      </c>
      <c r="JZ40" s="65">
        <v>0</v>
      </c>
      <c r="KA40" s="66">
        <v>4</v>
      </c>
      <c r="KB40" s="67">
        <v>4</v>
      </c>
      <c r="KC40" s="64">
        <v>23</v>
      </c>
      <c r="KD40" s="65">
        <v>1</v>
      </c>
      <c r="KE40" s="66">
        <v>24</v>
      </c>
      <c r="KF40" s="444">
        <v>0</v>
      </c>
      <c r="KG40" s="65">
        <v>31</v>
      </c>
      <c r="KH40" s="65">
        <v>26</v>
      </c>
      <c r="KI40" s="65">
        <v>29</v>
      </c>
      <c r="KJ40" s="65">
        <v>27</v>
      </c>
      <c r="KK40" s="65">
        <v>19</v>
      </c>
      <c r="KL40" s="66">
        <v>132</v>
      </c>
      <c r="KM40" s="67">
        <v>156</v>
      </c>
    </row>
    <row r="41" spans="2:299" ht="32.25" customHeight="1" x14ac:dyDescent="0.2">
      <c r="C41" s="283"/>
    </row>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33">
        <f>第１表!F2</f>
        <v>6</v>
      </c>
      <c r="G1" s="229">
        <f>第１表!G2</f>
        <v>2</v>
      </c>
      <c r="H1" s="525">
        <f>IF(G1&lt;3,G1-2+12,G1-2)</f>
        <v>12</v>
      </c>
      <c r="I1" s="525"/>
    </row>
    <row r="2" spans="2:43" ht="24" customHeight="1" thickBot="1" x14ac:dyDescent="0.25">
      <c r="B2" s="15" t="s">
        <v>156</v>
      </c>
      <c r="F2" s="15" t="s">
        <v>138</v>
      </c>
    </row>
    <row r="3" spans="2:43" ht="21" customHeight="1" x14ac:dyDescent="0.2">
      <c r="B3" s="571"/>
      <c r="C3" s="561" t="s">
        <v>57</v>
      </c>
      <c r="D3" s="562"/>
      <c r="E3" s="562"/>
      <c r="F3" s="562"/>
      <c r="G3" s="562"/>
      <c r="H3" s="562"/>
      <c r="I3" s="562"/>
      <c r="J3" s="562"/>
      <c r="K3" s="562"/>
      <c r="L3" s="562"/>
      <c r="M3" s="561" t="s">
        <v>58</v>
      </c>
      <c r="N3" s="574"/>
      <c r="O3" s="574"/>
      <c r="P3" s="574"/>
      <c r="Q3" s="574"/>
      <c r="R3" s="574"/>
      <c r="S3" s="574"/>
      <c r="T3" s="574"/>
      <c r="U3" s="574"/>
      <c r="V3" s="574"/>
      <c r="W3" s="561" t="s">
        <v>59</v>
      </c>
      <c r="X3" s="562"/>
      <c r="Y3" s="562"/>
      <c r="Z3" s="562"/>
      <c r="AA3" s="562"/>
      <c r="AB3" s="562"/>
      <c r="AC3" s="562"/>
      <c r="AD3" s="562"/>
      <c r="AE3" s="562"/>
      <c r="AF3" s="562"/>
      <c r="AG3" s="570" t="s">
        <v>149</v>
      </c>
      <c r="AH3" s="562"/>
      <c r="AI3" s="562"/>
      <c r="AJ3" s="562"/>
      <c r="AK3" s="562"/>
      <c r="AL3" s="562"/>
      <c r="AM3" s="562"/>
      <c r="AN3" s="562"/>
      <c r="AO3" s="562"/>
      <c r="AP3" s="563"/>
    </row>
    <row r="4" spans="2:43" ht="21" customHeight="1" x14ac:dyDescent="0.2">
      <c r="B4" s="573"/>
      <c r="C4" s="543" t="s">
        <v>61</v>
      </c>
      <c r="D4" s="544"/>
      <c r="E4" s="545"/>
      <c r="F4" s="546" t="s">
        <v>62</v>
      </c>
      <c r="G4" s="547"/>
      <c r="H4" s="547"/>
      <c r="I4" s="547"/>
      <c r="J4" s="547"/>
      <c r="K4" s="548"/>
      <c r="L4" s="558" t="s">
        <v>52</v>
      </c>
      <c r="M4" s="543" t="s">
        <v>61</v>
      </c>
      <c r="N4" s="544"/>
      <c r="O4" s="545"/>
      <c r="P4" s="546" t="s">
        <v>62</v>
      </c>
      <c r="Q4" s="547"/>
      <c r="R4" s="547"/>
      <c r="S4" s="547"/>
      <c r="T4" s="547"/>
      <c r="U4" s="548"/>
      <c r="V4" s="549" t="s">
        <v>52</v>
      </c>
      <c r="W4" s="543" t="s">
        <v>61</v>
      </c>
      <c r="X4" s="544"/>
      <c r="Y4" s="545"/>
      <c r="Z4" s="546" t="s">
        <v>62</v>
      </c>
      <c r="AA4" s="547"/>
      <c r="AB4" s="547"/>
      <c r="AC4" s="547"/>
      <c r="AD4" s="547"/>
      <c r="AE4" s="548"/>
      <c r="AF4" s="558" t="s">
        <v>52</v>
      </c>
      <c r="AG4" s="543" t="s">
        <v>61</v>
      </c>
      <c r="AH4" s="544"/>
      <c r="AI4" s="545"/>
      <c r="AJ4" s="546" t="s">
        <v>62</v>
      </c>
      <c r="AK4" s="547"/>
      <c r="AL4" s="547"/>
      <c r="AM4" s="547"/>
      <c r="AN4" s="547"/>
      <c r="AO4" s="548"/>
      <c r="AP4" s="549" t="s">
        <v>52</v>
      </c>
    </row>
    <row r="5" spans="2:43" ht="30" customHeight="1" thickBot="1" x14ac:dyDescent="0.25">
      <c r="B5" s="319" t="s">
        <v>42</v>
      </c>
      <c r="C5" s="26" t="s">
        <v>43</v>
      </c>
      <c r="D5" s="27" t="s">
        <v>44</v>
      </c>
      <c r="E5" s="27" t="s">
        <v>45</v>
      </c>
      <c r="F5" s="28" t="s">
        <v>47</v>
      </c>
      <c r="G5" s="29" t="s">
        <v>48</v>
      </c>
      <c r="H5" s="29" t="s">
        <v>49</v>
      </c>
      <c r="I5" s="30" t="s">
        <v>50</v>
      </c>
      <c r="J5" s="27" t="s">
        <v>51</v>
      </c>
      <c r="K5" s="31" t="s">
        <v>95</v>
      </c>
      <c r="L5" s="559"/>
      <c r="M5" s="26" t="s">
        <v>43</v>
      </c>
      <c r="N5" s="27" t="s">
        <v>44</v>
      </c>
      <c r="O5" s="31" t="s">
        <v>45</v>
      </c>
      <c r="P5" s="12" t="s">
        <v>47</v>
      </c>
      <c r="Q5" s="29" t="s">
        <v>48</v>
      </c>
      <c r="R5" s="29" t="s">
        <v>49</v>
      </c>
      <c r="S5" s="30" t="s">
        <v>50</v>
      </c>
      <c r="T5" s="27" t="s">
        <v>51</v>
      </c>
      <c r="U5" s="31" t="s">
        <v>45</v>
      </c>
      <c r="V5" s="550"/>
      <c r="W5" s="26" t="s">
        <v>43</v>
      </c>
      <c r="X5" s="27" t="s">
        <v>44</v>
      </c>
      <c r="Y5" s="27" t="s">
        <v>45</v>
      </c>
      <c r="Z5" s="28" t="s">
        <v>47</v>
      </c>
      <c r="AA5" s="29" t="s">
        <v>48</v>
      </c>
      <c r="AB5" s="29" t="s">
        <v>49</v>
      </c>
      <c r="AC5" s="30" t="s">
        <v>50</v>
      </c>
      <c r="AD5" s="27" t="s">
        <v>51</v>
      </c>
      <c r="AE5" s="31" t="s">
        <v>45</v>
      </c>
      <c r="AF5" s="559"/>
      <c r="AG5" s="26" t="s">
        <v>43</v>
      </c>
      <c r="AH5" s="27" t="s">
        <v>44</v>
      </c>
      <c r="AI5" s="27" t="s">
        <v>45</v>
      </c>
      <c r="AJ5" s="28" t="s">
        <v>47</v>
      </c>
      <c r="AK5" s="29" t="s">
        <v>48</v>
      </c>
      <c r="AL5" s="29" t="s">
        <v>49</v>
      </c>
      <c r="AM5" s="30" t="s">
        <v>50</v>
      </c>
      <c r="AN5" s="27" t="s">
        <v>51</v>
      </c>
      <c r="AO5" s="31" t="s">
        <v>45</v>
      </c>
      <c r="AP5" s="550"/>
    </row>
    <row r="6" spans="2:43" ht="21" customHeight="1" x14ac:dyDescent="0.2">
      <c r="B6" s="435" t="s">
        <v>4</v>
      </c>
      <c r="C6" s="168">
        <v>0</v>
      </c>
      <c r="D6" s="169">
        <v>0</v>
      </c>
      <c r="E6" s="169">
        <v>0</v>
      </c>
      <c r="F6" s="170">
        <v>14</v>
      </c>
      <c r="G6" s="171">
        <v>69</v>
      </c>
      <c r="H6" s="171">
        <v>454</v>
      </c>
      <c r="I6" s="171">
        <v>705</v>
      </c>
      <c r="J6" s="169">
        <v>352</v>
      </c>
      <c r="K6" s="172">
        <v>1594</v>
      </c>
      <c r="L6" s="173">
        <v>1594</v>
      </c>
      <c r="M6" s="168">
        <v>0</v>
      </c>
      <c r="N6" s="169">
        <v>0</v>
      </c>
      <c r="O6" s="172">
        <v>0</v>
      </c>
      <c r="P6" s="175">
        <v>85</v>
      </c>
      <c r="Q6" s="171">
        <v>176</v>
      </c>
      <c r="R6" s="171">
        <v>270</v>
      </c>
      <c r="S6" s="171">
        <v>300</v>
      </c>
      <c r="T6" s="169">
        <v>157</v>
      </c>
      <c r="U6" s="172">
        <v>988</v>
      </c>
      <c r="V6" s="176">
        <v>988</v>
      </c>
      <c r="W6" s="175">
        <v>0</v>
      </c>
      <c r="X6" s="169">
        <v>0</v>
      </c>
      <c r="Y6" s="169">
        <v>0</v>
      </c>
      <c r="Z6" s="170">
        <v>0</v>
      </c>
      <c r="AA6" s="171">
        <v>0</v>
      </c>
      <c r="AB6" s="171">
        <v>0</v>
      </c>
      <c r="AC6" s="171">
        <v>6</v>
      </c>
      <c r="AD6" s="169">
        <v>4</v>
      </c>
      <c r="AE6" s="172">
        <v>10</v>
      </c>
      <c r="AF6" s="173">
        <v>10</v>
      </c>
      <c r="AG6" s="168">
        <v>0</v>
      </c>
      <c r="AH6" s="169">
        <v>0</v>
      </c>
      <c r="AI6" s="169">
        <v>0</v>
      </c>
      <c r="AJ6" s="170">
        <v>0</v>
      </c>
      <c r="AK6" s="171">
        <v>2</v>
      </c>
      <c r="AL6" s="171">
        <v>2</v>
      </c>
      <c r="AM6" s="171">
        <v>8</v>
      </c>
      <c r="AN6" s="169">
        <v>20</v>
      </c>
      <c r="AO6" s="172">
        <v>32</v>
      </c>
      <c r="AP6" s="174">
        <v>32</v>
      </c>
      <c r="AQ6" s="32"/>
    </row>
    <row r="7" spans="2:43" ht="21" customHeight="1" x14ac:dyDescent="0.2">
      <c r="B7" s="436" t="s">
        <v>5</v>
      </c>
      <c r="C7" s="177">
        <v>0</v>
      </c>
      <c r="D7" s="178">
        <v>0</v>
      </c>
      <c r="E7" s="178">
        <v>0</v>
      </c>
      <c r="F7" s="179">
        <v>9</v>
      </c>
      <c r="G7" s="180">
        <v>54</v>
      </c>
      <c r="H7" s="180">
        <v>229</v>
      </c>
      <c r="I7" s="180">
        <v>295</v>
      </c>
      <c r="J7" s="178">
        <v>158</v>
      </c>
      <c r="K7" s="181">
        <v>745</v>
      </c>
      <c r="L7" s="182">
        <v>745</v>
      </c>
      <c r="M7" s="177">
        <v>0</v>
      </c>
      <c r="N7" s="178">
        <v>0</v>
      </c>
      <c r="O7" s="181">
        <v>0</v>
      </c>
      <c r="P7" s="184">
        <v>37</v>
      </c>
      <c r="Q7" s="180">
        <v>103</v>
      </c>
      <c r="R7" s="180">
        <v>136</v>
      </c>
      <c r="S7" s="180">
        <v>160</v>
      </c>
      <c r="T7" s="178">
        <v>70</v>
      </c>
      <c r="U7" s="181">
        <v>506</v>
      </c>
      <c r="V7" s="185">
        <v>506</v>
      </c>
      <c r="W7" s="184">
        <v>0</v>
      </c>
      <c r="X7" s="178">
        <v>0</v>
      </c>
      <c r="Y7" s="178">
        <v>0</v>
      </c>
      <c r="Z7" s="179">
        <v>0</v>
      </c>
      <c r="AA7" s="180">
        <v>0</v>
      </c>
      <c r="AB7" s="180">
        <v>0</v>
      </c>
      <c r="AC7" s="180">
        <v>4</v>
      </c>
      <c r="AD7" s="178">
        <v>2</v>
      </c>
      <c r="AE7" s="181">
        <v>6</v>
      </c>
      <c r="AF7" s="182">
        <v>6</v>
      </c>
      <c r="AG7" s="177">
        <v>0</v>
      </c>
      <c r="AH7" s="178">
        <v>0</v>
      </c>
      <c r="AI7" s="178">
        <v>0</v>
      </c>
      <c r="AJ7" s="179">
        <v>0</v>
      </c>
      <c r="AK7" s="180">
        <v>0</v>
      </c>
      <c r="AL7" s="180">
        <v>1</v>
      </c>
      <c r="AM7" s="180">
        <v>3</v>
      </c>
      <c r="AN7" s="178">
        <v>6</v>
      </c>
      <c r="AO7" s="181">
        <v>10</v>
      </c>
      <c r="AP7" s="183">
        <v>10</v>
      </c>
      <c r="AQ7" s="32"/>
    </row>
    <row r="8" spans="2:43" ht="21" customHeight="1" x14ac:dyDescent="0.2">
      <c r="B8" s="437" t="s">
        <v>6</v>
      </c>
      <c r="C8" s="177">
        <v>0</v>
      </c>
      <c r="D8" s="178">
        <v>0</v>
      </c>
      <c r="E8" s="178">
        <v>0</v>
      </c>
      <c r="F8" s="179">
        <v>2</v>
      </c>
      <c r="G8" s="180">
        <v>6</v>
      </c>
      <c r="H8" s="180">
        <v>47</v>
      </c>
      <c r="I8" s="180">
        <v>82</v>
      </c>
      <c r="J8" s="178">
        <v>42</v>
      </c>
      <c r="K8" s="181">
        <v>179</v>
      </c>
      <c r="L8" s="182">
        <v>179</v>
      </c>
      <c r="M8" s="177">
        <v>0</v>
      </c>
      <c r="N8" s="178">
        <v>0</v>
      </c>
      <c r="O8" s="181">
        <v>0</v>
      </c>
      <c r="P8" s="184">
        <v>9</v>
      </c>
      <c r="Q8" s="180">
        <v>14</v>
      </c>
      <c r="R8" s="180">
        <v>30</v>
      </c>
      <c r="S8" s="180">
        <v>27</v>
      </c>
      <c r="T8" s="178">
        <v>23</v>
      </c>
      <c r="U8" s="181">
        <v>103</v>
      </c>
      <c r="V8" s="185">
        <v>103</v>
      </c>
      <c r="W8" s="184">
        <v>0</v>
      </c>
      <c r="X8" s="178">
        <v>0</v>
      </c>
      <c r="Y8" s="178">
        <v>0</v>
      </c>
      <c r="Z8" s="179">
        <v>0</v>
      </c>
      <c r="AA8" s="180">
        <v>0</v>
      </c>
      <c r="AB8" s="180">
        <v>0</v>
      </c>
      <c r="AC8" s="180">
        <v>1</v>
      </c>
      <c r="AD8" s="178">
        <v>1</v>
      </c>
      <c r="AE8" s="181">
        <v>2</v>
      </c>
      <c r="AF8" s="182">
        <v>2</v>
      </c>
      <c r="AG8" s="177">
        <v>0</v>
      </c>
      <c r="AH8" s="178">
        <v>0</v>
      </c>
      <c r="AI8" s="178">
        <v>0</v>
      </c>
      <c r="AJ8" s="179">
        <v>0</v>
      </c>
      <c r="AK8" s="180">
        <v>0</v>
      </c>
      <c r="AL8" s="180">
        <v>0</v>
      </c>
      <c r="AM8" s="180">
        <v>1</v>
      </c>
      <c r="AN8" s="178">
        <v>3</v>
      </c>
      <c r="AO8" s="181">
        <v>4</v>
      </c>
      <c r="AP8" s="183">
        <v>4</v>
      </c>
      <c r="AQ8" s="32"/>
    </row>
    <row r="9" spans="2:43" ht="21" customHeight="1" x14ac:dyDescent="0.2">
      <c r="B9" s="437" t="s">
        <v>14</v>
      </c>
      <c r="C9" s="177">
        <v>0</v>
      </c>
      <c r="D9" s="178">
        <v>0</v>
      </c>
      <c r="E9" s="178">
        <v>0</v>
      </c>
      <c r="F9" s="179">
        <v>0</v>
      </c>
      <c r="G9" s="180">
        <v>0</v>
      </c>
      <c r="H9" s="180">
        <v>36</v>
      </c>
      <c r="I9" s="180">
        <v>53</v>
      </c>
      <c r="J9" s="178">
        <v>30</v>
      </c>
      <c r="K9" s="181">
        <v>119</v>
      </c>
      <c r="L9" s="182">
        <v>119</v>
      </c>
      <c r="M9" s="177">
        <v>0</v>
      </c>
      <c r="N9" s="178">
        <v>0</v>
      </c>
      <c r="O9" s="181">
        <v>0</v>
      </c>
      <c r="P9" s="184">
        <v>1</v>
      </c>
      <c r="Q9" s="180">
        <v>9</v>
      </c>
      <c r="R9" s="180">
        <v>15</v>
      </c>
      <c r="S9" s="180">
        <v>14</v>
      </c>
      <c r="T9" s="178">
        <v>12</v>
      </c>
      <c r="U9" s="181">
        <v>51</v>
      </c>
      <c r="V9" s="185">
        <v>51</v>
      </c>
      <c r="W9" s="184">
        <v>0</v>
      </c>
      <c r="X9" s="178">
        <v>0</v>
      </c>
      <c r="Y9" s="178">
        <v>0</v>
      </c>
      <c r="Z9" s="179">
        <v>0</v>
      </c>
      <c r="AA9" s="180">
        <v>0</v>
      </c>
      <c r="AB9" s="180">
        <v>0</v>
      </c>
      <c r="AC9" s="180">
        <v>0</v>
      </c>
      <c r="AD9" s="178">
        <v>1</v>
      </c>
      <c r="AE9" s="181">
        <v>1</v>
      </c>
      <c r="AF9" s="182">
        <v>1</v>
      </c>
      <c r="AG9" s="177">
        <v>0</v>
      </c>
      <c r="AH9" s="178">
        <v>0</v>
      </c>
      <c r="AI9" s="178">
        <v>0</v>
      </c>
      <c r="AJ9" s="179">
        <v>0</v>
      </c>
      <c r="AK9" s="180">
        <v>0</v>
      </c>
      <c r="AL9" s="180">
        <v>0</v>
      </c>
      <c r="AM9" s="180">
        <v>1</v>
      </c>
      <c r="AN9" s="178">
        <v>6</v>
      </c>
      <c r="AO9" s="181">
        <v>7</v>
      </c>
      <c r="AP9" s="183">
        <v>7</v>
      </c>
      <c r="AQ9" s="32"/>
    </row>
    <row r="10" spans="2:43" ht="21" customHeight="1" x14ac:dyDescent="0.2">
      <c r="B10" s="437" t="s">
        <v>7</v>
      </c>
      <c r="C10" s="177">
        <v>0</v>
      </c>
      <c r="D10" s="178">
        <v>0</v>
      </c>
      <c r="E10" s="178">
        <v>0</v>
      </c>
      <c r="F10" s="179">
        <v>0</v>
      </c>
      <c r="G10" s="180">
        <v>2</v>
      </c>
      <c r="H10" s="180">
        <v>19</v>
      </c>
      <c r="I10" s="180">
        <v>55</v>
      </c>
      <c r="J10" s="178">
        <v>26</v>
      </c>
      <c r="K10" s="181">
        <v>102</v>
      </c>
      <c r="L10" s="182">
        <v>102</v>
      </c>
      <c r="M10" s="177">
        <v>0</v>
      </c>
      <c r="N10" s="178">
        <v>0</v>
      </c>
      <c r="O10" s="181">
        <v>0</v>
      </c>
      <c r="P10" s="184">
        <v>11</v>
      </c>
      <c r="Q10" s="180">
        <v>5</v>
      </c>
      <c r="R10" s="180">
        <v>9</v>
      </c>
      <c r="S10" s="180">
        <v>20</v>
      </c>
      <c r="T10" s="178">
        <v>5</v>
      </c>
      <c r="U10" s="181">
        <v>50</v>
      </c>
      <c r="V10" s="185">
        <v>50</v>
      </c>
      <c r="W10" s="184">
        <v>0</v>
      </c>
      <c r="X10" s="178">
        <v>0</v>
      </c>
      <c r="Y10" s="178">
        <v>0</v>
      </c>
      <c r="Z10" s="179">
        <v>0</v>
      </c>
      <c r="AA10" s="180">
        <v>0</v>
      </c>
      <c r="AB10" s="180">
        <v>0</v>
      </c>
      <c r="AC10" s="180">
        <v>0</v>
      </c>
      <c r="AD10" s="178">
        <v>0</v>
      </c>
      <c r="AE10" s="181">
        <v>0</v>
      </c>
      <c r="AF10" s="182">
        <v>0</v>
      </c>
      <c r="AG10" s="177">
        <v>0</v>
      </c>
      <c r="AH10" s="178">
        <v>0</v>
      </c>
      <c r="AI10" s="178">
        <v>0</v>
      </c>
      <c r="AJ10" s="179">
        <v>0</v>
      </c>
      <c r="AK10" s="180">
        <v>0</v>
      </c>
      <c r="AL10" s="180">
        <v>1</v>
      </c>
      <c r="AM10" s="180">
        <v>0</v>
      </c>
      <c r="AN10" s="178">
        <v>0</v>
      </c>
      <c r="AO10" s="181">
        <v>1</v>
      </c>
      <c r="AP10" s="183">
        <v>1</v>
      </c>
      <c r="AQ10" s="32"/>
    </row>
    <row r="11" spans="2:43" ht="21" customHeight="1" x14ac:dyDescent="0.2">
      <c r="B11" s="437" t="s">
        <v>8</v>
      </c>
      <c r="C11" s="177">
        <v>0</v>
      </c>
      <c r="D11" s="178">
        <v>0</v>
      </c>
      <c r="E11" s="178">
        <v>0</v>
      </c>
      <c r="F11" s="179">
        <v>1</v>
      </c>
      <c r="G11" s="180">
        <v>2</v>
      </c>
      <c r="H11" s="180">
        <v>10</v>
      </c>
      <c r="I11" s="180">
        <v>8</v>
      </c>
      <c r="J11" s="178">
        <v>6</v>
      </c>
      <c r="K11" s="181">
        <v>27</v>
      </c>
      <c r="L11" s="182">
        <v>27</v>
      </c>
      <c r="M11" s="177">
        <v>0</v>
      </c>
      <c r="N11" s="178">
        <v>0</v>
      </c>
      <c r="O11" s="181">
        <v>0</v>
      </c>
      <c r="P11" s="184">
        <v>3</v>
      </c>
      <c r="Q11" s="180">
        <v>3</v>
      </c>
      <c r="R11" s="180">
        <v>12</v>
      </c>
      <c r="S11" s="180">
        <v>4</v>
      </c>
      <c r="T11" s="178">
        <v>4</v>
      </c>
      <c r="U11" s="181">
        <v>26</v>
      </c>
      <c r="V11" s="185">
        <v>26</v>
      </c>
      <c r="W11" s="184">
        <v>0</v>
      </c>
      <c r="X11" s="178">
        <v>0</v>
      </c>
      <c r="Y11" s="178">
        <v>0</v>
      </c>
      <c r="Z11" s="179">
        <v>0</v>
      </c>
      <c r="AA11" s="180">
        <v>0</v>
      </c>
      <c r="AB11" s="180">
        <v>0</v>
      </c>
      <c r="AC11" s="180">
        <v>0</v>
      </c>
      <c r="AD11" s="178">
        <v>0</v>
      </c>
      <c r="AE11" s="181">
        <v>0</v>
      </c>
      <c r="AF11" s="182">
        <v>0</v>
      </c>
      <c r="AG11" s="177">
        <v>0</v>
      </c>
      <c r="AH11" s="178">
        <v>0</v>
      </c>
      <c r="AI11" s="178">
        <v>0</v>
      </c>
      <c r="AJ11" s="179">
        <v>0</v>
      </c>
      <c r="AK11" s="180">
        <v>0</v>
      </c>
      <c r="AL11" s="180">
        <v>0</v>
      </c>
      <c r="AM11" s="180">
        <v>1</v>
      </c>
      <c r="AN11" s="178">
        <v>0</v>
      </c>
      <c r="AO11" s="181">
        <v>1</v>
      </c>
      <c r="AP11" s="183">
        <v>1</v>
      </c>
      <c r="AQ11" s="32"/>
    </row>
    <row r="12" spans="2:43" ht="21" customHeight="1" x14ac:dyDescent="0.2">
      <c r="B12" s="437" t="s">
        <v>9</v>
      </c>
      <c r="C12" s="177">
        <v>0</v>
      </c>
      <c r="D12" s="178">
        <v>0</v>
      </c>
      <c r="E12" s="178">
        <v>0</v>
      </c>
      <c r="F12" s="179">
        <v>0</v>
      </c>
      <c r="G12" s="180">
        <v>0</v>
      </c>
      <c r="H12" s="180">
        <v>12</v>
      </c>
      <c r="I12" s="180">
        <v>24</v>
      </c>
      <c r="J12" s="178">
        <v>8</v>
      </c>
      <c r="K12" s="181">
        <v>44</v>
      </c>
      <c r="L12" s="182">
        <v>44</v>
      </c>
      <c r="M12" s="177">
        <v>0</v>
      </c>
      <c r="N12" s="178">
        <v>0</v>
      </c>
      <c r="O12" s="181">
        <v>0</v>
      </c>
      <c r="P12" s="184">
        <v>0</v>
      </c>
      <c r="Q12" s="180">
        <v>5</v>
      </c>
      <c r="R12" s="180">
        <v>12</v>
      </c>
      <c r="S12" s="180">
        <v>6</v>
      </c>
      <c r="T12" s="178">
        <v>4</v>
      </c>
      <c r="U12" s="181">
        <v>27</v>
      </c>
      <c r="V12" s="185">
        <v>27</v>
      </c>
      <c r="W12" s="184">
        <v>0</v>
      </c>
      <c r="X12" s="178">
        <v>0</v>
      </c>
      <c r="Y12" s="178">
        <v>0</v>
      </c>
      <c r="Z12" s="179">
        <v>0</v>
      </c>
      <c r="AA12" s="180">
        <v>0</v>
      </c>
      <c r="AB12" s="180">
        <v>0</v>
      </c>
      <c r="AC12" s="180">
        <v>0</v>
      </c>
      <c r="AD12" s="178">
        <v>0</v>
      </c>
      <c r="AE12" s="181">
        <v>0</v>
      </c>
      <c r="AF12" s="182">
        <v>0</v>
      </c>
      <c r="AG12" s="177">
        <v>0</v>
      </c>
      <c r="AH12" s="178">
        <v>0</v>
      </c>
      <c r="AI12" s="178">
        <v>0</v>
      </c>
      <c r="AJ12" s="179">
        <v>0</v>
      </c>
      <c r="AK12" s="180">
        <v>0</v>
      </c>
      <c r="AL12" s="180">
        <v>0</v>
      </c>
      <c r="AM12" s="180">
        <v>0</v>
      </c>
      <c r="AN12" s="178">
        <v>0</v>
      </c>
      <c r="AO12" s="181">
        <v>0</v>
      </c>
      <c r="AP12" s="183">
        <v>0</v>
      </c>
      <c r="AQ12" s="32"/>
    </row>
    <row r="13" spans="2:43" ht="21" customHeight="1" x14ac:dyDescent="0.2">
      <c r="B13" s="437" t="s">
        <v>10</v>
      </c>
      <c r="C13" s="177">
        <v>0</v>
      </c>
      <c r="D13" s="178">
        <v>0</v>
      </c>
      <c r="E13" s="178">
        <v>0</v>
      </c>
      <c r="F13" s="179">
        <v>1</v>
      </c>
      <c r="G13" s="180">
        <v>1</v>
      </c>
      <c r="H13" s="180">
        <v>23</v>
      </c>
      <c r="I13" s="180">
        <v>34</v>
      </c>
      <c r="J13" s="178">
        <v>11</v>
      </c>
      <c r="K13" s="181">
        <v>70</v>
      </c>
      <c r="L13" s="182">
        <v>70</v>
      </c>
      <c r="M13" s="177">
        <v>0</v>
      </c>
      <c r="N13" s="178">
        <v>0</v>
      </c>
      <c r="O13" s="181">
        <v>0</v>
      </c>
      <c r="P13" s="184">
        <v>6</v>
      </c>
      <c r="Q13" s="180">
        <v>3</v>
      </c>
      <c r="R13" s="180">
        <v>6</v>
      </c>
      <c r="S13" s="180">
        <v>14</v>
      </c>
      <c r="T13" s="178">
        <v>7</v>
      </c>
      <c r="U13" s="181">
        <v>36</v>
      </c>
      <c r="V13" s="185">
        <v>36</v>
      </c>
      <c r="W13" s="184">
        <v>0</v>
      </c>
      <c r="X13" s="178">
        <v>0</v>
      </c>
      <c r="Y13" s="178">
        <v>0</v>
      </c>
      <c r="Z13" s="179">
        <v>0</v>
      </c>
      <c r="AA13" s="180">
        <v>0</v>
      </c>
      <c r="AB13" s="180">
        <v>0</v>
      </c>
      <c r="AC13" s="180">
        <v>0</v>
      </c>
      <c r="AD13" s="178">
        <v>0</v>
      </c>
      <c r="AE13" s="181">
        <v>0</v>
      </c>
      <c r="AF13" s="182">
        <v>0</v>
      </c>
      <c r="AG13" s="177">
        <v>0</v>
      </c>
      <c r="AH13" s="178">
        <v>0</v>
      </c>
      <c r="AI13" s="178">
        <v>0</v>
      </c>
      <c r="AJ13" s="179">
        <v>0</v>
      </c>
      <c r="AK13" s="180">
        <v>0</v>
      </c>
      <c r="AL13" s="180">
        <v>0</v>
      </c>
      <c r="AM13" s="180">
        <v>0</v>
      </c>
      <c r="AN13" s="178">
        <v>1</v>
      </c>
      <c r="AO13" s="181">
        <v>1</v>
      </c>
      <c r="AP13" s="183">
        <v>1</v>
      </c>
      <c r="AQ13" s="32"/>
    </row>
    <row r="14" spans="2:43" ht="21" customHeight="1" x14ac:dyDescent="0.2">
      <c r="B14" s="437" t="s">
        <v>11</v>
      </c>
      <c r="C14" s="177">
        <v>0</v>
      </c>
      <c r="D14" s="178">
        <v>0</v>
      </c>
      <c r="E14" s="178">
        <v>0</v>
      </c>
      <c r="F14" s="179">
        <v>0</v>
      </c>
      <c r="G14" s="180">
        <v>0</v>
      </c>
      <c r="H14" s="180">
        <v>3</v>
      </c>
      <c r="I14" s="180">
        <v>18</v>
      </c>
      <c r="J14" s="178">
        <v>2</v>
      </c>
      <c r="K14" s="181">
        <v>23</v>
      </c>
      <c r="L14" s="182">
        <v>23</v>
      </c>
      <c r="M14" s="177">
        <v>0</v>
      </c>
      <c r="N14" s="178">
        <v>0</v>
      </c>
      <c r="O14" s="181">
        <v>0</v>
      </c>
      <c r="P14" s="184">
        <v>1</v>
      </c>
      <c r="Q14" s="180">
        <v>1</v>
      </c>
      <c r="R14" s="180">
        <v>2</v>
      </c>
      <c r="S14" s="180">
        <v>5</v>
      </c>
      <c r="T14" s="178">
        <v>6</v>
      </c>
      <c r="U14" s="181">
        <v>15</v>
      </c>
      <c r="V14" s="185">
        <v>15</v>
      </c>
      <c r="W14" s="184">
        <v>0</v>
      </c>
      <c r="X14" s="178">
        <v>0</v>
      </c>
      <c r="Y14" s="178">
        <v>0</v>
      </c>
      <c r="Z14" s="179">
        <v>0</v>
      </c>
      <c r="AA14" s="180">
        <v>0</v>
      </c>
      <c r="AB14" s="180">
        <v>0</v>
      </c>
      <c r="AC14" s="180">
        <v>0</v>
      </c>
      <c r="AD14" s="178">
        <v>0</v>
      </c>
      <c r="AE14" s="181">
        <v>0</v>
      </c>
      <c r="AF14" s="182">
        <v>0</v>
      </c>
      <c r="AG14" s="177">
        <v>0</v>
      </c>
      <c r="AH14" s="178">
        <v>0</v>
      </c>
      <c r="AI14" s="178">
        <v>0</v>
      </c>
      <c r="AJ14" s="179">
        <v>0</v>
      </c>
      <c r="AK14" s="180">
        <v>0</v>
      </c>
      <c r="AL14" s="180">
        <v>0</v>
      </c>
      <c r="AM14" s="180">
        <v>1</v>
      </c>
      <c r="AN14" s="178">
        <v>0</v>
      </c>
      <c r="AO14" s="181">
        <v>1</v>
      </c>
      <c r="AP14" s="183">
        <v>1</v>
      </c>
      <c r="AQ14" s="32"/>
    </row>
    <row r="15" spans="2:43" ht="21" customHeight="1" x14ac:dyDescent="0.2">
      <c r="B15" s="437" t="s">
        <v>12</v>
      </c>
      <c r="C15" s="177">
        <v>0</v>
      </c>
      <c r="D15" s="178">
        <v>0</v>
      </c>
      <c r="E15" s="178">
        <v>0</v>
      </c>
      <c r="F15" s="179">
        <v>0</v>
      </c>
      <c r="G15" s="180">
        <v>0</v>
      </c>
      <c r="H15" s="180">
        <v>8</v>
      </c>
      <c r="I15" s="180">
        <v>10</v>
      </c>
      <c r="J15" s="178">
        <v>8</v>
      </c>
      <c r="K15" s="181">
        <v>26</v>
      </c>
      <c r="L15" s="182">
        <v>26</v>
      </c>
      <c r="M15" s="177">
        <v>0</v>
      </c>
      <c r="N15" s="178">
        <v>0</v>
      </c>
      <c r="O15" s="181">
        <v>0</v>
      </c>
      <c r="P15" s="184">
        <v>2</v>
      </c>
      <c r="Q15" s="180">
        <v>2</v>
      </c>
      <c r="R15" s="180">
        <v>10</v>
      </c>
      <c r="S15" s="180">
        <v>10</v>
      </c>
      <c r="T15" s="178">
        <v>5</v>
      </c>
      <c r="U15" s="181">
        <v>29</v>
      </c>
      <c r="V15" s="185">
        <v>29</v>
      </c>
      <c r="W15" s="184">
        <v>0</v>
      </c>
      <c r="X15" s="178">
        <v>0</v>
      </c>
      <c r="Y15" s="178">
        <v>0</v>
      </c>
      <c r="Z15" s="179">
        <v>0</v>
      </c>
      <c r="AA15" s="180">
        <v>0</v>
      </c>
      <c r="AB15" s="180">
        <v>0</v>
      </c>
      <c r="AC15" s="180">
        <v>0</v>
      </c>
      <c r="AD15" s="178">
        <v>0</v>
      </c>
      <c r="AE15" s="181">
        <v>0</v>
      </c>
      <c r="AF15" s="182">
        <v>0</v>
      </c>
      <c r="AG15" s="177">
        <v>0</v>
      </c>
      <c r="AH15" s="178">
        <v>0</v>
      </c>
      <c r="AI15" s="178">
        <v>0</v>
      </c>
      <c r="AJ15" s="179">
        <v>0</v>
      </c>
      <c r="AK15" s="180">
        <v>0</v>
      </c>
      <c r="AL15" s="180">
        <v>0</v>
      </c>
      <c r="AM15" s="180">
        <v>0</v>
      </c>
      <c r="AN15" s="178">
        <v>1</v>
      </c>
      <c r="AO15" s="181">
        <v>1</v>
      </c>
      <c r="AP15" s="183">
        <v>1</v>
      </c>
      <c r="AQ15" s="32"/>
    </row>
    <row r="16" spans="2:43" ht="21" customHeight="1" x14ac:dyDescent="0.2">
      <c r="B16" s="437" t="s">
        <v>13</v>
      </c>
      <c r="C16" s="177">
        <v>0</v>
      </c>
      <c r="D16" s="178">
        <v>0</v>
      </c>
      <c r="E16" s="178">
        <v>0</v>
      </c>
      <c r="F16" s="179">
        <v>0</v>
      </c>
      <c r="G16" s="180">
        <v>0</v>
      </c>
      <c r="H16" s="180">
        <v>4</v>
      </c>
      <c r="I16" s="180">
        <v>13</v>
      </c>
      <c r="J16" s="178">
        <v>3</v>
      </c>
      <c r="K16" s="181">
        <v>20</v>
      </c>
      <c r="L16" s="182">
        <v>20</v>
      </c>
      <c r="M16" s="177">
        <v>0</v>
      </c>
      <c r="N16" s="178">
        <v>0</v>
      </c>
      <c r="O16" s="181">
        <v>0</v>
      </c>
      <c r="P16" s="184">
        <v>0</v>
      </c>
      <c r="Q16" s="180">
        <v>1</v>
      </c>
      <c r="R16" s="180">
        <v>6</v>
      </c>
      <c r="S16" s="180">
        <v>1</v>
      </c>
      <c r="T16" s="178">
        <v>1</v>
      </c>
      <c r="U16" s="181">
        <v>9</v>
      </c>
      <c r="V16" s="185">
        <v>9</v>
      </c>
      <c r="W16" s="184">
        <v>0</v>
      </c>
      <c r="X16" s="178">
        <v>0</v>
      </c>
      <c r="Y16" s="178">
        <v>0</v>
      </c>
      <c r="Z16" s="179">
        <v>0</v>
      </c>
      <c r="AA16" s="180">
        <v>0</v>
      </c>
      <c r="AB16" s="180">
        <v>0</v>
      </c>
      <c r="AC16" s="180">
        <v>0</v>
      </c>
      <c r="AD16" s="178">
        <v>0</v>
      </c>
      <c r="AE16" s="181">
        <v>0</v>
      </c>
      <c r="AF16" s="182">
        <v>0</v>
      </c>
      <c r="AG16" s="177">
        <v>0</v>
      </c>
      <c r="AH16" s="178">
        <v>0</v>
      </c>
      <c r="AI16" s="178">
        <v>0</v>
      </c>
      <c r="AJ16" s="179">
        <v>0</v>
      </c>
      <c r="AK16" s="180">
        <v>0</v>
      </c>
      <c r="AL16" s="180">
        <v>0</v>
      </c>
      <c r="AM16" s="180">
        <v>0</v>
      </c>
      <c r="AN16" s="178">
        <v>0</v>
      </c>
      <c r="AO16" s="181">
        <v>0</v>
      </c>
      <c r="AP16" s="183">
        <v>0</v>
      </c>
      <c r="AQ16" s="32"/>
    </row>
    <row r="17" spans="2:43" ht="21" customHeight="1" x14ac:dyDescent="0.2">
      <c r="B17" s="437" t="s">
        <v>15</v>
      </c>
      <c r="C17" s="177">
        <v>0</v>
      </c>
      <c r="D17" s="178">
        <v>0</v>
      </c>
      <c r="E17" s="178">
        <v>0</v>
      </c>
      <c r="F17" s="179">
        <v>0</v>
      </c>
      <c r="G17" s="180">
        <v>0</v>
      </c>
      <c r="H17" s="180">
        <v>3</v>
      </c>
      <c r="I17" s="180">
        <v>11</v>
      </c>
      <c r="J17" s="178">
        <v>3</v>
      </c>
      <c r="K17" s="181">
        <v>17</v>
      </c>
      <c r="L17" s="182">
        <v>17</v>
      </c>
      <c r="M17" s="177">
        <v>0</v>
      </c>
      <c r="N17" s="178">
        <v>0</v>
      </c>
      <c r="O17" s="181">
        <v>0</v>
      </c>
      <c r="P17" s="184">
        <v>1</v>
      </c>
      <c r="Q17" s="180">
        <v>2</v>
      </c>
      <c r="R17" s="180">
        <v>2</v>
      </c>
      <c r="S17" s="180">
        <v>4</v>
      </c>
      <c r="T17" s="178">
        <v>1</v>
      </c>
      <c r="U17" s="181">
        <v>10</v>
      </c>
      <c r="V17" s="185">
        <v>10</v>
      </c>
      <c r="W17" s="184">
        <v>0</v>
      </c>
      <c r="X17" s="178">
        <v>0</v>
      </c>
      <c r="Y17" s="178">
        <v>0</v>
      </c>
      <c r="Z17" s="179">
        <v>0</v>
      </c>
      <c r="AA17" s="180">
        <v>0</v>
      </c>
      <c r="AB17" s="180">
        <v>0</v>
      </c>
      <c r="AC17" s="180">
        <v>0</v>
      </c>
      <c r="AD17" s="178">
        <v>0</v>
      </c>
      <c r="AE17" s="181">
        <v>0</v>
      </c>
      <c r="AF17" s="182">
        <v>0</v>
      </c>
      <c r="AG17" s="177">
        <v>0</v>
      </c>
      <c r="AH17" s="178">
        <v>0</v>
      </c>
      <c r="AI17" s="178">
        <v>0</v>
      </c>
      <c r="AJ17" s="179">
        <v>0</v>
      </c>
      <c r="AK17" s="180">
        <v>0</v>
      </c>
      <c r="AL17" s="180">
        <v>0</v>
      </c>
      <c r="AM17" s="180">
        <v>0</v>
      </c>
      <c r="AN17" s="178">
        <v>0</v>
      </c>
      <c r="AO17" s="181">
        <v>0</v>
      </c>
      <c r="AP17" s="183">
        <v>0</v>
      </c>
      <c r="AQ17" s="32"/>
    </row>
    <row r="18" spans="2:43" ht="21" customHeight="1" x14ac:dyDescent="0.2">
      <c r="B18" s="437" t="s">
        <v>16</v>
      </c>
      <c r="C18" s="177">
        <v>0</v>
      </c>
      <c r="D18" s="178">
        <v>0</v>
      </c>
      <c r="E18" s="178">
        <v>0</v>
      </c>
      <c r="F18" s="179">
        <v>0</v>
      </c>
      <c r="G18" s="180">
        <v>1</v>
      </c>
      <c r="H18" s="180">
        <v>5</v>
      </c>
      <c r="I18" s="180">
        <v>10</v>
      </c>
      <c r="J18" s="178">
        <v>6</v>
      </c>
      <c r="K18" s="181">
        <v>22</v>
      </c>
      <c r="L18" s="182">
        <v>22</v>
      </c>
      <c r="M18" s="177">
        <v>0</v>
      </c>
      <c r="N18" s="178">
        <v>0</v>
      </c>
      <c r="O18" s="181">
        <v>0</v>
      </c>
      <c r="P18" s="184">
        <v>0</v>
      </c>
      <c r="Q18" s="180">
        <v>6</v>
      </c>
      <c r="R18" s="180">
        <v>4</v>
      </c>
      <c r="S18" s="180">
        <v>5</v>
      </c>
      <c r="T18" s="178">
        <v>0</v>
      </c>
      <c r="U18" s="181">
        <v>15</v>
      </c>
      <c r="V18" s="185">
        <v>15</v>
      </c>
      <c r="W18" s="184">
        <v>0</v>
      </c>
      <c r="X18" s="178">
        <v>0</v>
      </c>
      <c r="Y18" s="178">
        <v>0</v>
      </c>
      <c r="Z18" s="179">
        <v>0</v>
      </c>
      <c r="AA18" s="180">
        <v>0</v>
      </c>
      <c r="AB18" s="180">
        <v>0</v>
      </c>
      <c r="AC18" s="180">
        <v>0</v>
      </c>
      <c r="AD18" s="178">
        <v>0</v>
      </c>
      <c r="AE18" s="181">
        <v>0</v>
      </c>
      <c r="AF18" s="182">
        <v>0</v>
      </c>
      <c r="AG18" s="177">
        <v>0</v>
      </c>
      <c r="AH18" s="178">
        <v>0</v>
      </c>
      <c r="AI18" s="178">
        <v>0</v>
      </c>
      <c r="AJ18" s="179">
        <v>0</v>
      </c>
      <c r="AK18" s="180">
        <v>0</v>
      </c>
      <c r="AL18" s="180">
        <v>0</v>
      </c>
      <c r="AM18" s="180">
        <v>0</v>
      </c>
      <c r="AN18" s="178">
        <v>1</v>
      </c>
      <c r="AO18" s="181">
        <v>1</v>
      </c>
      <c r="AP18" s="183">
        <v>1</v>
      </c>
      <c r="AQ18" s="32"/>
    </row>
    <row r="19" spans="2:43" ht="21" customHeight="1" x14ac:dyDescent="0.2">
      <c r="B19" s="437" t="s">
        <v>17</v>
      </c>
      <c r="C19" s="177">
        <v>0</v>
      </c>
      <c r="D19" s="178">
        <v>0</v>
      </c>
      <c r="E19" s="178">
        <v>0</v>
      </c>
      <c r="F19" s="179">
        <v>0</v>
      </c>
      <c r="G19" s="180">
        <v>0</v>
      </c>
      <c r="H19" s="180">
        <v>10</v>
      </c>
      <c r="I19" s="180">
        <v>14</v>
      </c>
      <c r="J19" s="178">
        <v>9</v>
      </c>
      <c r="K19" s="181">
        <v>33</v>
      </c>
      <c r="L19" s="182">
        <v>33</v>
      </c>
      <c r="M19" s="177">
        <v>0</v>
      </c>
      <c r="N19" s="178">
        <v>0</v>
      </c>
      <c r="O19" s="181">
        <v>0</v>
      </c>
      <c r="P19" s="184">
        <v>3</v>
      </c>
      <c r="Q19" s="180">
        <v>3</v>
      </c>
      <c r="R19" s="180">
        <v>5</v>
      </c>
      <c r="S19" s="180">
        <v>3</v>
      </c>
      <c r="T19" s="178">
        <v>7</v>
      </c>
      <c r="U19" s="181">
        <v>21</v>
      </c>
      <c r="V19" s="185">
        <v>21</v>
      </c>
      <c r="W19" s="184">
        <v>0</v>
      </c>
      <c r="X19" s="178">
        <v>0</v>
      </c>
      <c r="Y19" s="178">
        <v>0</v>
      </c>
      <c r="Z19" s="179">
        <v>0</v>
      </c>
      <c r="AA19" s="180">
        <v>0</v>
      </c>
      <c r="AB19" s="180">
        <v>0</v>
      </c>
      <c r="AC19" s="180">
        <v>0</v>
      </c>
      <c r="AD19" s="178">
        <v>0</v>
      </c>
      <c r="AE19" s="181">
        <v>0</v>
      </c>
      <c r="AF19" s="182">
        <v>0</v>
      </c>
      <c r="AG19" s="177">
        <v>0</v>
      </c>
      <c r="AH19" s="178">
        <v>0</v>
      </c>
      <c r="AI19" s="178">
        <v>0</v>
      </c>
      <c r="AJ19" s="179">
        <v>0</v>
      </c>
      <c r="AK19" s="180">
        <v>0</v>
      </c>
      <c r="AL19" s="180">
        <v>0</v>
      </c>
      <c r="AM19" s="180">
        <v>0</v>
      </c>
      <c r="AN19" s="178">
        <v>0</v>
      </c>
      <c r="AO19" s="181">
        <v>0</v>
      </c>
      <c r="AP19" s="183">
        <v>0</v>
      </c>
      <c r="AQ19" s="32"/>
    </row>
    <row r="20" spans="2:43" ht="21" customHeight="1" x14ac:dyDescent="0.2">
      <c r="B20" s="437" t="s">
        <v>18</v>
      </c>
      <c r="C20" s="177">
        <v>0</v>
      </c>
      <c r="D20" s="178">
        <v>0</v>
      </c>
      <c r="E20" s="178">
        <v>0</v>
      </c>
      <c r="F20" s="179">
        <v>0</v>
      </c>
      <c r="G20" s="180">
        <v>0</v>
      </c>
      <c r="H20" s="180">
        <v>5</v>
      </c>
      <c r="I20" s="180">
        <v>18</v>
      </c>
      <c r="J20" s="178">
        <v>7</v>
      </c>
      <c r="K20" s="181">
        <v>30</v>
      </c>
      <c r="L20" s="182">
        <v>30</v>
      </c>
      <c r="M20" s="177">
        <v>0</v>
      </c>
      <c r="N20" s="178">
        <v>0</v>
      </c>
      <c r="O20" s="181">
        <v>0</v>
      </c>
      <c r="P20" s="184">
        <v>1</v>
      </c>
      <c r="Q20" s="180">
        <v>7</v>
      </c>
      <c r="R20" s="180">
        <v>4</v>
      </c>
      <c r="S20" s="180">
        <v>2</v>
      </c>
      <c r="T20" s="178">
        <v>3</v>
      </c>
      <c r="U20" s="181">
        <v>17</v>
      </c>
      <c r="V20" s="185">
        <v>17</v>
      </c>
      <c r="W20" s="184">
        <v>0</v>
      </c>
      <c r="X20" s="178">
        <v>0</v>
      </c>
      <c r="Y20" s="178">
        <v>0</v>
      </c>
      <c r="Z20" s="179">
        <v>0</v>
      </c>
      <c r="AA20" s="180">
        <v>0</v>
      </c>
      <c r="AB20" s="180">
        <v>0</v>
      </c>
      <c r="AC20" s="180">
        <v>1</v>
      </c>
      <c r="AD20" s="178">
        <v>0</v>
      </c>
      <c r="AE20" s="181">
        <v>1</v>
      </c>
      <c r="AF20" s="182">
        <v>1</v>
      </c>
      <c r="AG20" s="177">
        <v>0</v>
      </c>
      <c r="AH20" s="178">
        <v>0</v>
      </c>
      <c r="AI20" s="178">
        <v>0</v>
      </c>
      <c r="AJ20" s="179">
        <v>0</v>
      </c>
      <c r="AK20" s="180">
        <v>0</v>
      </c>
      <c r="AL20" s="180">
        <v>0</v>
      </c>
      <c r="AM20" s="180">
        <v>0</v>
      </c>
      <c r="AN20" s="178">
        <v>1</v>
      </c>
      <c r="AO20" s="181">
        <v>1</v>
      </c>
      <c r="AP20" s="183">
        <v>1</v>
      </c>
      <c r="AQ20" s="32"/>
    </row>
    <row r="21" spans="2:43" ht="21" customHeight="1" x14ac:dyDescent="0.2">
      <c r="B21" s="437" t="s">
        <v>19</v>
      </c>
      <c r="C21" s="177">
        <v>0</v>
      </c>
      <c r="D21" s="178">
        <v>0</v>
      </c>
      <c r="E21" s="178">
        <v>0</v>
      </c>
      <c r="F21" s="179">
        <v>0</v>
      </c>
      <c r="G21" s="180">
        <v>0</v>
      </c>
      <c r="H21" s="180">
        <v>6</v>
      </c>
      <c r="I21" s="180">
        <v>5</v>
      </c>
      <c r="J21" s="178">
        <v>5</v>
      </c>
      <c r="K21" s="181">
        <v>16</v>
      </c>
      <c r="L21" s="182">
        <v>16</v>
      </c>
      <c r="M21" s="177">
        <v>0</v>
      </c>
      <c r="N21" s="178">
        <v>0</v>
      </c>
      <c r="O21" s="181">
        <v>0</v>
      </c>
      <c r="P21" s="184">
        <v>2</v>
      </c>
      <c r="Q21" s="180">
        <v>0</v>
      </c>
      <c r="R21" s="180">
        <v>1</v>
      </c>
      <c r="S21" s="180">
        <v>4</v>
      </c>
      <c r="T21" s="178">
        <v>0</v>
      </c>
      <c r="U21" s="181">
        <v>7</v>
      </c>
      <c r="V21" s="185">
        <v>7</v>
      </c>
      <c r="W21" s="184">
        <v>0</v>
      </c>
      <c r="X21" s="178">
        <v>0</v>
      </c>
      <c r="Y21" s="178">
        <v>0</v>
      </c>
      <c r="Z21" s="179">
        <v>0</v>
      </c>
      <c r="AA21" s="180">
        <v>0</v>
      </c>
      <c r="AB21" s="180">
        <v>0</v>
      </c>
      <c r="AC21" s="180">
        <v>0</v>
      </c>
      <c r="AD21" s="178">
        <v>0</v>
      </c>
      <c r="AE21" s="181">
        <v>0</v>
      </c>
      <c r="AF21" s="182">
        <v>0</v>
      </c>
      <c r="AG21" s="177">
        <v>0</v>
      </c>
      <c r="AH21" s="178">
        <v>0</v>
      </c>
      <c r="AI21" s="178">
        <v>0</v>
      </c>
      <c r="AJ21" s="179">
        <v>0</v>
      </c>
      <c r="AK21" s="180">
        <v>0</v>
      </c>
      <c r="AL21" s="180">
        <v>0</v>
      </c>
      <c r="AM21" s="180">
        <v>0</v>
      </c>
      <c r="AN21" s="178">
        <v>0</v>
      </c>
      <c r="AO21" s="181">
        <v>0</v>
      </c>
      <c r="AP21" s="183">
        <v>0</v>
      </c>
      <c r="AQ21" s="32"/>
    </row>
    <row r="22" spans="2:43" ht="21" customHeight="1" x14ac:dyDescent="0.2">
      <c r="B22" s="437" t="s">
        <v>20</v>
      </c>
      <c r="C22" s="177">
        <v>0</v>
      </c>
      <c r="D22" s="178">
        <v>0</v>
      </c>
      <c r="E22" s="178">
        <v>0</v>
      </c>
      <c r="F22" s="179">
        <v>0</v>
      </c>
      <c r="G22" s="180">
        <v>1</v>
      </c>
      <c r="H22" s="180">
        <v>7</v>
      </c>
      <c r="I22" s="180">
        <v>12</v>
      </c>
      <c r="J22" s="178">
        <v>3</v>
      </c>
      <c r="K22" s="181">
        <v>23</v>
      </c>
      <c r="L22" s="182">
        <v>23</v>
      </c>
      <c r="M22" s="177">
        <v>0</v>
      </c>
      <c r="N22" s="178">
        <v>0</v>
      </c>
      <c r="O22" s="181">
        <v>0</v>
      </c>
      <c r="P22" s="184">
        <v>2</v>
      </c>
      <c r="Q22" s="180">
        <v>2</v>
      </c>
      <c r="R22" s="180">
        <v>1</v>
      </c>
      <c r="S22" s="180">
        <v>1</v>
      </c>
      <c r="T22" s="178">
        <v>0</v>
      </c>
      <c r="U22" s="181">
        <v>6</v>
      </c>
      <c r="V22" s="185">
        <v>6</v>
      </c>
      <c r="W22" s="184">
        <v>0</v>
      </c>
      <c r="X22" s="178">
        <v>0</v>
      </c>
      <c r="Y22" s="178">
        <v>0</v>
      </c>
      <c r="Z22" s="179">
        <v>0</v>
      </c>
      <c r="AA22" s="180">
        <v>0</v>
      </c>
      <c r="AB22" s="180">
        <v>0</v>
      </c>
      <c r="AC22" s="180">
        <v>0</v>
      </c>
      <c r="AD22" s="178">
        <v>0</v>
      </c>
      <c r="AE22" s="181">
        <v>0</v>
      </c>
      <c r="AF22" s="182">
        <v>0</v>
      </c>
      <c r="AG22" s="177">
        <v>0</v>
      </c>
      <c r="AH22" s="178">
        <v>0</v>
      </c>
      <c r="AI22" s="178">
        <v>0</v>
      </c>
      <c r="AJ22" s="179">
        <v>0</v>
      </c>
      <c r="AK22" s="180">
        <v>0</v>
      </c>
      <c r="AL22" s="180">
        <v>0</v>
      </c>
      <c r="AM22" s="180">
        <v>0</v>
      </c>
      <c r="AN22" s="178">
        <v>0</v>
      </c>
      <c r="AO22" s="181">
        <v>0</v>
      </c>
      <c r="AP22" s="183">
        <v>0</v>
      </c>
      <c r="AQ22" s="32"/>
    </row>
    <row r="23" spans="2:43" ht="21" customHeight="1" x14ac:dyDescent="0.2">
      <c r="B23" s="437" t="s">
        <v>21</v>
      </c>
      <c r="C23" s="177">
        <v>0</v>
      </c>
      <c r="D23" s="178">
        <v>0</v>
      </c>
      <c r="E23" s="178">
        <v>0</v>
      </c>
      <c r="F23" s="179">
        <v>0</v>
      </c>
      <c r="G23" s="180">
        <v>0</v>
      </c>
      <c r="H23" s="180">
        <v>4</v>
      </c>
      <c r="I23" s="180">
        <v>11</v>
      </c>
      <c r="J23" s="178">
        <v>9</v>
      </c>
      <c r="K23" s="181">
        <v>24</v>
      </c>
      <c r="L23" s="182">
        <v>24</v>
      </c>
      <c r="M23" s="177">
        <v>0</v>
      </c>
      <c r="N23" s="178">
        <v>0</v>
      </c>
      <c r="O23" s="181">
        <v>0</v>
      </c>
      <c r="P23" s="184">
        <v>0</v>
      </c>
      <c r="Q23" s="180">
        <v>1</v>
      </c>
      <c r="R23" s="180">
        <v>3</v>
      </c>
      <c r="S23" s="180">
        <v>0</v>
      </c>
      <c r="T23" s="178">
        <v>0</v>
      </c>
      <c r="U23" s="181">
        <v>4</v>
      </c>
      <c r="V23" s="185">
        <v>4</v>
      </c>
      <c r="W23" s="184">
        <v>0</v>
      </c>
      <c r="X23" s="178">
        <v>0</v>
      </c>
      <c r="Y23" s="178">
        <v>0</v>
      </c>
      <c r="Z23" s="179">
        <v>0</v>
      </c>
      <c r="AA23" s="180">
        <v>0</v>
      </c>
      <c r="AB23" s="180">
        <v>0</v>
      </c>
      <c r="AC23" s="180">
        <v>0</v>
      </c>
      <c r="AD23" s="178">
        <v>0</v>
      </c>
      <c r="AE23" s="181">
        <v>0</v>
      </c>
      <c r="AF23" s="182">
        <v>0</v>
      </c>
      <c r="AG23" s="177">
        <v>0</v>
      </c>
      <c r="AH23" s="178">
        <v>0</v>
      </c>
      <c r="AI23" s="178">
        <v>0</v>
      </c>
      <c r="AJ23" s="179">
        <v>0</v>
      </c>
      <c r="AK23" s="180">
        <v>0</v>
      </c>
      <c r="AL23" s="180">
        <v>0</v>
      </c>
      <c r="AM23" s="180">
        <v>0</v>
      </c>
      <c r="AN23" s="178">
        <v>1</v>
      </c>
      <c r="AO23" s="181">
        <v>1</v>
      </c>
      <c r="AP23" s="183">
        <v>1</v>
      </c>
      <c r="AQ23" s="32"/>
    </row>
    <row r="24" spans="2:43" ht="21" customHeight="1" x14ac:dyDescent="0.2">
      <c r="B24" s="437" t="s">
        <v>22</v>
      </c>
      <c r="C24" s="177">
        <v>0</v>
      </c>
      <c r="D24" s="178">
        <v>0</v>
      </c>
      <c r="E24" s="178">
        <v>0</v>
      </c>
      <c r="F24" s="179">
        <v>0</v>
      </c>
      <c r="G24" s="180">
        <v>0</v>
      </c>
      <c r="H24" s="180">
        <v>5</v>
      </c>
      <c r="I24" s="180">
        <v>6</v>
      </c>
      <c r="J24" s="178">
        <v>2</v>
      </c>
      <c r="K24" s="181">
        <v>13</v>
      </c>
      <c r="L24" s="182">
        <v>13</v>
      </c>
      <c r="M24" s="177">
        <v>0</v>
      </c>
      <c r="N24" s="178">
        <v>0</v>
      </c>
      <c r="O24" s="181">
        <v>0</v>
      </c>
      <c r="P24" s="184">
        <v>1</v>
      </c>
      <c r="Q24" s="180">
        <v>1</v>
      </c>
      <c r="R24" s="180">
        <v>1</v>
      </c>
      <c r="S24" s="180">
        <v>1</v>
      </c>
      <c r="T24" s="178">
        <v>1</v>
      </c>
      <c r="U24" s="181">
        <v>5</v>
      </c>
      <c r="V24" s="185">
        <v>5</v>
      </c>
      <c r="W24" s="184">
        <v>0</v>
      </c>
      <c r="X24" s="178">
        <v>0</v>
      </c>
      <c r="Y24" s="178">
        <v>0</v>
      </c>
      <c r="Z24" s="179">
        <v>0</v>
      </c>
      <c r="AA24" s="180">
        <v>0</v>
      </c>
      <c r="AB24" s="180">
        <v>0</v>
      </c>
      <c r="AC24" s="180">
        <v>0</v>
      </c>
      <c r="AD24" s="178">
        <v>0</v>
      </c>
      <c r="AE24" s="181">
        <v>0</v>
      </c>
      <c r="AF24" s="182">
        <v>0</v>
      </c>
      <c r="AG24" s="177">
        <v>0</v>
      </c>
      <c r="AH24" s="178">
        <v>0</v>
      </c>
      <c r="AI24" s="178">
        <v>0</v>
      </c>
      <c r="AJ24" s="179">
        <v>0</v>
      </c>
      <c r="AK24" s="180">
        <v>0</v>
      </c>
      <c r="AL24" s="180">
        <v>0</v>
      </c>
      <c r="AM24" s="180">
        <v>0</v>
      </c>
      <c r="AN24" s="178">
        <v>0</v>
      </c>
      <c r="AO24" s="181">
        <v>0</v>
      </c>
      <c r="AP24" s="183">
        <v>0</v>
      </c>
      <c r="AQ24" s="32"/>
    </row>
    <row r="25" spans="2:43" ht="21" customHeight="1" x14ac:dyDescent="0.2">
      <c r="B25" s="437" t="s">
        <v>23</v>
      </c>
      <c r="C25" s="177">
        <v>0</v>
      </c>
      <c r="D25" s="178">
        <v>0</v>
      </c>
      <c r="E25" s="178">
        <v>0</v>
      </c>
      <c r="F25" s="179">
        <v>1</v>
      </c>
      <c r="G25" s="180">
        <v>0</v>
      </c>
      <c r="H25" s="180">
        <v>7</v>
      </c>
      <c r="I25" s="180">
        <v>4</v>
      </c>
      <c r="J25" s="178">
        <v>0</v>
      </c>
      <c r="K25" s="181">
        <v>12</v>
      </c>
      <c r="L25" s="182">
        <v>12</v>
      </c>
      <c r="M25" s="177">
        <v>0</v>
      </c>
      <c r="N25" s="178">
        <v>0</v>
      </c>
      <c r="O25" s="181">
        <v>0</v>
      </c>
      <c r="P25" s="184">
        <v>1</v>
      </c>
      <c r="Q25" s="180">
        <v>1</v>
      </c>
      <c r="R25" s="180">
        <v>2</v>
      </c>
      <c r="S25" s="180">
        <v>2</v>
      </c>
      <c r="T25" s="178">
        <v>2</v>
      </c>
      <c r="U25" s="181">
        <v>8</v>
      </c>
      <c r="V25" s="185">
        <v>8</v>
      </c>
      <c r="W25" s="184">
        <v>0</v>
      </c>
      <c r="X25" s="178">
        <v>0</v>
      </c>
      <c r="Y25" s="178">
        <v>0</v>
      </c>
      <c r="Z25" s="179">
        <v>0</v>
      </c>
      <c r="AA25" s="180">
        <v>0</v>
      </c>
      <c r="AB25" s="180">
        <v>0</v>
      </c>
      <c r="AC25" s="180">
        <v>0</v>
      </c>
      <c r="AD25" s="178">
        <v>0</v>
      </c>
      <c r="AE25" s="181">
        <v>0</v>
      </c>
      <c r="AF25" s="182">
        <v>0</v>
      </c>
      <c r="AG25" s="177">
        <v>0</v>
      </c>
      <c r="AH25" s="178">
        <v>0</v>
      </c>
      <c r="AI25" s="178">
        <v>0</v>
      </c>
      <c r="AJ25" s="179">
        <v>0</v>
      </c>
      <c r="AK25" s="180">
        <v>0</v>
      </c>
      <c r="AL25" s="180">
        <v>0</v>
      </c>
      <c r="AM25" s="180">
        <v>0</v>
      </c>
      <c r="AN25" s="178">
        <v>0</v>
      </c>
      <c r="AO25" s="181">
        <v>0</v>
      </c>
      <c r="AP25" s="183">
        <v>0</v>
      </c>
      <c r="AQ25" s="32"/>
    </row>
    <row r="26" spans="2:43" ht="21" customHeight="1" x14ac:dyDescent="0.2">
      <c r="B26" s="437" t="s">
        <v>24</v>
      </c>
      <c r="C26" s="177">
        <v>0</v>
      </c>
      <c r="D26" s="178">
        <v>0</v>
      </c>
      <c r="E26" s="178">
        <v>0</v>
      </c>
      <c r="F26" s="179">
        <v>0</v>
      </c>
      <c r="G26" s="180">
        <v>0</v>
      </c>
      <c r="H26" s="180">
        <v>1</v>
      </c>
      <c r="I26" s="180">
        <v>5</v>
      </c>
      <c r="J26" s="178">
        <v>3</v>
      </c>
      <c r="K26" s="181">
        <v>9</v>
      </c>
      <c r="L26" s="182">
        <v>9</v>
      </c>
      <c r="M26" s="177">
        <v>0</v>
      </c>
      <c r="N26" s="178">
        <v>0</v>
      </c>
      <c r="O26" s="181">
        <v>0</v>
      </c>
      <c r="P26" s="184">
        <v>0</v>
      </c>
      <c r="Q26" s="180">
        <v>2</v>
      </c>
      <c r="R26" s="180">
        <v>2</v>
      </c>
      <c r="S26" s="180">
        <v>3</v>
      </c>
      <c r="T26" s="178">
        <v>0</v>
      </c>
      <c r="U26" s="181">
        <v>7</v>
      </c>
      <c r="V26" s="185">
        <v>7</v>
      </c>
      <c r="W26" s="184">
        <v>0</v>
      </c>
      <c r="X26" s="178">
        <v>0</v>
      </c>
      <c r="Y26" s="178">
        <v>0</v>
      </c>
      <c r="Z26" s="179">
        <v>0</v>
      </c>
      <c r="AA26" s="180">
        <v>0</v>
      </c>
      <c r="AB26" s="180">
        <v>0</v>
      </c>
      <c r="AC26" s="180">
        <v>0</v>
      </c>
      <c r="AD26" s="178">
        <v>0</v>
      </c>
      <c r="AE26" s="181">
        <v>0</v>
      </c>
      <c r="AF26" s="182">
        <v>0</v>
      </c>
      <c r="AG26" s="177">
        <v>0</v>
      </c>
      <c r="AH26" s="178">
        <v>0</v>
      </c>
      <c r="AI26" s="178">
        <v>0</v>
      </c>
      <c r="AJ26" s="179">
        <v>0</v>
      </c>
      <c r="AK26" s="180">
        <v>0</v>
      </c>
      <c r="AL26" s="180">
        <v>0</v>
      </c>
      <c r="AM26" s="180">
        <v>0</v>
      </c>
      <c r="AN26" s="178">
        <v>0</v>
      </c>
      <c r="AO26" s="181">
        <v>0</v>
      </c>
      <c r="AP26" s="183">
        <v>0</v>
      </c>
      <c r="AQ26" s="32"/>
    </row>
    <row r="27" spans="2:43" ht="21" customHeight="1" x14ac:dyDescent="0.2">
      <c r="B27" s="437" t="s">
        <v>25</v>
      </c>
      <c r="C27" s="177">
        <v>0</v>
      </c>
      <c r="D27" s="178">
        <v>0</v>
      </c>
      <c r="E27" s="178">
        <v>0</v>
      </c>
      <c r="F27" s="179">
        <v>0</v>
      </c>
      <c r="G27" s="180">
        <v>1</v>
      </c>
      <c r="H27" s="180">
        <v>3</v>
      </c>
      <c r="I27" s="180">
        <v>2</v>
      </c>
      <c r="J27" s="178">
        <v>1</v>
      </c>
      <c r="K27" s="181">
        <v>7</v>
      </c>
      <c r="L27" s="182">
        <v>7</v>
      </c>
      <c r="M27" s="177">
        <v>0</v>
      </c>
      <c r="N27" s="178">
        <v>0</v>
      </c>
      <c r="O27" s="181">
        <v>0</v>
      </c>
      <c r="P27" s="184">
        <v>1</v>
      </c>
      <c r="Q27" s="180">
        <v>1</v>
      </c>
      <c r="R27" s="180">
        <v>0</v>
      </c>
      <c r="S27" s="180">
        <v>2</v>
      </c>
      <c r="T27" s="178">
        <v>1</v>
      </c>
      <c r="U27" s="181">
        <v>5</v>
      </c>
      <c r="V27" s="185">
        <v>5</v>
      </c>
      <c r="W27" s="184">
        <v>0</v>
      </c>
      <c r="X27" s="178">
        <v>0</v>
      </c>
      <c r="Y27" s="178">
        <v>0</v>
      </c>
      <c r="Z27" s="179">
        <v>0</v>
      </c>
      <c r="AA27" s="180">
        <v>0</v>
      </c>
      <c r="AB27" s="180">
        <v>0</v>
      </c>
      <c r="AC27" s="180">
        <v>0</v>
      </c>
      <c r="AD27" s="178">
        <v>0</v>
      </c>
      <c r="AE27" s="181">
        <v>0</v>
      </c>
      <c r="AF27" s="182">
        <v>0</v>
      </c>
      <c r="AG27" s="177">
        <v>0</v>
      </c>
      <c r="AH27" s="178">
        <v>0</v>
      </c>
      <c r="AI27" s="178">
        <v>0</v>
      </c>
      <c r="AJ27" s="179">
        <v>0</v>
      </c>
      <c r="AK27" s="180">
        <v>0</v>
      </c>
      <c r="AL27" s="180">
        <v>0</v>
      </c>
      <c r="AM27" s="180">
        <v>0</v>
      </c>
      <c r="AN27" s="178">
        <v>0</v>
      </c>
      <c r="AO27" s="181">
        <v>0</v>
      </c>
      <c r="AP27" s="183">
        <v>0</v>
      </c>
      <c r="AQ27" s="32"/>
    </row>
    <row r="28" spans="2:43" ht="21" customHeight="1" x14ac:dyDescent="0.2">
      <c r="B28" s="437" t="s">
        <v>26</v>
      </c>
      <c r="C28" s="177">
        <v>0</v>
      </c>
      <c r="D28" s="178">
        <v>0</v>
      </c>
      <c r="E28" s="178">
        <v>0</v>
      </c>
      <c r="F28" s="179">
        <v>0</v>
      </c>
      <c r="G28" s="180">
        <v>0</v>
      </c>
      <c r="H28" s="180">
        <v>2</v>
      </c>
      <c r="I28" s="180">
        <v>3</v>
      </c>
      <c r="J28" s="178">
        <v>1</v>
      </c>
      <c r="K28" s="181">
        <v>6</v>
      </c>
      <c r="L28" s="182">
        <v>6</v>
      </c>
      <c r="M28" s="177">
        <v>0</v>
      </c>
      <c r="N28" s="178">
        <v>0</v>
      </c>
      <c r="O28" s="181">
        <v>0</v>
      </c>
      <c r="P28" s="184">
        <v>0</v>
      </c>
      <c r="Q28" s="180">
        <v>1</v>
      </c>
      <c r="R28" s="180">
        <v>2</v>
      </c>
      <c r="S28" s="180">
        <v>0</v>
      </c>
      <c r="T28" s="178">
        <v>0</v>
      </c>
      <c r="U28" s="181">
        <v>3</v>
      </c>
      <c r="V28" s="185">
        <v>3</v>
      </c>
      <c r="W28" s="184">
        <v>0</v>
      </c>
      <c r="X28" s="178">
        <v>0</v>
      </c>
      <c r="Y28" s="178">
        <v>0</v>
      </c>
      <c r="Z28" s="179">
        <v>0</v>
      </c>
      <c r="AA28" s="180">
        <v>0</v>
      </c>
      <c r="AB28" s="180">
        <v>0</v>
      </c>
      <c r="AC28" s="180">
        <v>0</v>
      </c>
      <c r="AD28" s="178">
        <v>0</v>
      </c>
      <c r="AE28" s="181">
        <v>0</v>
      </c>
      <c r="AF28" s="182">
        <v>0</v>
      </c>
      <c r="AG28" s="177">
        <v>0</v>
      </c>
      <c r="AH28" s="178">
        <v>0</v>
      </c>
      <c r="AI28" s="178">
        <v>0</v>
      </c>
      <c r="AJ28" s="179">
        <v>0</v>
      </c>
      <c r="AK28" s="180">
        <v>0</v>
      </c>
      <c r="AL28" s="180">
        <v>0</v>
      </c>
      <c r="AM28" s="180">
        <v>0</v>
      </c>
      <c r="AN28" s="178">
        <v>0</v>
      </c>
      <c r="AO28" s="181">
        <v>0</v>
      </c>
      <c r="AP28" s="183">
        <v>0</v>
      </c>
      <c r="AQ28" s="32"/>
    </row>
    <row r="29" spans="2:43" ht="21" customHeight="1" x14ac:dyDescent="0.2">
      <c r="B29" s="437" t="s">
        <v>27</v>
      </c>
      <c r="C29" s="177">
        <v>0</v>
      </c>
      <c r="D29" s="178">
        <v>0</v>
      </c>
      <c r="E29" s="178">
        <v>0</v>
      </c>
      <c r="F29" s="179">
        <v>0</v>
      </c>
      <c r="G29" s="180">
        <v>1</v>
      </c>
      <c r="H29" s="180">
        <v>1</v>
      </c>
      <c r="I29" s="180">
        <v>0</v>
      </c>
      <c r="J29" s="178">
        <v>1</v>
      </c>
      <c r="K29" s="181">
        <v>3</v>
      </c>
      <c r="L29" s="182">
        <v>3</v>
      </c>
      <c r="M29" s="177">
        <v>0</v>
      </c>
      <c r="N29" s="178">
        <v>0</v>
      </c>
      <c r="O29" s="181">
        <v>0</v>
      </c>
      <c r="P29" s="184">
        <v>0</v>
      </c>
      <c r="Q29" s="180">
        <v>1</v>
      </c>
      <c r="R29" s="180">
        <v>1</v>
      </c>
      <c r="S29" s="180">
        <v>4</v>
      </c>
      <c r="T29" s="178">
        <v>1</v>
      </c>
      <c r="U29" s="181">
        <v>7</v>
      </c>
      <c r="V29" s="185">
        <v>7</v>
      </c>
      <c r="W29" s="184">
        <v>0</v>
      </c>
      <c r="X29" s="178">
        <v>0</v>
      </c>
      <c r="Y29" s="178">
        <v>0</v>
      </c>
      <c r="Z29" s="179">
        <v>0</v>
      </c>
      <c r="AA29" s="180">
        <v>0</v>
      </c>
      <c r="AB29" s="180">
        <v>0</v>
      </c>
      <c r="AC29" s="180">
        <v>0</v>
      </c>
      <c r="AD29" s="178">
        <v>0</v>
      </c>
      <c r="AE29" s="181">
        <v>0</v>
      </c>
      <c r="AF29" s="182">
        <v>0</v>
      </c>
      <c r="AG29" s="177">
        <v>0</v>
      </c>
      <c r="AH29" s="178">
        <v>0</v>
      </c>
      <c r="AI29" s="178">
        <v>0</v>
      </c>
      <c r="AJ29" s="179">
        <v>0</v>
      </c>
      <c r="AK29" s="180">
        <v>0</v>
      </c>
      <c r="AL29" s="180">
        <v>0</v>
      </c>
      <c r="AM29" s="180">
        <v>0</v>
      </c>
      <c r="AN29" s="178">
        <v>0</v>
      </c>
      <c r="AO29" s="181">
        <v>0</v>
      </c>
      <c r="AP29" s="183">
        <v>0</v>
      </c>
      <c r="AQ29" s="32"/>
    </row>
    <row r="30" spans="2:43" ht="21" customHeight="1" x14ac:dyDescent="0.2">
      <c r="B30" s="437" t="s">
        <v>28</v>
      </c>
      <c r="C30" s="177">
        <v>0</v>
      </c>
      <c r="D30" s="178">
        <v>0</v>
      </c>
      <c r="E30" s="178">
        <v>0</v>
      </c>
      <c r="F30" s="179">
        <v>0</v>
      </c>
      <c r="G30" s="180">
        <v>0</v>
      </c>
      <c r="H30" s="180">
        <v>0</v>
      </c>
      <c r="I30" s="180">
        <v>1</v>
      </c>
      <c r="J30" s="178">
        <v>1</v>
      </c>
      <c r="K30" s="181">
        <v>2</v>
      </c>
      <c r="L30" s="182">
        <v>2</v>
      </c>
      <c r="M30" s="177">
        <v>0</v>
      </c>
      <c r="N30" s="178">
        <v>0</v>
      </c>
      <c r="O30" s="181">
        <v>0</v>
      </c>
      <c r="P30" s="184">
        <v>0</v>
      </c>
      <c r="Q30" s="180">
        <v>1</v>
      </c>
      <c r="R30" s="180">
        <v>0</v>
      </c>
      <c r="S30" s="180">
        <v>0</v>
      </c>
      <c r="T30" s="178">
        <v>1</v>
      </c>
      <c r="U30" s="181">
        <v>2</v>
      </c>
      <c r="V30" s="185">
        <v>2</v>
      </c>
      <c r="W30" s="184">
        <v>0</v>
      </c>
      <c r="X30" s="178">
        <v>0</v>
      </c>
      <c r="Y30" s="178">
        <v>0</v>
      </c>
      <c r="Z30" s="179">
        <v>0</v>
      </c>
      <c r="AA30" s="180">
        <v>0</v>
      </c>
      <c r="AB30" s="180">
        <v>0</v>
      </c>
      <c r="AC30" s="180">
        <v>0</v>
      </c>
      <c r="AD30" s="178">
        <v>0</v>
      </c>
      <c r="AE30" s="181">
        <v>0</v>
      </c>
      <c r="AF30" s="182">
        <v>0</v>
      </c>
      <c r="AG30" s="177">
        <v>0</v>
      </c>
      <c r="AH30" s="178">
        <v>0</v>
      </c>
      <c r="AI30" s="178">
        <v>0</v>
      </c>
      <c r="AJ30" s="179">
        <v>0</v>
      </c>
      <c r="AK30" s="180">
        <v>0</v>
      </c>
      <c r="AL30" s="180">
        <v>0</v>
      </c>
      <c r="AM30" s="180">
        <v>0</v>
      </c>
      <c r="AN30" s="178">
        <v>0</v>
      </c>
      <c r="AO30" s="181">
        <v>0</v>
      </c>
      <c r="AP30" s="183">
        <v>0</v>
      </c>
      <c r="AQ30" s="32"/>
    </row>
    <row r="31" spans="2:43" ht="21" customHeight="1" x14ac:dyDescent="0.2">
      <c r="B31" s="437" t="s">
        <v>29</v>
      </c>
      <c r="C31" s="177">
        <v>0</v>
      </c>
      <c r="D31" s="178">
        <v>0</v>
      </c>
      <c r="E31" s="178">
        <v>0</v>
      </c>
      <c r="F31" s="179">
        <v>0</v>
      </c>
      <c r="G31" s="180">
        <v>0</v>
      </c>
      <c r="H31" s="180">
        <v>0</v>
      </c>
      <c r="I31" s="180">
        <v>1</v>
      </c>
      <c r="J31" s="178">
        <v>1</v>
      </c>
      <c r="K31" s="181">
        <v>2</v>
      </c>
      <c r="L31" s="182">
        <v>2</v>
      </c>
      <c r="M31" s="177">
        <v>0</v>
      </c>
      <c r="N31" s="178">
        <v>0</v>
      </c>
      <c r="O31" s="181">
        <v>0</v>
      </c>
      <c r="P31" s="184">
        <v>0</v>
      </c>
      <c r="Q31" s="180">
        <v>0</v>
      </c>
      <c r="R31" s="180">
        <v>0</v>
      </c>
      <c r="S31" s="180">
        <v>1</v>
      </c>
      <c r="T31" s="178">
        <v>1</v>
      </c>
      <c r="U31" s="181">
        <v>2</v>
      </c>
      <c r="V31" s="185">
        <v>2</v>
      </c>
      <c r="W31" s="184">
        <v>0</v>
      </c>
      <c r="X31" s="178">
        <v>0</v>
      </c>
      <c r="Y31" s="178">
        <v>0</v>
      </c>
      <c r="Z31" s="179">
        <v>0</v>
      </c>
      <c r="AA31" s="180">
        <v>0</v>
      </c>
      <c r="AB31" s="180">
        <v>0</v>
      </c>
      <c r="AC31" s="180">
        <v>0</v>
      </c>
      <c r="AD31" s="178">
        <v>0</v>
      </c>
      <c r="AE31" s="181">
        <v>0</v>
      </c>
      <c r="AF31" s="182">
        <v>0</v>
      </c>
      <c r="AG31" s="177">
        <v>0</v>
      </c>
      <c r="AH31" s="178">
        <v>0</v>
      </c>
      <c r="AI31" s="178">
        <v>0</v>
      </c>
      <c r="AJ31" s="179">
        <v>0</v>
      </c>
      <c r="AK31" s="180">
        <v>0</v>
      </c>
      <c r="AL31" s="180">
        <v>0</v>
      </c>
      <c r="AM31" s="180">
        <v>0</v>
      </c>
      <c r="AN31" s="178">
        <v>0</v>
      </c>
      <c r="AO31" s="181">
        <v>0</v>
      </c>
      <c r="AP31" s="183">
        <v>0</v>
      </c>
      <c r="AQ31" s="32"/>
    </row>
    <row r="32" spans="2:43" ht="21" customHeight="1" x14ac:dyDescent="0.2">
      <c r="B32" s="437" t="s">
        <v>30</v>
      </c>
      <c r="C32" s="177">
        <v>0</v>
      </c>
      <c r="D32" s="178">
        <v>0</v>
      </c>
      <c r="E32" s="178">
        <v>0</v>
      </c>
      <c r="F32" s="179">
        <v>0</v>
      </c>
      <c r="G32" s="180">
        <v>0</v>
      </c>
      <c r="H32" s="180">
        <v>0</v>
      </c>
      <c r="I32" s="180">
        <v>1</v>
      </c>
      <c r="J32" s="178">
        <v>1</v>
      </c>
      <c r="K32" s="181">
        <v>2</v>
      </c>
      <c r="L32" s="182">
        <v>2</v>
      </c>
      <c r="M32" s="177">
        <v>0</v>
      </c>
      <c r="N32" s="178">
        <v>0</v>
      </c>
      <c r="O32" s="181">
        <v>0</v>
      </c>
      <c r="P32" s="184">
        <v>1</v>
      </c>
      <c r="Q32" s="180">
        <v>1</v>
      </c>
      <c r="R32" s="180">
        <v>1</v>
      </c>
      <c r="S32" s="180">
        <v>4</v>
      </c>
      <c r="T32" s="178">
        <v>0</v>
      </c>
      <c r="U32" s="181">
        <v>7</v>
      </c>
      <c r="V32" s="185">
        <v>7</v>
      </c>
      <c r="W32" s="184">
        <v>0</v>
      </c>
      <c r="X32" s="178">
        <v>0</v>
      </c>
      <c r="Y32" s="178">
        <v>0</v>
      </c>
      <c r="Z32" s="179">
        <v>0</v>
      </c>
      <c r="AA32" s="180">
        <v>0</v>
      </c>
      <c r="AB32" s="180">
        <v>0</v>
      </c>
      <c r="AC32" s="180">
        <v>0</v>
      </c>
      <c r="AD32" s="178">
        <v>0</v>
      </c>
      <c r="AE32" s="181">
        <v>0</v>
      </c>
      <c r="AF32" s="182">
        <v>0</v>
      </c>
      <c r="AG32" s="177">
        <v>0</v>
      </c>
      <c r="AH32" s="178">
        <v>0</v>
      </c>
      <c r="AI32" s="178">
        <v>0</v>
      </c>
      <c r="AJ32" s="179">
        <v>0</v>
      </c>
      <c r="AK32" s="180">
        <v>0</v>
      </c>
      <c r="AL32" s="180">
        <v>0</v>
      </c>
      <c r="AM32" s="180">
        <v>1</v>
      </c>
      <c r="AN32" s="178">
        <v>0</v>
      </c>
      <c r="AO32" s="181">
        <v>1</v>
      </c>
      <c r="AP32" s="183">
        <v>1</v>
      </c>
      <c r="AQ32" s="32"/>
    </row>
    <row r="33" spans="2:43" ht="21" customHeight="1" x14ac:dyDescent="0.2">
      <c r="B33" s="437" t="s">
        <v>31</v>
      </c>
      <c r="C33" s="177">
        <v>0</v>
      </c>
      <c r="D33" s="178">
        <v>0</v>
      </c>
      <c r="E33" s="178">
        <v>0</v>
      </c>
      <c r="F33" s="179">
        <v>0</v>
      </c>
      <c r="G33" s="180">
        <v>0</v>
      </c>
      <c r="H33" s="180">
        <v>3</v>
      </c>
      <c r="I33" s="180">
        <v>1</v>
      </c>
      <c r="J33" s="178">
        <v>0</v>
      </c>
      <c r="K33" s="181">
        <v>4</v>
      </c>
      <c r="L33" s="182">
        <v>4</v>
      </c>
      <c r="M33" s="177">
        <v>0</v>
      </c>
      <c r="N33" s="178">
        <v>0</v>
      </c>
      <c r="O33" s="181">
        <v>0</v>
      </c>
      <c r="P33" s="184">
        <v>0</v>
      </c>
      <c r="Q33" s="180">
        <v>0</v>
      </c>
      <c r="R33" s="180">
        <v>0</v>
      </c>
      <c r="S33" s="180">
        <v>0</v>
      </c>
      <c r="T33" s="178">
        <v>0</v>
      </c>
      <c r="U33" s="181">
        <v>0</v>
      </c>
      <c r="V33" s="185">
        <v>0</v>
      </c>
      <c r="W33" s="184">
        <v>0</v>
      </c>
      <c r="X33" s="178">
        <v>0</v>
      </c>
      <c r="Y33" s="178">
        <v>0</v>
      </c>
      <c r="Z33" s="179">
        <v>0</v>
      </c>
      <c r="AA33" s="180">
        <v>0</v>
      </c>
      <c r="AB33" s="180">
        <v>0</v>
      </c>
      <c r="AC33" s="180">
        <v>0</v>
      </c>
      <c r="AD33" s="178">
        <v>0</v>
      </c>
      <c r="AE33" s="181">
        <v>0</v>
      </c>
      <c r="AF33" s="182">
        <v>0</v>
      </c>
      <c r="AG33" s="177">
        <v>0</v>
      </c>
      <c r="AH33" s="178">
        <v>0</v>
      </c>
      <c r="AI33" s="178">
        <v>0</v>
      </c>
      <c r="AJ33" s="179">
        <v>0</v>
      </c>
      <c r="AK33" s="180">
        <v>0</v>
      </c>
      <c r="AL33" s="180">
        <v>0</v>
      </c>
      <c r="AM33" s="180">
        <v>0</v>
      </c>
      <c r="AN33" s="178">
        <v>0</v>
      </c>
      <c r="AO33" s="181">
        <v>0</v>
      </c>
      <c r="AP33" s="183">
        <v>0</v>
      </c>
      <c r="AQ33" s="32"/>
    </row>
    <row r="34" spans="2:43" ht="21" customHeight="1" x14ac:dyDescent="0.2">
      <c r="B34" s="437" t="s">
        <v>32</v>
      </c>
      <c r="C34" s="177">
        <v>0</v>
      </c>
      <c r="D34" s="178">
        <v>0</v>
      </c>
      <c r="E34" s="178">
        <v>0</v>
      </c>
      <c r="F34" s="179">
        <v>0</v>
      </c>
      <c r="G34" s="180">
        <v>0</v>
      </c>
      <c r="H34" s="180">
        <v>0</v>
      </c>
      <c r="I34" s="180">
        <v>4</v>
      </c>
      <c r="J34" s="178">
        <v>0</v>
      </c>
      <c r="K34" s="181">
        <v>4</v>
      </c>
      <c r="L34" s="182">
        <v>4</v>
      </c>
      <c r="M34" s="177">
        <v>0</v>
      </c>
      <c r="N34" s="178">
        <v>0</v>
      </c>
      <c r="O34" s="181">
        <v>0</v>
      </c>
      <c r="P34" s="184">
        <v>1</v>
      </c>
      <c r="Q34" s="180">
        <v>0</v>
      </c>
      <c r="R34" s="180">
        <v>0</v>
      </c>
      <c r="S34" s="180">
        <v>2</v>
      </c>
      <c r="T34" s="178">
        <v>1</v>
      </c>
      <c r="U34" s="181">
        <v>4</v>
      </c>
      <c r="V34" s="185">
        <v>4</v>
      </c>
      <c r="W34" s="184">
        <v>0</v>
      </c>
      <c r="X34" s="178">
        <v>0</v>
      </c>
      <c r="Y34" s="178">
        <v>0</v>
      </c>
      <c r="Z34" s="179">
        <v>0</v>
      </c>
      <c r="AA34" s="180">
        <v>0</v>
      </c>
      <c r="AB34" s="180">
        <v>0</v>
      </c>
      <c r="AC34" s="180">
        <v>0</v>
      </c>
      <c r="AD34" s="178">
        <v>0</v>
      </c>
      <c r="AE34" s="181">
        <v>0</v>
      </c>
      <c r="AF34" s="182">
        <v>0</v>
      </c>
      <c r="AG34" s="177">
        <v>0</v>
      </c>
      <c r="AH34" s="178">
        <v>0</v>
      </c>
      <c r="AI34" s="178">
        <v>0</v>
      </c>
      <c r="AJ34" s="179">
        <v>0</v>
      </c>
      <c r="AK34" s="180">
        <v>0</v>
      </c>
      <c r="AL34" s="180">
        <v>0</v>
      </c>
      <c r="AM34" s="180">
        <v>0</v>
      </c>
      <c r="AN34" s="178">
        <v>0</v>
      </c>
      <c r="AO34" s="181">
        <v>0</v>
      </c>
      <c r="AP34" s="183">
        <v>0</v>
      </c>
      <c r="AQ34" s="32"/>
    </row>
    <row r="35" spans="2:43" ht="21" customHeight="1" x14ac:dyDescent="0.2">
      <c r="B35" s="437" t="s">
        <v>33</v>
      </c>
      <c r="C35" s="177">
        <v>0</v>
      </c>
      <c r="D35" s="178">
        <v>0</v>
      </c>
      <c r="E35" s="178">
        <v>0</v>
      </c>
      <c r="F35" s="179">
        <v>0</v>
      </c>
      <c r="G35" s="180">
        <v>0</v>
      </c>
      <c r="H35" s="180">
        <v>0</v>
      </c>
      <c r="I35" s="180">
        <v>0</v>
      </c>
      <c r="J35" s="178">
        <v>0</v>
      </c>
      <c r="K35" s="181">
        <v>0</v>
      </c>
      <c r="L35" s="182">
        <v>0</v>
      </c>
      <c r="M35" s="177">
        <v>0</v>
      </c>
      <c r="N35" s="178">
        <v>0</v>
      </c>
      <c r="O35" s="181">
        <v>0</v>
      </c>
      <c r="P35" s="184">
        <v>0</v>
      </c>
      <c r="Q35" s="180">
        <v>0</v>
      </c>
      <c r="R35" s="180">
        <v>0</v>
      </c>
      <c r="S35" s="180">
        <v>0</v>
      </c>
      <c r="T35" s="178">
        <v>0</v>
      </c>
      <c r="U35" s="181">
        <v>0</v>
      </c>
      <c r="V35" s="185">
        <v>0</v>
      </c>
      <c r="W35" s="184">
        <v>0</v>
      </c>
      <c r="X35" s="178">
        <v>0</v>
      </c>
      <c r="Y35" s="178">
        <v>0</v>
      </c>
      <c r="Z35" s="179">
        <v>0</v>
      </c>
      <c r="AA35" s="180">
        <v>0</v>
      </c>
      <c r="AB35" s="180">
        <v>0</v>
      </c>
      <c r="AC35" s="180">
        <v>0</v>
      </c>
      <c r="AD35" s="178">
        <v>0</v>
      </c>
      <c r="AE35" s="181">
        <v>0</v>
      </c>
      <c r="AF35" s="182">
        <v>0</v>
      </c>
      <c r="AG35" s="177">
        <v>0</v>
      </c>
      <c r="AH35" s="178">
        <v>0</v>
      </c>
      <c r="AI35" s="178">
        <v>0</v>
      </c>
      <c r="AJ35" s="179">
        <v>0</v>
      </c>
      <c r="AK35" s="180">
        <v>2</v>
      </c>
      <c r="AL35" s="180">
        <v>0</v>
      </c>
      <c r="AM35" s="180">
        <v>0</v>
      </c>
      <c r="AN35" s="178">
        <v>0</v>
      </c>
      <c r="AO35" s="181">
        <v>2</v>
      </c>
      <c r="AP35" s="183">
        <v>2</v>
      </c>
      <c r="AQ35" s="32"/>
    </row>
    <row r="36" spans="2:43" ht="21" customHeight="1" x14ac:dyDescent="0.2">
      <c r="B36" s="437" t="s">
        <v>34</v>
      </c>
      <c r="C36" s="177">
        <v>0</v>
      </c>
      <c r="D36" s="178">
        <v>0</v>
      </c>
      <c r="E36" s="178">
        <v>0</v>
      </c>
      <c r="F36" s="179">
        <v>0</v>
      </c>
      <c r="G36" s="180">
        <v>0</v>
      </c>
      <c r="H36" s="180">
        <v>0</v>
      </c>
      <c r="I36" s="180">
        <v>1</v>
      </c>
      <c r="J36" s="178">
        <v>0</v>
      </c>
      <c r="K36" s="181">
        <v>1</v>
      </c>
      <c r="L36" s="182">
        <v>1</v>
      </c>
      <c r="M36" s="177">
        <v>0</v>
      </c>
      <c r="N36" s="178">
        <v>0</v>
      </c>
      <c r="O36" s="181">
        <v>0</v>
      </c>
      <c r="P36" s="184">
        <v>0</v>
      </c>
      <c r="Q36" s="180">
        <v>0</v>
      </c>
      <c r="R36" s="180">
        <v>1</v>
      </c>
      <c r="S36" s="180">
        <v>0</v>
      </c>
      <c r="T36" s="178">
        <v>0</v>
      </c>
      <c r="U36" s="181">
        <v>1</v>
      </c>
      <c r="V36" s="185">
        <v>1</v>
      </c>
      <c r="W36" s="184">
        <v>0</v>
      </c>
      <c r="X36" s="178">
        <v>0</v>
      </c>
      <c r="Y36" s="178">
        <v>0</v>
      </c>
      <c r="Z36" s="179">
        <v>0</v>
      </c>
      <c r="AA36" s="180">
        <v>0</v>
      </c>
      <c r="AB36" s="180">
        <v>0</v>
      </c>
      <c r="AC36" s="180">
        <v>0</v>
      </c>
      <c r="AD36" s="178">
        <v>0</v>
      </c>
      <c r="AE36" s="181">
        <v>0</v>
      </c>
      <c r="AF36" s="182">
        <v>0</v>
      </c>
      <c r="AG36" s="177">
        <v>0</v>
      </c>
      <c r="AH36" s="178">
        <v>0</v>
      </c>
      <c r="AI36" s="178">
        <v>0</v>
      </c>
      <c r="AJ36" s="179">
        <v>0</v>
      </c>
      <c r="AK36" s="180">
        <v>0</v>
      </c>
      <c r="AL36" s="180">
        <v>0</v>
      </c>
      <c r="AM36" s="180">
        <v>0</v>
      </c>
      <c r="AN36" s="178">
        <v>0</v>
      </c>
      <c r="AO36" s="181">
        <v>0</v>
      </c>
      <c r="AP36" s="183">
        <v>0</v>
      </c>
      <c r="AQ36" s="32"/>
    </row>
    <row r="37" spans="2:43" ht="21" customHeight="1" x14ac:dyDescent="0.2">
      <c r="B37" s="437" t="s">
        <v>35</v>
      </c>
      <c r="C37" s="177">
        <v>0</v>
      </c>
      <c r="D37" s="178">
        <v>0</v>
      </c>
      <c r="E37" s="178">
        <v>0</v>
      </c>
      <c r="F37" s="179">
        <v>0</v>
      </c>
      <c r="G37" s="180">
        <v>0</v>
      </c>
      <c r="H37" s="180">
        <v>0</v>
      </c>
      <c r="I37" s="180">
        <v>1</v>
      </c>
      <c r="J37" s="178">
        <v>3</v>
      </c>
      <c r="K37" s="181">
        <v>4</v>
      </c>
      <c r="L37" s="182">
        <v>4</v>
      </c>
      <c r="M37" s="177">
        <v>0</v>
      </c>
      <c r="N37" s="178">
        <v>0</v>
      </c>
      <c r="O37" s="181">
        <v>0</v>
      </c>
      <c r="P37" s="184">
        <v>1</v>
      </c>
      <c r="Q37" s="180">
        <v>0</v>
      </c>
      <c r="R37" s="180">
        <v>2</v>
      </c>
      <c r="S37" s="180">
        <v>0</v>
      </c>
      <c r="T37" s="178">
        <v>0</v>
      </c>
      <c r="U37" s="181">
        <v>3</v>
      </c>
      <c r="V37" s="185">
        <v>3</v>
      </c>
      <c r="W37" s="184">
        <v>0</v>
      </c>
      <c r="X37" s="178">
        <v>0</v>
      </c>
      <c r="Y37" s="178">
        <v>0</v>
      </c>
      <c r="Z37" s="179">
        <v>0</v>
      </c>
      <c r="AA37" s="180">
        <v>0</v>
      </c>
      <c r="AB37" s="180">
        <v>0</v>
      </c>
      <c r="AC37" s="180">
        <v>0</v>
      </c>
      <c r="AD37" s="178">
        <v>0</v>
      </c>
      <c r="AE37" s="181">
        <v>0</v>
      </c>
      <c r="AF37" s="182">
        <v>0</v>
      </c>
      <c r="AG37" s="177">
        <v>0</v>
      </c>
      <c r="AH37" s="178">
        <v>0</v>
      </c>
      <c r="AI37" s="178">
        <v>0</v>
      </c>
      <c r="AJ37" s="179">
        <v>0</v>
      </c>
      <c r="AK37" s="180">
        <v>0</v>
      </c>
      <c r="AL37" s="180">
        <v>0</v>
      </c>
      <c r="AM37" s="180">
        <v>0</v>
      </c>
      <c r="AN37" s="178">
        <v>0</v>
      </c>
      <c r="AO37" s="181">
        <v>0</v>
      </c>
      <c r="AP37" s="183">
        <v>0</v>
      </c>
      <c r="AQ37" s="32"/>
    </row>
    <row r="38" spans="2:43" ht="21" customHeight="1" x14ac:dyDescent="0.2">
      <c r="B38" s="437" t="s">
        <v>36</v>
      </c>
      <c r="C38" s="177">
        <v>0</v>
      </c>
      <c r="D38" s="178">
        <v>0</v>
      </c>
      <c r="E38" s="178">
        <v>0</v>
      </c>
      <c r="F38" s="179">
        <v>0</v>
      </c>
      <c r="G38" s="180">
        <v>0</v>
      </c>
      <c r="H38" s="180">
        <v>0</v>
      </c>
      <c r="I38" s="180">
        <v>2</v>
      </c>
      <c r="J38" s="178">
        <v>2</v>
      </c>
      <c r="K38" s="181">
        <v>4</v>
      </c>
      <c r="L38" s="182">
        <v>4</v>
      </c>
      <c r="M38" s="177">
        <v>0</v>
      </c>
      <c r="N38" s="178">
        <v>0</v>
      </c>
      <c r="O38" s="181">
        <v>0</v>
      </c>
      <c r="P38" s="184">
        <v>0</v>
      </c>
      <c r="Q38" s="180">
        <v>0</v>
      </c>
      <c r="R38" s="180">
        <v>0</v>
      </c>
      <c r="S38" s="180">
        <v>1</v>
      </c>
      <c r="T38" s="178">
        <v>1</v>
      </c>
      <c r="U38" s="181">
        <v>2</v>
      </c>
      <c r="V38" s="185">
        <v>2</v>
      </c>
      <c r="W38" s="184">
        <v>0</v>
      </c>
      <c r="X38" s="178">
        <v>0</v>
      </c>
      <c r="Y38" s="178">
        <v>0</v>
      </c>
      <c r="Z38" s="179">
        <v>0</v>
      </c>
      <c r="AA38" s="180">
        <v>0</v>
      </c>
      <c r="AB38" s="180">
        <v>0</v>
      </c>
      <c r="AC38" s="180">
        <v>0</v>
      </c>
      <c r="AD38" s="178">
        <v>0</v>
      </c>
      <c r="AE38" s="181">
        <v>0</v>
      </c>
      <c r="AF38" s="182">
        <v>0</v>
      </c>
      <c r="AG38" s="177">
        <v>0</v>
      </c>
      <c r="AH38" s="178">
        <v>0</v>
      </c>
      <c r="AI38" s="178">
        <v>0</v>
      </c>
      <c r="AJ38" s="179">
        <v>0</v>
      </c>
      <c r="AK38" s="180">
        <v>0</v>
      </c>
      <c r="AL38" s="180">
        <v>0</v>
      </c>
      <c r="AM38" s="180">
        <v>0</v>
      </c>
      <c r="AN38" s="178">
        <v>0</v>
      </c>
      <c r="AO38" s="181">
        <v>0</v>
      </c>
      <c r="AP38" s="183">
        <v>0</v>
      </c>
      <c r="AQ38" s="32"/>
    </row>
    <row r="39" spans="2:43" ht="21" customHeight="1" thickBot="1" x14ac:dyDescent="0.25">
      <c r="B39" s="438" t="s">
        <v>37</v>
      </c>
      <c r="C39" s="186">
        <v>0</v>
      </c>
      <c r="D39" s="187">
        <v>0</v>
      </c>
      <c r="E39" s="187">
        <v>0</v>
      </c>
      <c r="F39" s="188">
        <v>0</v>
      </c>
      <c r="G39" s="189">
        <v>0</v>
      </c>
      <c r="H39" s="189">
        <v>1</v>
      </c>
      <c r="I39" s="189">
        <v>0</v>
      </c>
      <c r="J39" s="187">
        <v>0</v>
      </c>
      <c r="K39" s="190">
        <v>1</v>
      </c>
      <c r="L39" s="191">
        <v>1</v>
      </c>
      <c r="M39" s="186">
        <v>0</v>
      </c>
      <c r="N39" s="187">
        <v>0</v>
      </c>
      <c r="O39" s="190">
        <v>0</v>
      </c>
      <c r="P39" s="193">
        <v>0</v>
      </c>
      <c r="Q39" s="189">
        <v>0</v>
      </c>
      <c r="R39" s="189">
        <v>0</v>
      </c>
      <c r="S39" s="189">
        <v>0</v>
      </c>
      <c r="T39" s="187">
        <v>0</v>
      </c>
      <c r="U39" s="190">
        <v>0</v>
      </c>
      <c r="V39" s="194">
        <v>0</v>
      </c>
      <c r="W39" s="193">
        <v>0</v>
      </c>
      <c r="X39" s="187">
        <v>0</v>
      </c>
      <c r="Y39" s="187">
        <v>0</v>
      </c>
      <c r="Z39" s="188">
        <v>0</v>
      </c>
      <c r="AA39" s="189">
        <v>0</v>
      </c>
      <c r="AB39" s="189">
        <v>0</v>
      </c>
      <c r="AC39" s="189">
        <v>0</v>
      </c>
      <c r="AD39" s="187">
        <v>0</v>
      </c>
      <c r="AE39" s="190">
        <v>0</v>
      </c>
      <c r="AF39" s="191">
        <v>0</v>
      </c>
      <c r="AG39" s="186">
        <v>0</v>
      </c>
      <c r="AH39" s="187">
        <v>0</v>
      </c>
      <c r="AI39" s="187">
        <v>0</v>
      </c>
      <c r="AJ39" s="188">
        <v>0</v>
      </c>
      <c r="AK39" s="189">
        <v>0</v>
      </c>
      <c r="AL39" s="189">
        <v>0</v>
      </c>
      <c r="AM39" s="189">
        <v>0</v>
      </c>
      <c r="AN39" s="187">
        <v>0</v>
      </c>
      <c r="AO39" s="190">
        <v>0</v>
      </c>
      <c r="AP39" s="192">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B3:B4"/>
    <mergeCell ref="C3:L3"/>
    <mergeCell ref="M3:V3"/>
    <mergeCell ref="C4:E4"/>
    <mergeCell ref="F4:K4"/>
    <mergeCell ref="L4:L5"/>
    <mergeCell ref="H1:I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33">
        <f>第１表!F2</f>
        <v>6</v>
      </c>
      <c r="G1" s="229">
        <f>第１表!G2</f>
        <v>2</v>
      </c>
      <c r="H1" s="577">
        <f>IF(G1&lt;3,G1-2+12,G1-2)</f>
        <v>12</v>
      </c>
      <c r="I1" s="577"/>
    </row>
    <row r="2" spans="2:43" ht="24" customHeight="1" thickBot="1" x14ac:dyDescent="0.25">
      <c r="B2" s="15" t="s">
        <v>157</v>
      </c>
      <c r="F2" s="15" t="s">
        <v>138</v>
      </c>
    </row>
    <row r="3" spans="2:43" ht="21" customHeight="1" x14ac:dyDescent="0.2">
      <c r="B3" s="571"/>
      <c r="C3" s="561" t="s">
        <v>57</v>
      </c>
      <c r="D3" s="562"/>
      <c r="E3" s="562"/>
      <c r="F3" s="562"/>
      <c r="G3" s="562"/>
      <c r="H3" s="562"/>
      <c r="I3" s="562"/>
      <c r="J3" s="562"/>
      <c r="K3" s="562"/>
      <c r="L3" s="562"/>
      <c r="M3" s="561" t="s">
        <v>58</v>
      </c>
      <c r="N3" s="574"/>
      <c r="O3" s="574"/>
      <c r="P3" s="574"/>
      <c r="Q3" s="574"/>
      <c r="R3" s="574"/>
      <c r="S3" s="574"/>
      <c r="T3" s="574"/>
      <c r="U3" s="574"/>
      <c r="V3" s="574"/>
      <c r="W3" s="561" t="s">
        <v>59</v>
      </c>
      <c r="X3" s="562"/>
      <c r="Y3" s="562"/>
      <c r="Z3" s="562"/>
      <c r="AA3" s="562"/>
      <c r="AB3" s="562"/>
      <c r="AC3" s="562"/>
      <c r="AD3" s="562"/>
      <c r="AE3" s="562"/>
      <c r="AF3" s="562"/>
      <c r="AG3" s="570" t="s">
        <v>149</v>
      </c>
      <c r="AH3" s="562"/>
      <c r="AI3" s="562"/>
      <c r="AJ3" s="562"/>
      <c r="AK3" s="562"/>
      <c r="AL3" s="562"/>
      <c r="AM3" s="562"/>
      <c r="AN3" s="562"/>
      <c r="AO3" s="562"/>
      <c r="AP3" s="563"/>
    </row>
    <row r="4" spans="2:43" ht="21" customHeight="1" x14ac:dyDescent="0.2">
      <c r="B4" s="573"/>
      <c r="C4" s="543" t="s">
        <v>61</v>
      </c>
      <c r="D4" s="544"/>
      <c r="E4" s="545"/>
      <c r="F4" s="546" t="s">
        <v>62</v>
      </c>
      <c r="G4" s="547"/>
      <c r="H4" s="547"/>
      <c r="I4" s="547"/>
      <c r="J4" s="547"/>
      <c r="K4" s="548"/>
      <c r="L4" s="558" t="s">
        <v>52</v>
      </c>
      <c r="M4" s="543" t="s">
        <v>61</v>
      </c>
      <c r="N4" s="544"/>
      <c r="O4" s="545"/>
      <c r="P4" s="546" t="s">
        <v>62</v>
      </c>
      <c r="Q4" s="547"/>
      <c r="R4" s="547"/>
      <c r="S4" s="547"/>
      <c r="T4" s="547"/>
      <c r="U4" s="548"/>
      <c r="V4" s="549" t="s">
        <v>52</v>
      </c>
      <c r="W4" s="543" t="s">
        <v>61</v>
      </c>
      <c r="X4" s="544"/>
      <c r="Y4" s="545"/>
      <c r="Z4" s="546" t="s">
        <v>62</v>
      </c>
      <c r="AA4" s="547"/>
      <c r="AB4" s="547"/>
      <c r="AC4" s="547"/>
      <c r="AD4" s="547"/>
      <c r="AE4" s="548"/>
      <c r="AF4" s="558" t="s">
        <v>52</v>
      </c>
      <c r="AG4" s="543" t="s">
        <v>61</v>
      </c>
      <c r="AH4" s="544"/>
      <c r="AI4" s="545"/>
      <c r="AJ4" s="546" t="s">
        <v>62</v>
      </c>
      <c r="AK4" s="547"/>
      <c r="AL4" s="547"/>
      <c r="AM4" s="547"/>
      <c r="AN4" s="547"/>
      <c r="AO4" s="548"/>
      <c r="AP4" s="549" t="s">
        <v>52</v>
      </c>
    </row>
    <row r="5" spans="2:43" ht="30" customHeight="1" thickBot="1" x14ac:dyDescent="0.25">
      <c r="B5" s="320" t="s">
        <v>42</v>
      </c>
      <c r="C5" s="26" t="s">
        <v>43</v>
      </c>
      <c r="D5" s="27" t="s">
        <v>44</v>
      </c>
      <c r="E5" s="27" t="s">
        <v>45</v>
      </c>
      <c r="F5" s="28" t="s">
        <v>47</v>
      </c>
      <c r="G5" s="29" t="s">
        <v>48</v>
      </c>
      <c r="H5" s="29" t="s">
        <v>49</v>
      </c>
      <c r="I5" s="30" t="s">
        <v>50</v>
      </c>
      <c r="J5" s="27" t="s">
        <v>51</v>
      </c>
      <c r="K5" s="31" t="s">
        <v>95</v>
      </c>
      <c r="L5" s="559"/>
      <c r="M5" s="26" t="s">
        <v>43</v>
      </c>
      <c r="N5" s="27" t="s">
        <v>44</v>
      </c>
      <c r="O5" s="31" t="s">
        <v>45</v>
      </c>
      <c r="P5" s="12" t="s">
        <v>47</v>
      </c>
      <c r="Q5" s="29" t="s">
        <v>48</v>
      </c>
      <c r="R5" s="29" t="s">
        <v>49</v>
      </c>
      <c r="S5" s="30" t="s">
        <v>50</v>
      </c>
      <c r="T5" s="27" t="s">
        <v>51</v>
      </c>
      <c r="U5" s="31" t="s">
        <v>45</v>
      </c>
      <c r="V5" s="550"/>
      <c r="W5" s="26" t="s">
        <v>43</v>
      </c>
      <c r="X5" s="27" t="s">
        <v>44</v>
      </c>
      <c r="Y5" s="27" t="s">
        <v>45</v>
      </c>
      <c r="Z5" s="28" t="s">
        <v>47</v>
      </c>
      <c r="AA5" s="29" t="s">
        <v>48</v>
      </c>
      <c r="AB5" s="29" t="s">
        <v>49</v>
      </c>
      <c r="AC5" s="30" t="s">
        <v>50</v>
      </c>
      <c r="AD5" s="27" t="s">
        <v>51</v>
      </c>
      <c r="AE5" s="31" t="s">
        <v>45</v>
      </c>
      <c r="AF5" s="559"/>
      <c r="AG5" s="26" t="s">
        <v>43</v>
      </c>
      <c r="AH5" s="27" t="s">
        <v>44</v>
      </c>
      <c r="AI5" s="27" t="s">
        <v>45</v>
      </c>
      <c r="AJ5" s="28" t="s">
        <v>47</v>
      </c>
      <c r="AK5" s="29" t="s">
        <v>48</v>
      </c>
      <c r="AL5" s="29" t="s">
        <v>49</v>
      </c>
      <c r="AM5" s="30" t="s">
        <v>50</v>
      </c>
      <c r="AN5" s="27" t="s">
        <v>51</v>
      </c>
      <c r="AO5" s="31" t="s">
        <v>45</v>
      </c>
      <c r="AP5" s="550"/>
    </row>
    <row r="6" spans="2:43" ht="21" customHeight="1" x14ac:dyDescent="0.2">
      <c r="B6" s="435" t="s">
        <v>4</v>
      </c>
      <c r="C6" s="168">
        <v>0</v>
      </c>
      <c r="D6" s="169">
        <v>0</v>
      </c>
      <c r="E6" s="169">
        <v>0</v>
      </c>
      <c r="F6" s="170">
        <v>10</v>
      </c>
      <c r="G6" s="171">
        <v>38</v>
      </c>
      <c r="H6" s="171">
        <v>289</v>
      </c>
      <c r="I6" s="171">
        <v>395</v>
      </c>
      <c r="J6" s="169">
        <v>273</v>
      </c>
      <c r="K6" s="172">
        <v>1005</v>
      </c>
      <c r="L6" s="173">
        <v>1005</v>
      </c>
      <c r="M6" s="168">
        <v>0</v>
      </c>
      <c r="N6" s="169">
        <v>0</v>
      </c>
      <c r="O6" s="172">
        <v>0</v>
      </c>
      <c r="P6" s="175">
        <v>59</v>
      </c>
      <c r="Q6" s="171">
        <v>131</v>
      </c>
      <c r="R6" s="171">
        <v>186</v>
      </c>
      <c r="S6" s="171">
        <v>260</v>
      </c>
      <c r="T6" s="169">
        <v>121</v>
      </c>
      <c r="U6" s="172">
        <v>757</v>
      </c>
      <c r="V6" s="176">
        <v>757</v>
      </c>
      <c r="W6" s="175">
        <v>0</v>
      </c>
      <c r="X6" s="169">
        <v>0</v>
      </c>
      <c r="Y6" s="169">
        <v>0</v>
      </c>
      <c r="Z6" s="170">
        <v>0</v>
      </c>
      <c r="AA6" s="171">
        <v>0</v>
      </c>
      <c r="AB6" s="171">
        <v>2</v>
      </c>
      <c r="AC6" s="171">
        <v>3</v>
      </c>
      <c r="AD6" s="169">
        <v>3</v>
      </c>
      <c r="AE6" s="172">
        <v>8</v>
      </c>
      <c r="AF6" s="173">
        <v>8</v>
      </c>
      <c r="AG6" s="168">
        <v>0</v>
      </c>
      <c r="AH6" s="169">
        <v>0</v>
      </c>
      <c r="AI6" s="169">
        <v>0</v>
      </c>
      <c r="AJ6" s="170">
        <v>0</v>
      </c>
      <c r="AK6" s="171">
        <v>2</v>
      </c>
      <c r="AL6" s="171">
        <v>1</v>
      </c>
      <c r="AM6" s="171">
        <v>10</v>
      </c>
      <c r="AN6" s="169">
        <v>26</v>
      </c>
      <c r="AO6" s="172">
        <v>39</v>
      </c>
      <c r="AP6" s="174">
        <v>39</v>
      </c>
      <c r="AQ6" s="32"/>
    </row>
    <row r="7" spans="2:43" ht="21" customHeight="1" x14ac:dyDescent="0.2">
      <c r="B7" s="436" t="s">
        <v>5</v>
      </c>
      <c r="C7" s="177">
        <v>0</v>
      </c>
      <c r="D7" s="178">
        <v>0</v>
      </c>
      <c r="E7" s="178">
        <v>0</v>
      </c>
      <c r="F7" s="179">
        <v>7</v>
      </c>
      <c r="G7" s="180">
        <v>26</v>
      </c>
      <c r="H7" s="180">
        <v>154</v>
      </c>
      <c r="I7" s="180">
        <v>175</v>
      </c>
      <c r="J7" s="178">
        <v>111</v>
      </c>
      <c r="K7" s="181">
        <v>473</v>
      </c>
      <c r="L7" s="182">
        <v>473</v>
      </c>
      <c r="M7" s="177">
        <v>0</v>
      </c>
      <c r="N7" s="178">
        <v>0</v>
      </c>
      <c r="O7" s="181">
        <v>0</v>
      </c>
      <c r="P7" s="184">
        <v>25</v>
      </c>
      <c r="Q7" s="180">
        <v>72</v>
      </c>
      <c r="R7" s="180">
        <v>87</v>
      </c>
      <c r="S7" s="180">
        <v>121</v>
      </c>
      <c r="T7" s="178">
        <v>66</v>
      </c>
      <c r="U7" s="181">
        <v>371</v>
      </c>
      <c r="V7" s="185">
        <v>371</v>
      </c>
      <c r="W7" s="184">
        <v>0</v>
      </c>
      <c r="X7" s="178">
        <v>0</v>
      </c>
      <c r="Y7" s="178">
        <v>0</v>
      </c>
      <c r="Z7" s="179">
        <v>0</v>
      </c>
      <c r="AA7" s="180">
        <v>0</v>
      </c>
      <c r="AB7" s="180">
        <v>0</v>
      </c>
      <c r="AC7" s="180">
        <v>1</v>
      </c>
      <c r="AD7" s="178">
        <v>1</v>
      </c>
      <c r="AE7" s="181">
        <v>2</v>
      </c>
      <c r="AF7" s="182">
        <v>2</v>
      </c>
      <c r="AG7" s="177">
        <v>0</v>
      </c>
      <c r="AH7" s="178">
        <v>0</v>
      </c>
      <c r="AI7" s="178">
        <v>0</v>
      </c>
      <c r="AJ7" s="179">
        <v>0</v>
      </c>
      <c r="AK7" s="180">
        <v>0</v>
      </c>
      <c r="AL7" s="180">
        <v>0</v>
      </c>
      <c r="AM7" s="180">
        <v>6</v>
      </c>
      <c r="AN7" s="178">
        <v>10</v>
      </c>
      <c r="AO7" s="181">
        <v>16</v>
      </c>
      <c r="AP7" s="183">
        <v>16</v>
      </c>
      <c r="AQ7" s="32"/>
    </row>
    <row r="8" spans="2:43" ht="21" customHeight="1" x14ac:dyDescent="0.2">
      <c r="B8" s="437" t="s">
        <v>6</v>
      </c>
      <c r="C8" s="177">
        <v>0</v>
      </c>
      <c r="D8" s="178">
        <v>0</v>
      </c>
      <c r="E8" s="178">
        <v>0</v>
      </c>
      <c r="F8" s="179">
        <v>2</v>
      </c>
      <c r="G8" s="180">
        <v>4</v>
      </c>
      <c r="H8" s="180">
        <v>37</v>
      </c>
      <c r="I8" s="180">
        <v>45</v>
      </c>
      <c r="J8" s="178">
        <v>39</v>
      </c>
      <c r="K8" s="181">
        <v>127</v>
      </c>
      <c r="L8" s="182">
        <v>127</v>
      </c>
      <c r="M8" s="177">
        <v>0</v>
      </c>
      <c r="N8" s="178">
        <v>0</v>
      </c>
      <c r="O8" s="181">
        <v>0</v>
      </c>
      <c r="P8" s="184">
        <v>10</v>
      </c>
      <c r="Q8" s="180">
        <v>8</v>
      </c>
      <c r="R8" s="180">
        <v>21</v>
      </c>
      <c r="S8" s="180">
        <v>47</v>
      </c>
      <c r="T8" s="178">
        <v>16</v>
      </c>
      <c r="U8" s="181">
        <v>102</v>
      </c>
      <c r="V8" s="185">
        <v>102</v>
      </c>
      <c r="W8" s="184">
        <v>0</v>
      </c>
      <c r="X8" s="178">
        <v>0</v>
      </c>
      <c r="Y8" s="178">
        <v>0</v>
      </c>
      <c r="Z8" s="179">
        <v>0</v>
      </c>
      <c r="AA8" s="180">
        <v>0</v>
      </c>
      <c r="AB8" s="180">
        <v>2</v>
      </c>
      <c r="AC8" s="180">
        <v>1</v>
      </c>
      <c r="AD8" s="178">
        <v>1</v>
      </c>
      <c r="AE8" s="181">
        <v>4</v>
      </c>
      <c r="AF8" s="182">
        <v>4</v>
      </c>
      <c r="AG8" s="177">
        <v>0</v>
      </c>
      <c r="AH8" s="178">
        <v>0</v>
      </c>
      <c r="AI8" s="178">
        <v>0</v>
      </c>
      <c r="AJ8" s="179">
        <v>0</v>
      </c>
      <c r="AK8" s="180">
        <v>0</v>
      </c>
      <c r="AL8" s="180">
        <v>0</v>
      </c>
      <c r="AM8" s="180">
        <v>1</v>
      </c>
      <c r="AN8" s="178">
        <v>4</v>
      </c>
      <c r="AO8" s="181">
        <v>5</v>
      </c>
      <c r="AP8" s="183">
        <v>5</v>
      </c>
      <c r="AQ8" s="32"/>
    </row>
    <row r="9" spans="2:43" ht="21" customHeight="1" x14ac:dyDescent="0.2">
      <c r="B9" s="437" t="s">
        <v>14</v>
      </c>
      <c r="C9" s="177">
        <v>0</v>
      </c>
      <c r="D9" s="178">
        <v>0</v>
      </c>
      <c r="E9" s="178">
        <v>0</v>
      </c>
      <c r="F9" s="179">
        <v>0</v>
      </c>
      <c r="G9" s="180">
        <v>0</v>
      </c>
      <c r="H9" s="180">
        <v>21</v>
      </c>
      <c r="I9" s="180">
        <v>38</v>
      </c>
      <c r="J9" s="178">
        <v>20</v>
      </c>
      <c r="K9" s="181">
        <v>79</v>
      </c>
      <c r="L9" s="182">
        <v>79</v>
      </c>
      <c r="M9" s="177">
        <v>0</v>
      </c>
      <c r="N9" s="178">
        <v>0</v>
      </c>
      <c r="O9" s="181">
        <v>0</v>
      </c>
      <c r="P9" s="184">
        <v>2</v>
      </c>
      <c r="Q9" s="180">
        <v>12</v>
      </c>
      <c r="R9" s="180">
        <v>8</v>
      </c>
      <c r="S9" s="180">
        <v>17</v>
      </c>
      <c r="T9" s="178">
        <v>10</v>
      </c>
      <c r="U9" s="181">
        <v>49</v>
      </c>
      <c r="V9" s="185">
        <v>49</v>
      </c>
      <c r="W9" s="184">
        <v>0</v>
      </c>
      <c r="X9" s="178">
        <v>0</v>
      </c>
      <c r="Y9" s="178">
        <v>0</v>
      </c>
      <c r="Z9" s="179">
        <v>0</v>
      </c>
      <c r="AA9" s="180">
        <v>0</v>
      </c>
      <c r="AB9" s="180">
        <v>0</v>
      </c>
      <c r="AC9" s="180">
        <v>1</v>
      </c>
      <c r="AD9" s="178">
        <v>1</v>
      </c>
      <c r="AE9" s="181">
        <v>2</v>
      </c>
      <c r="AF9" s="182">
        <v>2</v>
      </c>
      <c r="AG9" s="177">
        <v>0</v>
      </c>
      <c r="AH9" s="178">
        <v>0</v>
      </c>
      <c r="AI9" s="178">
        <v>0</v>
      </c>
      <c r="AJ9" s="179">
        <v>0</v>
      </c>
      <c r="AK9" s="180">
        <v>0</v>
      </c>
      <c r="AL9" s="180">
        <v>1</v>
      </c>
      <c r="AM9" s="180">
        <v>0</v>
      </c>
      <c r="AN9" s="178">
        <v>3</v>
      </c>
      <c r="AO9" s="181">
        <v>4</v>
      </c>
      <c r="AP9" s="183">
        <v>4</v>
      </c>
      <c r="AQ9" s="32"/>
    </row>
    <row r="10" spans="2:43" ht="21" customHeight="1" x14ac:dyDescent="0.2">
      <c r="B10" s="437" t="s">
        <v>7</v>
      </c>
      <c r="C10" s="177">
        <v>0</v>
      </c>
      <c r="D10" s="178">
        <v>0</v>
      </c>
      <c r="E10" s="178">
        <v>0</v>
      </c>
      <c r="F10" s="179">
        <v>0</v>
      </c>
      <c r="G10" s="180">
        <v>1</v>
      </c>
      <c r="H10" s="180">
        <v>8</v>
      </c>
      <c r="I10" s="180">
        <v>15</v>
      </c>
      <c r="J10" s="178">
        <v>10</v>
      </c>
      <c r="K10" s="181">
        <v>34</v>
      </c>
      <c r="L10" s="182">
        <v>34</v>
      </c>
      <c r="M10" s="177">
        <v>0</v>
      </c>
      <c r="N10" s="178">
        <v>0</v>
      </c>
      <c r="O10" s="181">
        <v>0</v>
      </c>
      <c r="P10" s="184">
        <v>2</v>
      </c>
      <c r="Q10" s="180">
        <v>1</v>
      </c>
      <c r="R10" s="180">
        <v>5</v>
      </c>
      <c r="S10" s="180">
        <v>7</v>
      </c>
      <c r="T10" s="178">
        <v>0</v>
      </c>
      <c r="U10" s="181">
        <v>15</v>
      </c>
      <c r="V10" s="185">
        <v>15</v>
      </c>
      <c r="W10" s="184">
        <v>0</v>
      </c>
      <c r="X10" s="178">
        <v>0</v>
      </c>
      <c r="Y10" s="178">
        <v>0</v>
      </c>
      <c r="Z10" s="179">
        <v>0</v>
      </c>
      <c r="AA10" s="180">
        <v>0</v>
      </c>
      <c r="AB10" s="180">
        <v>0</v>
      </c>
      <c r="AC10" s="180">
        <v>0</v>
      </c>
      <c r="AD10" s="178">
        <v>0</v>
      </c>
      <c r="AE10" s="181">
        <v>0</v>
      </c>
      <c r="AF10" s="182">
        <v>0</v>
      </c>
      <c r="AG10" s="177">
        <v>0</v>
      </c>
      <c r="AH10" s="178">
        <v>0</v>
      </c>
      <c r="AI10" s="178">
        <v>0</v>
      </c>
      <c r="AJ10" s="179">
        <v>0</v>
      </c>
      <c r="AK10" s="180">
        <v>0</v>
      </c>
      <c r="AL10" s="180">
        <v>0</v>
      </c>
      <c r="AM10" s="180">
        <v>0</v>
      </c>
      <c r="AN10" s="178">
        <v>0</v>
      </c>
      <c r="AO10" s="181">
        <v>0</v>
      </c>
      <c r="AP10" s="183">
        <v>0</v>
      </c>
      <c r="AQ10" s="32"/>
    </row>
    <row r="11" spans="2:43" ht="21" customHeight="1" x14ac:dyDescent="0.2">
      <c r="B11" s="437" t="s">
        <v>8</v>
      </c>
      <c r="C11" s="177">
        <v>0</v>
      </c>
      <c r="D11" s="178">
        <v>0</v>
      </c>
      <c r="E11" s="178">
        <v>0</v>
      </c>
      <c r="F11" s="179">
        <v>0</v>
      </c>
      <c r="G11" s="180">
        <v>1</v>
      </c>
      <c r="H11" s="180">
        <v>5</v>
      </c>
      <c r="I11" s="180">
        <v>6</v>
      </c>
      <c r="J11" s="178">
        <v>5</v>
      </c>
      <c r="K11" s="181">
        <v>17</v>
      </c>
      <c r="L11" s="182">
        <v>17</v>
      </c>
      <c r="M11" s="177">
        <v>0</v>
      </c>
      <c r="N11" s="178">
        <v>0</v>
      </c>
      <c r="O11" s="181">
        <v>0</v>
      </c>
      <c r="P11" s="184">
        <v>3</v>
      </c>
      <c r="Q11" s="180">
        <v>3</v>
      </c>
      <c r="R11" s="180">
        <v>8</v>
      </c>
      <c r="S11" s="180">
        <v>6</v>
      </c>
      <c r="T11" s="178">
        <v>1</v>
      </c>
      <c r="U11" s="181">
        <v>21</v>
      </c>
      <c r="V11" s="185">
        <v>21</v>
      </c>
      <c r="W11" s="184">
        <v>0</v>
      </c>
      <c r="X11" s="178">
        <v>0</v>
      </c>
      <c r="Y11" s="178">
        <v>0</v>
      </c>
      <c r="Z11" s="179">
        <v>0</v>
      </c>
      <c r="AA11" s="180">
        <v>0</v>
      </c>
      <c r="AB11" s="180">
        <v>0</v>
      </c>
      <c r="AC11" s="180">
        <v>0</v>
      </c>
      <c r="AD11" s="178">
        <v>0</v>
      </c>
      <c r="AE11" s="181">
        <v>0</v>
      </c>
      <c r="AF11" s="182">
        <v>0</v>
      </c>
      <c r="AG11" s="177">
        <v>0</v>
      </c>
      <c r="AH11" s="178">
        <v>0</v>
      </c>
      <c r="AI11" s="178">
        <v>0</v>
      </c>
      <c r="AJ11" s="179">
        <v>0</v>
      </c>
      <c r="AK11" s="180">
        <v>1</v>
      </c>
      <c r="AL11" s="180">
        <v>0</v>
      </c>
      <c r="AM11" s="180">
        <v>0</v>
      </c>
      <c r="AN11" s="178">
        <v>0</v>
      </c>
      <c r="AO11" s="181">
        <v>1</v>
      </c>
      <c r="AP11" s="183">
        <v>1</v>
      </c>
      <c r="AQ11" s="32"/>
    </row>
    <row r="12" spans="2:43" ht="21" customHeight="1" x14ac:dyDescent="0.2">
      <c r="B12" s="437" t="s">
        <v>9</v>
      </c>
      <c r="C12" s="177">
        <v>0</v>
      </c>
      <c r="D12" s="178">
        <v>0</v>
      </c>
      <c r="E12" s="178">
        <v>0</v>
      </c>
      <c r="F12" s="179">
        <v>1</v>
      </c>
      <c r="G12" s="180">
        <v>0</v>
      </c>
      <c r="H12" s="180">
        <v>6</v>
      </c>
      <c r="I12" s="180">
        <v>17</v>
      </c>
      <c r="J12" s="178">
        <v>12</v>
      </c>
      <c r="K12" s="181">
        <v>36</v>
      </c>
      <c r="L12" s="182">
        <v>36</v>
      </c>
      <c r="M12" s="177">
        <v>0</v>
      </c>
      <c r="N12" s="178">
        <v>0</v>
      </c>
      <c r="O12" s="181">
        <v>0</v>
      </c>
      <c r="P12" s="184">
        <v>2</v>
      </c>
      <c r="Q12" s="180">
        <v>4</v>
      </c>
      <c r="R12" s="180">
        <v>9</v>
      </c>
      <c r="S12" s="180">
        <v>6</v>
      </c>
      <c r="T12" s="178">
        <v>6</v>
      </c>
      <c r="U12" s="181">
        <v>27</v>
      </c>
      <c r="V12" s="185">
        <v>27</v>
      </c>
      <c r="W12" s="184">
        <v>0</v>
      </c>
      <c r="X12" s="178">
        <v>0</v>
      </c>
      <c r="Y12" s="178">
        <v>0</v>
      </c>
      <c r="Z12" s="179">
        <v>0</v>
      </c>
      <c r="AA12" s="180">
        <v>0</v>
      </c>
      <c r="AB12" s="180">
        <v>0</v>
      </c>
      <c r="AC12" s="180">
        <v>0</v>
      </c>
      <c r="AD12" s="178">
        <v>0</v>
      </c>
      <c r="AE12" s="181">
        <v>0</v>
      </c>
      <c r="AF12" s="182">
        <v>0</v>
      </c>
      <c r="AG12" s="177">
        <v>0</v>
      </c>
      <c r="AH12" s="178">
        <v>0</v>
      </c>
      <c r="AI12" s="178">
        <v>0</v>
      </c>
      <c r="AJ12" s="179">
        <v>0</v>
      </c>
      <c r="AK12" s="180">
        <v>0</v>
      </c>
      <c r="AL12" s="180">
        <v>0</v>
      </c>
      <c r="AM12" s="180">
        <v>0</v>
      </c>
      <c r="AN12" s="178">
        <v>0</v>
      </c>
      <c r="AO12" s="181">
        <v>0</v>
      </c>
      <c r="AP12" s="183">
        <v>0</v>
      </c>
      <c r="AQ12" s="32"/>
    </row>
    <row r="13" spans="2:43" ht="21" customHeight="1" x14ac:dyDescent="0.2">
      <c r="B13" s="437" t="s">
        <v>10</v>
      </c>
      <c r="C13" s="177">
        <v>0</v>
      </c>
      <c r="D13" s="178">
        <v>0</v>
      </c>
      <c r="E13" s="178">
        <v>0</v>
      </c>
      <c r="F13" s="179">
        <v>0</v>
      </c>
      <c r="G13" s="180">
        <v>2</v>
      </c>
      <c r="H13" s="180">
        <v>14</v>
      </c>
      <c r="I13" s="180">
        <v>16</v>
      </c>
      <c r="J13" s="178">
        <v>18</v>
      </c>
      <c r="K13" s="181">
        <v>50</v>
      </c>
      <c r="L13" s="182">
        <v>50</v>
      </c>
      <c r="M13" s="177">
        <v>0</v>
      </c>
      <c r="N13" s="178">
        <v>0</v>
      </c>
      <c r="O13" s="181">
        <v>0</v>
      </c>
      <c r="P13" s="184">
        <v>2</v>
      </c>
      <c r="Q13" s="180">
        <v>2</v>
      </c>
      <c r="R13" s="180">
        <v>5</v>
      </c>
      <c r="S13" s="180">
        <v>8</v>
      </c>
      <c r="T13" s="178">
        <v>2</v>
      </c>
      <c r="U13" s="181">
        <v>19</v>
      </c>
      <c r="V13" s="185">
        <v>19</v>
      </c>
      <c r="W13" s="184">
        <v>0</v>
      </c>
      <c r="X13" s="178">
        <v>0</v>
      </c>
      <c r="Y13" s="178">
        <v>0</v>
      </c>
      <c r="Z13" s="179">
        <v>0</v>
      </c>
      <c r="AA13" s="180">
        <v>0</v>
      </c>
      <c r="AB13" s="180">
        <v>0</v>
      </c>
      <c r="AC13" s="180">
        <v>0</v>
      </c>
      <c r="AD13" s="178">
        <v>0</v>
      </c>
      <c r="AE13" s="181">
        <v>0</v>
      </c>
      <c r="AF13" s="182">
        <v>0</v>
      </c>
      <c r="AG13" s="177">
        <v>0</v>
      </c>
      <c r="AH13" s="178">
        <v>0</v>
      </c>
      <c r="AI13" s="178">
        <v>0</v>
      </c>
      <c r="AJ13" s="179">
        <v>0</v>
      </c>
      <c r="AK13" s="180">
        <v>0</v>
      </c>
      <c r="AL13" s="180">
        <v>0</v>
      </c>
      <c r="AM13" s="180">
        <v>0</v>
      </c>
      <c r="AN13" s="178">
        <v>1</v>
      </c>
      <c r="AO13" s="181">
        <v>1</v>
      </c>
      <c r="AP13" s="183">
        <v>1</v>
      </c>
      <c r="AQ13" s="32"/>
    </row>
    <row r="14" spans="2:43" ht="21" customHeight="1" x14ac:dyDescent="0.2">
      <c r="B14" s="437" t="s">
        <v>11</v>
      </c>
      <c r="C14" s="177">
        <v>0</v>
      </c>
      <c r="D14" s="178">
        <v>0</v>
      </c>
      <c r="E14" s="178">
        <v>0</v>
      </c>
      <c r="F14" s="179">
        <v>0</v>
      </c>
      <c r="G14" s="180">
        <v>0</v>
      </c>
      <c r="H14" s="180">
        <v>7</v>
      </c>
      <c r="I14" s="180">
        <v>8</v>
      </c>
      <c r="J14" s="178">
        <v>6</v>
      </c>
      <c r="K14" s="181">
        <v>21</v>
      </c>
      <c r="L14" s="182">
        <v>21</v>
      </c>
      <c r="M14" s="177">
        <v>0</v>
      </c>
      <c r="N14" s="178">
        <v>0</v>
      </c>
      <c r="O14" s="181">
        <v>0</v>
      </c>
      <c r="P14" s="184">
        <v>1</v>
      </c>
      <c r="Q14" s="180">
        <v>3</v>
      </c>
      <c r="R14" s="180">
        <v>5</v>
      </c>
      <c r="S14" s="180">
        <v>3</v>
      </c>
      <c r="T14" s="178">
        <v>0</v>
      </c>
      <c r="U14" s="181">
        <v>12</v>
      </c>
      <c r="V14" s="185">
        <v>12</v>
      </c>
      <c r="W14" s="184">
        <v>0</v>
      </c>
      <c r="X14" s="178">
        <v>0</v>
      </c>
      <c r="Y14" s="178">
        <v>0</v>
      </c>
      <c r="Z14" s="179">
        <v>0</v>
      </c>
      <c r="AA14" s="180">
        <v>0</v>
      </c>
      <c r="AB14" s="180">
        <v>0</v>
      </c>
      <c r="AC14" s="180">
        <v>0</v>
      </c>
      <c r="AD14" s="178">
        <v>0</v>
      </c>
      <c r="AE14" s="181">
        <v>0</v>
      </c>
      <c r="AF14" s="182">
        <v>0</v>
      </c>
      <c r="AG14" s="177">
        <v>0</v>
      </c>
      <c r="AH14" s="178">
        <v>0</v>
      </c>
      <c r="AI14" s="178">
        <v>0</v>
      </c>
      <c r="AJ14" s="179">
        <v>0</v>
      </c>
      <c r="AK14" s="180">
        <v>1</v>
      </c>
      <c r="AL14" s="180">
        <v>0</v>
      </c>
      <c r="AM14" s="180">
        <v>0</v>
      </c>
      <c r="AN14" s="178">
        <v>0</v>
      </c>
      <c r="AO14" s="181">
        <v>1</v>
      </c>
      <c r="AP14" s="183">
        <v>1</v>
      </c>
      <c r="AQ14" s="32"/>
    </row>
    <row r="15" spans="2:43" ht="21" customHeight="1" x14ac:dyDescent="0.2">
      <c r="B15" s="437" t="s">
        <v>12</v>
      </c>
      <c r="C15" s="177">
        <v>0</v>
      </c>
      <c r="D15" s="178">
        <v>0</v>
      </c>
      <c r="E15" s="178">
        <v>0</v>
      </c>
      <c r="F15" s="179">
        <v>0</v>
      </c>
      <c r="G15" s="180">
        <v>0</v>
      </c>
      <c r="H15" s="180">
        <v>1</v>
      </c>
      <c r="I15" s="180">
        <v>11</v>
      </c>
      <c r="J15" s="178">
        <v>4</v>
      </c>
      <c r="K15" s="181">
        <v>16</v>
      </c>
      <c r="L15" s="182">
        <v>16</v>
      </c>
      <c r="M15" s="177">
        <v>0</v>
      </c>
      <c r="N15" s="178">
        <v>0</v>
      </c>
      <c r="O15" s="181">
        <v>0</v>
      </c>
      <c r="P15" s="184">
        <v>0</v>
      </c>
      <c r="Q15" s="180">
        <v>3</v>
      </c>
      <c r="R15" s="180">
        <v>3</v>
      </c>
      <c r="S15" s="180">
        <v>7</v>
      </c>
      <c r="T15" s="178">
        <v>5</v>
      </c>
      <c r="U15" s="181">
        <v>18</v>
      </c>
      <c r="V15" s="185">
        <v>18</v>
      </c>
      <c r="W15" s="184">
        <v>0</v>
      </c>
      <c r="X15" s="178">
        <v>0</v>
      </c>
      <c r="Y15" s="178">
        <v>0</v>
      </c>
      <c r="Z15" s="179">
        <v>0</v>
      </c>
      <c r="AA15" s="180">
        <v>0</v>
      </c>
      <c r="AB15" s="180">
        <v>0</v>
      </c>
      <c r="AC15" s="180">
        <v>0</v>
      </c>
      <c r="AD15" s="178">
        <v>0</v>
      </c>
      <c r="AE15" s="181">
        <v>0</v>
      </c>
      <c r="AF15" s="182">
        <v>0</v>
      </c>
      <c r="AG15" s="177">
        <v>0</v>
      </c>
      <c r="AH15" s="178">
        <v>0</v>
      </c>
      <c r="AI15" s="178">
        <v>0</v>
      </c>
      <c r="AJ15" s="179">
        <v>0</v>
      </c>
      <c r="AK15" s="180">
        <v>0</v>
      </c>
      <c r="AL15" s="180">
        <v>0</v>
      </c>
      <c r="AM15" s="180">
        <v>2</v>
      </c>
      <c r="AN15" s="178">
        <v>0</v>
      </c>
      <c r="AO15" s="181">
        <v>2</v>
      </c>
      <c r="AP15" s="183">
        <v>2</v>
      </c>
      <c r="AQ15" s="32"/>
    </row>
    <row r="16" spans="2:43" ht="21" customHeight="1" x14ac:dyDescent="0.2">
      <c r="B16" s="437" t="s">
        <v>13</v>
      </c>
      <c r="C16" s="177">
        <v>0</v>
      </c>
      <c r="D16" s="178">
        <v>0</v>
      </c>
      <c r="E16" s="178">
        <v>0</v>
      </c>
      <c r="F16" s="179">
        <v>0</v>
      </c>
      <c r="G16" s="180">
        <v>0</v>
      </c>
      <c r="H16" s="180">
        <v>0</v>
      </c>
      <c r="I16" s="180">
        <v>6</v>
      </c>
      <c r="J16" s="178">
        <v>5</v>
      </c>
      <c r="K16" s="181">
        <v>11</v>
      </c>
      <c r="L16" s="182">
        <v>11</v>
      </c>
      <c r="M16" s="177">
        <v>0</v>
      </c>
      <c r="N16" s="178">
        <v>0</v>
      </c>
      <c r="O16" s="181">
        <v>0</v>
      </c>
      <c r="P16" s="184">
        <v>0</v>
      </c>
      <c r="Q16" s="180">
        <v>2</v>
      </c>
      <c r="R16" s="180">
        <v>1</v>
      </c>
      <c r="S16" s="180">
        <v>1</v>
      </c>
      <c r="T16" s="178">
        <v>2</v>
      </c>
      <c r="U16" s="181">
        <v>6</v>
      </c>
      <c r="V16" s="185">
        <v>6</v>
      </c>
      <c r="W16" s="184">
        <v>0</v>
      </c>
      <c r="X16" s="178">
        <v>0</v>
      </c>
      <c r="Y16" s="178">
        <v>0</v>
      </c>
      <c r="Z16" s="179">
        <v>0</v>
      </c>
      <c r="AA16" s="180">
        <v>0</v>
      </c>
      <c r="AB16" s="180">
        <v>0</v>
      </c>
      <c r="AC16" s="180">
        <v>0</v>
      </c>
      <c r="AD16" s="178">
        <v>0</v>
      </c>
      <c r="AE16" s="181">
        <v>0</v>
      </c>
      <c r="AF16" s="182">
        <v>0</v>
      </c>
      <c r="AG16" s="177">
        <v>0</v>
      </c>
      <c r="AH16" s="178">
        <v>0</v>
      </c>
      <c r="AI16" s="178">
        <v>0</v>
      </c>
      <c r="AJ16" s="179">
        <v>0</v>
      </c>
      <c r="AK16" s="180">
        <v>0</v>
      </c>
      <c r="AL16" s="180">
        <v>0</v>
      </c>
      <c r="AM16" s="180">
        <v>0</v>
      </c>
      <c r="AN16" s="178">
        <v>0</v>
      </c>
      <c r="AO16" s="181">
        <v>0</v>
      </c>
      <c r="AP16" s="183">
        <v>0</v>
      </c>
      <c r="AQ16" s="32"/>
    </row>
    <row r="17" spans="2:43" ht="21" customHeight="1" x14ac:dyDescent="0.2">
      <c r="B17" s="437" t="s">
        <v>15</v>
      </c>
      <c r="C17" s="177">
        <v>0</v>
      </c>
      <c r="D17" s="178">
        <v>0</v>
      </c>
      <c r="E17" s="178">
        <v>0</v>
      </c>
      <c r="F17" s="179">
        <v>0</v>
      </c>
      <c r="G17" s="180">
        <v>0</v>
      </c>
      <c r="H17" s="180">
        <v>0</v>
      </c>
      <c r="I17" s="180">
        <v>0</v>
      </c>
      <c r="J17" s="178">
        <v>2</v>
      </c>
      <c r="K17" s="181">
        <v>2</v>
      </c>
      <c r="L17" s="182">
        <v>2</v>
      </c>
      <c r="M17" s="177">
        <v>0</v>
      </c>
      <c r="N17" s="178">
        <v>0</v>
      </c>
      <c r="O17" s="181">
        <v>0</v>
      </c>
      <c r="P17" s="184">
        <v>0</v>
      </c>
      <c r="Q17" s="180">
        <v>0</v>
      </c>
      <c r="R17" s="180">
        <v>2</v>
      </c>
      <c r="S17" s="180">
        <v>1</v>
      </c>
      <c r="T17" s="178">
        <v>0</v>
      </c>
      <c r="U17" s="181">
        <v>3</v>
      </c>
      <c r="V17" s="185">
        <v>3</v>
      </c>
      <c r="W17" s="184">
        <v>0</v>
      </c>
      <c r="X17" s="178">
        <v>0</v>
      </c>
      <c r="Y17" s="178">
        <v>0</v>
      </c>
      <c r="Z17" s="179">
        <v>0</v>
      </c>
      <c r="AA17" s="180">
        <v>0</v>
      </c>
      <c r="AB17" s="180">
        <v>0</v>
      </c>
      <c r="AC17" s="180">
        <v>0</v>
      </c>
      <c r="AD17" s="178">
        <v>0</v>
      </c>
      <c r="AE17" s="181">
        <v>0</v>
      </c>
      <c r="AF17" s="182">
        <v>0</v>
      </c>
      <c r="AG17" s="177">
        <v>0</v>
      </c>
      <c r="AH17" s="178">
        <v>0</v>
      </c>
      <c r="AI17" s="178">
        <v>0</v>
      </c>
      <c r="AJ17" s="179">
        <v>0</v>
      </c>
      <c r="AK17" s="180">
        <v>0</v>
      </c>
      <c r="AL17" s="180">
        <v>0</v>
      </c>
      <c r="AM17" s="180">
        <v>0</v>
      </c>
      <c r="AN17" s="178">
        <v>0</v>
      </c>
      <c r="AO17" s="181">
        <v>0</v>
      </c>
      <c r="AP17" s="183">
        <v>0</v>
      </c>
      <c r="AQ17" s="32"/>
    </row>
    <row r="18" spans="2:43" ht="21" customHeight="1" x14ac:dyDescent="0.2">
      <c r="B18" s="437" t="s">
        <v>16</v>
      </c>
      <c r="C18" s="177">
        <v>0</v>
      </c>
      <c r="D18" s="178">
        <v>0</v>
      </c>
      <c r="E18" s="178">
        <v>0</v>
      </c>
      <c r="F18" s="179">
        <v>0</v>
      </c>
      <c r="G18" s="180">
        <v>0</v>
      </c>
      <c r="H18" s="180">
        <v>6</v>
      </c>
      <c r="I18" s="180">
        <v>8</v>
      </c>
      <c r="J18" s="178">
        <v>3</v>
      </c>
      <c r="K18" s="181">
        <v>17</v>
      </c>
      <c r="L18" s="182">
        <v>17</v>
      </c>
      <c r="M18" s="177">
        <v>0</v>
      </c>
      <c r="N18" s="178">
        <v>0</v>
      </c>
      <c r="O18" s="181">
        <v>0</v>
      </c>
      <c r="P18" s="184">
        <v>1</v>
      </c>
      <c r="Q18" s="180">
        <v>1</v>
      </c>
      <c r="R18" s="180">
        <v>3</v>
      </c>
      <c r="S18" s="180">
        <v>3</v>
      </c>
      <c r="T18" s="178">
        <v>1</v>
      </c>
      <c r="U18" s="181">
        <v>9</v>
      </c>
      <c r="V18" s="185">
        <v>9</v>
      </c>
      <c r="W18" s="184">
        <v>0</v>
      </c>
      <c r="X18" s="178">
        <v>0</v>
      </c>
      <c r="Y18" s="178">
        <v>0</v>
      </c>
      <c r="Z18" s="179">
        <v>0</v>
      </c>
      <c r="AA18" s="180">
        <v>0</v>
      </c>
      <c r="AB18" s="180">
        <v>0</v>
      </c>
      <c r="AC18" s="180">
        <v>0</v>
      </c>
      <c r="AD18" s="178">
        <v>0</v>
      </c>
      <c r="AE18" s="181">
        <v>0</v>
      </c>
      <c r="AF18" s="182">
        <v>0</v>
      </c>
      <c r="AG18" s="177">
        <v>0</v>
      </c>
      <c r="AH18" s="178">
        <v>0</v>
      </c>
      <c r="AI18" s="178">
        <v>0</v>
      </c>
      <c r="AJ18" s="179">
        <v>0</v>
      </c>
      <c r="AK18" s="180">
        <v>0</v>
      </c>
      <c r="AL18" s="180">
        <v>0</v>
      </c>
      <c r="AM18" s="180">
        <v>0</v>
      </c>
      <c r="AN18" s="178">
        <v>0</v>
      </c>
      <c r="AO18" s="181">
        <v>0</v>
      </c>
      <c r="AP18" s="183">
        <v>0</v>
      </c>
      <c r="AQ18" s="32"/>
    </row>
    <row r="19" spans="2:43" ht="21" customHeight="1" x14ac:dyDescent="0.2">
      <c r="B19" s="437" t="s">
        <v>17</v>
      </c>
      <c r="C19" s="177">
        <v>0</v>
      </c>
      <c r="D19" s="178">
        <v>0</v>
      </c>
      <c r="E19" s="178">
        <v>0</v>
      </c>
      <c r="F19" s="179">
        <v>0</v>
      </c>
      <c r="G19" s="180">
        <v>1</v>
      </c>
      <c r="H19" s="180">
        <v>5</v>
      </c>
      <c r="I19" s="180">
        <v>3</v>
      </c>
      <c r="J19" s="178">
        <v>8</v>
      </c>
      <c r="K19" s="181">
        <v>17</v>
      </c>
      <c r="L19" s="182">
        <v>17</v>
      </c>
      <c r="M19" s="177">
        <v>0</v>
      </c>
      <c r="N19" s="178">
        <v>0</v>
      </c>
      <c r="O19" s="181">
        <v>0</v>
      </c>
      <c r="P19" s="184">
        <v>3</v>
      </c>
      <c r="Q19" s="180">
        <v>6</v>
      </c>
      <c r="R19" s="180">
        <v>10</v>
      </c>
      <c r="S19" s="180">
        <v>8</v>
      </c>
      <c r="T19" s="178">
        <v>3</v>
      </c>
      <c r="U19" s="181">
        <v>30</v>
      </c>
      <c r="V19" s="185">
        <v>30</v>
      </c>
      <c r="W19" s="184">
        <v>0</v>
      </c>
      <c r="X19" s="178">
        <v>0</v>
      </c>
      <c r="Y19" s="178">
        <v>0</v>
      </c>
      <c r="Z19" s="179">
        <v>0</v>
      </c>
      <c r="AA19" s="180">
        <v>0</v>
      </c>
      <c r="AB19" s="180">
        <v>0</v>
      </c>
      <c r="AC19" s="180">
        <v>0</v>
      </c>
      <c r="AD19" s="178">
        <v>0</v>
      </c>
      <c r="AE19" s="181">
        <v>0</v>
      </c>
      <c r="AF19" s="182">
        <v>0</v>
      </c>
      <c r="AG19" s="177">
        <v>0</v>
      </c>
      <c r="AH19" s="178">
        <v>0</v>
      </c>
      <c r="AI19" s="178">
        <v>0</v>
      </c>
      <c r="AJ19" s="179">
        <v>0</v>
      </c>
      <c r="AK19" s="180">
        <v>0</v>
      </c>
      <c r="AL19" s="180">
        <v>0</v>
      </c>
      <c r="AM19" s="180">
        <v>0</v>
      </c>
      <c r="AN19" s="178">
        <v>1</v>
      </c>
      <c r="AO19" s="181">
        <v>1</v>
      </c>
      <c r="AP19" s="183">
        <v>1</v>
      </c>
      <c r="AQ19" s="32"/>
    </row>
    <row r="20" spans="2:43" ht="21" customHeight="1" x14ac:dyDescent="0.2">
      <c r="B20" s="437" t="s">
        <v>18</v>
      </c>
      <c r="C20" s="177">
        <v>0</v>
      </c>
      <c r="D20" s="178">
        <v>0</v>
      </c>
      <c r="E20" s="178">
        <v>0</v>
      </c>
      <c r="F20" s="179">
        <v>0</v>
      </c>
      <c r="G20" s="180">
        <v>1</v>
      </c>
      <c r="H20" s="180">
        <v>7</v>
      </c>
      <c r="I20" s="180">
        <v>10</v>
      </c>
      <c r="J20" s="178">
        <v>9</v>
      </c>
      <c r="K20" s="181">
        <v>27</v>
      </c>
      <c r="L20" s="182">
        <v>27</v>
      </c>
      <c r="M20" s="177">
        <v>0</v>
      </c>
      <c r="N20" s="178">
        <v>0</v>
      </c>
      <c r="O20" s="181">
        <v>0</v>
      </c>
      <c r="P20" s="184">
        <v>3</v>
      </c>
      <c r="Q20" s="180">
        <v>0</v>
      </c>
      <c r="R20" s="180">
        <v>4</v>
      </c>
      <c r="S20" s="180">
        <v>7</v>
      </c>
      <c r="T20" s="178">
        <v>2</v>
      </c>
      <c r="U20" s="181">
        <v>16</v>
      </c>
      <c r="V20" s="185">
        <v>16</v>
      </c>
      <c r="W20" s="184">
        <v>0</v>
      </c>
      <c r="X20" s="178">
        <v>0</v>
      </c>
      <c r="Y20" s="178">
        <v>0</v>
      </c>
      <c r="Z20" s="179">
        <v>0</v>
      </c>
      <c r="AA20" s="180">
        <v>0</v>
      </c>
      <c r="AB20" s="180">
        <v>0</v>
      </c>
      <c r="AC20" s="180">
        <v>0</v>
      </c>
      <c r="AD20" s="178">
        <v>0</v>
      </c>
      <c r="AE20" s="181">
        <v>0</v>
      </c>
      <c r="AF20" s="182">
        <v>0</v>
      </c>
      <c r="AG20" s="177">
        <v>0</v>
      </c>
      <c r="AH20" s="178">
        <v>0</v>
      </c>
      <c r="AI20" s="178">
        <v>0</v>
      </c>
      <c r="AJ20" s="179">
        <v>0</v>
      </c>
      <c r="AK20" s="180">
        <v>0</v>
      </c>
      <c r="AL20" s="180">
        <v>0</v>
      </c>
      <c r="AM20" s="180">
        <v>0</v>
      </c>
      <c r="AN20" s="178">
        <v>1</v>
      </c>
      <c r="AO20" s="181">
        <v>1</v>
      </c>
      <c r="AP20" s="183">
        <v>1</v>
      </c>
      <c r="AQ20" s="32"/>
    </row>
    <row r="21" spans="2:43" ht="21" customHeight="1" x14ac:dyDescent="0.2">
      <c r="B21" s="437" t="s">
        <v>19</v>
      </c>
      <c r="C21" s="177">
        <v>0</v>
      </c>
      <c r="D21" s="178">
        <v>0</v>
      </c>
      <c r="E21" s="178">
        <v>0</v>
      </c>
      <c r="F21" s="179">
        <v>0</v>
      </c>
      <c r="G21" s="180">
        <v>0</v>
      </c>
      <c r="H21" s="180">
        <v>2</v>
      </c>
      <c r="I21" s="180">
        <v>2</v>
      </c>
      <c r="J21" s="178">
        <v>3</v>
      </c>
      <c r="K21" s="181">
        <v>7</v>
      </c>
      <c r="L21" s="182">
        <v>7</v>
      </c>
      <c r="M21" s="177">
        <v>0</v>
      </c>
      <c r="N21" s="178">
        <v>0</v>
      </c>
      <c r="O21" s="181">
        <v>0</v>
      </c>
      <c r="P21" s="184">
        <v>0</v>
      </c>
      <c r="Q21" s="180">
        <v>4</v>
      </c>
      <c r="R21" s="180">
        <v>2</v>
      </c>
      <c r="S21" s="180">
        <v>1</v>
      </c>
      <c r="T21" s="178">
        <v>0</v>
      </c>
      <c r="U21" s="181">
        <v>7</v>
      </c>
      <c r="V21" s="185">
        <v>7</v>
      </c>
      <c r="W21" s="184">
        <v>0</v>
      </c>
      <c r="X21" s="178">
        <v>0</v>
      </c>
      <c r="Y21" s="178">
        <v>0</v>
      </c>
      <c r="Z21" s="179">
        <v>0</v>
      </c>
      <c r="AA21" s="180">
        <v>0</v>
      </c>
      <c r="AB21" s="180">
        <v>0</v>
      </c>
      <c r="AC21" s="180">
        <v>0</v>
      </c>
      <c r="AD21" s="178">
        <v>0</v>
      </c>
      <c r="AE21" s="181">
        <v>0</v>
      </c>
      <c r="AF21" s="182">
        <v>0</v>
      </c>
      <c r="AG21" s="177">
        <v>0</v>
      </c>
      <c r="AH21" s="178">
        <v>0</v>
      </c>
      <c r="AI21" s="178">
        <v>0</v>
      </c>
      <c r="AJ21" s="179">
        <v>0</v>
      </c>
      <c r="AK21" s="180">
        <v>0</v>
      </c>
      <c r="AL21" s="180">
        <v>0</v>
      </c>
      <c r="AM21" s="180">
        <v>0</v>
      </c>
      <c r="AN21" s="178">
        <v>1</v>
      </c>
      <c r="AO21" s="181">
        <v>1</v>
      </c>
      <c r="AP21" s="183">
        <v>1</v>
      </c>
      <c r="AQ21" s="32"/>
    </row>
    <row r="22" spans="2:43" ht="21" customHeight="1" x14ac:dyDescent="0.2">
      <c r="B22" s="437" t="s">
        <v>20</v>
      </c>
      <c r="C22" s="177">
        <v>0</v>
      </c>
      <c r="D22" s="178">
        <v>0</v>
      </c>
      <c r="E22" s="178">
        <v>0</v>
      </c>
      <c r="F22" s="179">
        <v>0</v>
      </c>
      <c r="G22" s="180">
        <v>1</v>
      </c>
      <c r="H22" s="180">
        <v>2</v>
      </c>
      <c r="I22" s="180">
        <v>10</v>
      </c>
      <c r="J22" s="178">
        <v>6</v>
      </c>
      <c r="K22" s="181">
        <v>19</v>
      </c>
      <c r="L22" s="182">
        <v>19</v>
      </c>
      <c r="M22" s="177">
        <v>0</v>
      </c>
      <c r="N22" s="178">
        <v>0</v>
      </c>
      <c r="O22" s="181">
        <v>0</v>
      </c>
      <c r="P22" s="184">
        <v>3</v>
      </c>
      <c r="Q22" s="180">
        <v>1</v>
      </c>
      <c r="R22" s="180">
        <v>2</v>
      </c>
      <c r="S22" s="180">
        <v>8</v>
      </c>
      <c r="T22" s="178">
        <v>1</v>
      </c>
      <c r="U22" s="181">
        <v>15</v>
      </c>
      <c r="V22" s="185">
        <v>15</v>
      </c>
      <c r="W22" s="184">
        <v>0</v>
      </c>
      <c r="X22" s="178">
        <v>0</v>
      </c>
      <c r="Y22" s="178">
        <v>0</v>
      </c>
      <c r="Z22" s="179">
        <v>0</v>
      </c>
      <c r="AA22" s="180">
        <v>0</v>
      </c>
      <c r="AB22" s="180">
        <v>0</v>
      </c>
      <c r="AC22" s="180">
        <v>0</v>
      </c>
      <c r="AD22" s="178">
        <v>0</v>
      </c>
      <c r="AE22" s="181">
        <v>0</v>
      </c>
      <c r="AF22" s="182">
        <v>0</v>
      </c>
      <c r="AG22" s="177">
        <v>0</v>
      </c>
      <c r="AH22" s="178">
        <v>0</v>
      </c>
      <c r="AI22" s="178">
        <v>0</v>
      </c>
      <c r="AJ22" s="179">
        <v>0</v>
      </c>
      <c r="AK22" s="180">
        <v>0</v>
      </c>
      <c r="AL22" s="180">
        <v>0</v>
      </c>
      <c r="AM22" s="180">
        <v>0</v>
      </c>
      <c r="AN22" s="178">
        <v>0</v>
      </c>
      <c r="AO22" s="181">
        <v>0</v>
      </c>
      <c r="AP22" s="183">
        <v>0</v>
      </c>
      <c r="AQ22" s="32"/>
    </row>
    <row r="23" spans="2:43" ht="21" customHeight="1" x14ac:dyDescent="0.2">
      <c r="B23" s="437" t="s">
        <v>21</v>
      </c>
      <c r="C23" s="177">
        <v>0</v>
      </c>
      <c r="D23" s="178">
        <v>0</v>
      </c>
      <c r="E23" s="178">
        <v>0</v>
      </c>
      <c r="F23" s="179">
        <v>0</v>
      </c>
      <c r="G23" s="180">
        <v>0</v>
      </c>
      <c r="H23" s="180">
        <v>3</v>
      </c>
      <c r="I23" s="180">
        <v>7</v>
      </c>
      <c r="J23" s="178">
        <v>4</v>
      </c>
      <c r="K23" s="181">
        <v>14</v>
      </c>
      <c r="L23" s="182">
        <v>14</v>
      </c>
      <c r="M23" s="177">
        <v>0</v>
      </c>
      <c r="N23" s="178">
        <v>0</v>
      </c>
      <c r="O23" s="181">
        <v>0</v>
      </c>
      <c r="P23" s="184">
        <v>0</v>
      </c>
      <c r="Q23" s="180">
        <v>3</v>
      </c>
      <c r="R23" s="180">
        <v>2</v>
      </c>
      <c r="S23" s="180">
        <v>1</v>
      </c>
      <c r="T23" s="178">
        <v>0</v>
      </c>
      <c r="U23" s="181">
        <v>6</v>
      </c>
      <c r="V23" s="185">
        <v>6</v>
      </c>
      <c r="W23" s="184">
        <v>0</v>
      </c>
      <c r="X23" s="178">
        <v>0</v>
      </c>
      <c r="Y23" s="178">
        <v>0</v>
      </c>
      <c r="Z23" s="179">
        <v>0</v>
      </c>
      <c r="AA23" s="180">
        <v>0</v>
      </c>
      <c r="AB23" s="180">
        <v>0</v>
      </c>
      <c r="AC23" s="180">
        <v>0</v>
      </c>
      <c r="AD23" s="178">
        <v>0</v>
      </c>
      <c r="AE23" s="181">
        <v>0</v>
      </c>
      <c r="AF23" s="182">
        <v>0</v>
      </c>
      <c r="AG23" s="177">
        <v>0</v>
      </c>
      <c r="AH23" s="178">
        <v>0</v>
      </c>
      <c r="AI23" s="178">
        <v>0</v>
      </c>
      <c r="AJ23" s="179">
        <v>0</v>
      </c>
      <c r="AK23" s="180">
        <v>0</v>
      </c>
      <c r="AL23" s="180">
        <v>0</v>
      </c>
      <c r="AM23" s="180">
        <v>0</v>
      </c>
      <c r="AN23" s="178">
        <v>0</v>
      </c>
      <c r="AO23" s="181">
        <v>0</v>
      </c>
      <c r="AP23" s="183">
        <v>0</v>
      </c>
      <c r="AQ23" s="32"/>
    </row>
    <row r="24" spans="2:43" ht="21" customHeight="1" x14ac:dyDescent="0.2">
      <c r="B24" s="437" t="s">
        <v>22</v>
      </c>
      <c r="C24" s="177">
        <v>0</v>
      </c>
      <c r="D24" s="178">
        <v>0</v>
      </c>
      <c r="E24" s="178">
        <v>0</v>
      </c>
      <c r="F24" s="179">
        <v>0</v>
      </c>
      <c r="G24" s="180">
        <v>1</v>
      </c>
      <c r="H24" s="180">
        <v>1</v>
      </c>
      <c r="I24" s="180">
        <v>1</v>
      </c>
      <c r="J24" s="178">
        <v>0</v>
      </c>
      <c r="K24" s="181">
        <v>3</v>
      </c>
      <c r="L24" s="182">
        <v>3</v>
      </c>
      <c r="M24" s="177">
        <v>0</v>
      </c>
      <c r="N24" s="178">
        <v>0</v>
      </c>
      <c r="O24" s="181">
        <v>0</v>
      </c>
      <c r="P24" s="184">
        <v>0</v>
      </c>
      <c r="Q24" s="180">
        <v>0</v>
      </c>
      <c r="R24" s="180">
        <v>1</v>
      </c>
      <c r="S24" s="180">
        <v>0</v>
      </c>
      <c r="T24" s="178">
        <v>0</v>
      </c>
      <c r="U24" s="181">
        <v>1</v>
      </c>
      <c r="V24" s="185">
        <v>1</v>
      </c>
      <c r="W24" s="184">
        <v>0</v>
      </c>
      <c r="X24" s="178">
        <v>0</v>
      </c>
      <c r="Y24" s="178">
        <v>0</v>
      </c>
      <c r="Z24" s="179">
        <v>0</v>
      </c>
      <c r="AA24" s="180">
        <v>0</v>
      </c>
      <c r="AB24" s="180">
        <v>0</v>
      </c>
      <c r="AC24" s="180">
        <v>0</v>
      </c>
      <c r="AD24" s="178">
        <v>0</v>
      </c>
      <c r="AE24" s="181">
        <v>0</v>
      </c>
      <c r="AF24" s="182">
        <v>0</v>
      </c>
      <c r="AG24" s="177">
        <v>0</v>
      </c>
      <c r="AH24" s="178">
        <v>0</v>
      </c>
      <c r="AI24" s="178">
        <v>0</v>
      </c>
      <c r="AJ24" s="179">
        <v>0</v>
      </c>
      <c r="AK24" s="180">
        <v>0</v>
      </c>
      <c r="AL24" s="180">
        <v>0</v>
      </c>
      <c r="AM24" s="180">
        <v>0</v>
      </c>
      <c r="AN24" s="178">
        <v>0</v>
      </c>
      <c r="AO24" s="181">
        <v>0</v>
      </c>
      <c r="AP24" s="183">
        <v>0</v>
      </c>
      <c r="AQ24" s="32"/>
    </row>
    <row r="25" spans="2:43" ht="21" customHeight="1" x14ac:dyDescent="0.2">
      <c r="B25" s="437" t="s">
        <v>23</v>
      </c>
      <c r="C25" s="177">
        <v>0</v>
      </c>
      <c r="D25" s="178">
        <v>0</v>
      </c>
      <c r="E25" s="178">
        <v>0</v>
      </c>
      <c r="F25" s="179">
        <v>0</v>
      </c>
      <c r="G25" s="180">
        <v>0</v>
      </c>
      <c r="H25" s="180">
        <v>2</v>
      </c>
      <c r="I25" s="180">
        <v>4</v>
      </c>
      <c r="J25" s="178">
        <v>1</v>
      </c>
      <c r="K25" s="181">
        <v>7</v>
      </c>
      <c r="L25" s="182">
        <v>7</v>
      </c>
      <c r="M25" s="177">
        <v>0</v>
      </c>
      <c r="N25" s="178">
        <v>0</v>
      </c>
      <c r="O25" s="181">
        <v>0</v>
      </c>
      <c r="P25" s="184">
        <v>0</v>
      </c>
      <c r="Q25" s="180">
        <v>0</v>
      </c>
      <c r="R25" s="180">
        <v>0</v>
      </c>
      <c r="S25" s="180">
        <v>0</v>
      </c>
      <c r="T25" s="178">
        <v>1</v>
      </c>
      <c r="U25" s="181">
        <v>1</v>
      </c>
      <c r="V25" s="185">
        <v>1</v>
      </c>
      <c r="W25" s="184">
        <v>0</v>
      </c>
      <c r="X25" s="178">
        <v>0</v>
      </c>
      <c r="Y25" s="178">
        <v>0</v>
      </c>
      <c r="Z25" s="179">
        <v>0</v>
      </c>
      <c r="AA25" s="180">
        <v>0</v>
      </c>
      <c r="AB25" s="180">
        <v>0</v>
      </c>
      <c r="AC25" s="180">
        <v>0</v>
      </c>
      <c r="AD25" s="178">
        <v>0</v>
      </c>
      <c r="AE25" s="181">
        <v>0</v>
      </c>
      <c r="AF25" s="182">
        <v>0</v>
      </c>
      <c r="AG25" s="177">
        <v>0</v>
      </c>
      <c r="AH25" s="178">
        <v>0</v>
      </c>
      <c r="AI25" s="178">
        <v>0</v>
      </c>
      <c r="AJ25" s="179">
        <v>0</v>
      </c>
      <c r="AK25" s="180">
        <v>0</v>
      </c>
      <c r="AL25" s="180">
        <v>0</v>
      </c>
      <c r="AM25" s="180">
        <v>0</v>
      </c>
      <c r="AN25" s="178">
        <v>2</v>
      </c>
      <c r="AO25" s="181">
        <v>2</v>
      </c>
      <c r="AP25" s="183">
        <v>2</v>
      </c>
      <c r="AQ25" s="32"/>
    </row>
    <row r="26" spans="2:43" ht="21" customHeight="1" x14ac:dyDescent="0.2">
      <c r="B26" s="437" t="s">
        <v>24</v>
      </c>
      <c r="C26" s="177">
        <v>0</v>
      </c>
      <c r="D26" s="178">
        <v>0</v>
      </c>
      <c r="E26" s="178">
        <v>0</v>
      </c>
      <c r="F26" s="179">
        <v>0</v>
      </c>
      <c r="G26" s="180">
        <v>0</v>
      </c>
      <c r="H26" s="180">
        <v>1</v>
      </c>
      <c r="I26" s="180">
        <v>4</v>
      </c>
      <c r="J26" s="178">
        <v>1</v>
      </c>
      <c r="K26" s="181">
        <v>6</v>
      </c>
      <c r="L26" s="182">
        <v>6</v>
      </c>
      <c r="M26" s="177">
        <v>0</v>
      </c>
      <c r="N26" s="178">
        <v>0</v>
      </c>
      <c r="O26" s="181">
        <v>0</v>
      </c>
      <c r="P26" s="184">
        <v>0</v>
      </c>
      <c r="Q26" s="180">
        <v>0</v>
      </c>
      <c r="R26" s="180">
        <v>2</v>
      </c>
      <c r="S26" s="180">
        <v>0</v>
      </c>
      <c r="T26" s="178">
        <v>0</v>
      </c>
      <c r="U26" s="181">
        <v>2</v>
      </c>
      <c r="V26" s="185">
        <v>2</v>
      </c>
      <c r="W26" s="184">
        <v>0</v>
      </c>
      <c r="X26" s="178">
        <v>0</v>
      </c>
      <c r="Y26" s="178">
        <v>0</v>
      </c>
      <c r="Z26" s="179">
        <v>0</v>
      </c>
      <c r="AA26" s="180">
        <v>0</v>
      </c>
      <c r="AB26" s="180">
        <v>0</v>
      </c>
      <c r="AC26" s="180">
        <v>0</v>
      </c>
      <c r="AD26" s="178">
        <v>0</v>
      </c>
      <c r="AE26" s="181">
        <v>0</v>
      </c>
      <c r="AF26" s="182">
        <v>0</v>
      </c>
      <c r="AG26" s="177">
        <v>0</v>
      </c>
      <c r="AH26" s="178">
        <v>0</v>
      </c>
      <c r="AI26" s="178">
        <v>0</v>
      </c>
      <c r="AJ26" s="179">
        <v>0</v>
      </c>
      <c r="AK26" s="180">
        <v>0</v>
      </c>
      <c r="AL26" s="180">
        <v>0</v>
      </c>
      <c r="AM26" s="180">
        <v>0</v>
      </c>
      <c r="AN26" s="178">
        <v>0</v>
      </c>
      <c r="AO26" s="181">
        <v>0</v>
      </c>
      <c r="AP26" s="183">
        <v>0</v>
      </c>
      <c r="AQ26" s="32"/>
    </row>
    <row r="27" spans="2:43" ht="21" customHeight="1" x14ac:dyDescent="0.2">
      <c r="B27" s="437" t="s">
        <v>25</v>
      </c>
      <c r="C27" s="177">
        <v>0</v>
      </c>
      <c r="D27" s="178">
        <v>0</v>
      </c>
      <c r="E27" s="178">
        <v>0</v>
      </c>
      <c r="F27" s="179">
        <v>0</v>
      </c>
      <c r="G27" s="180">
        <v>0</v>
      </c>
      <c r="H27" s="180">
        <v>2</v>
      </c>
      <c r="I27" s="180">
        <v>2</v>
      </c>
      <c r="J27" s="178">
        <v>1</v>
      </c>
      <c r="K27" s="181">
        <v>5</v>
      </c>
      <c r="L27" s="182">
        <v>5</v>
      </c>
      <c r="M27" s="177">
        <v>0</v>
      </c>
      <c r="N27" s="178">
        <v>0</v>
      </c>
      <c r="O27" s="181">
        <v>0</v>
      </c>
      <c r="P27" s="184">
        <v>1</v>
      </c>
      <c r="Q27" s="180">
        <v>3</v>
      </c>
      <c r="R27" s="180">
        <v>0</v>
      </c>
      <c r="S27" s="180">
        <v>2</v>
      </c>
      <c r="T27" s="178">
        <v>0</v>
      </c>
      <c r="U27" s="181">
        <v>6</v>
      </c>
      <c r="V27" s="185">
        <v>6</v>
      </c>
      <c r="W27" s="184">
        <v>0</v>
      </c>
      <c r="X27" s="178">
        <v>0</v>
      </c>
      <c r="Y27" s="178">
        <v>0</v>
      </c>
      <c r="Z27" s="179">
        <v>0</v>
      </c>
      <c r="AA27" s="180">
        <v>0</v>
      </c>
      <c r="AB27" s="180">
        <v>0</v>
      </c>
      <c r="AC27" s="180">
        <v>0</v>
      </c>
      <c r="AD27" s="178">
        <v>0</v>
      </c>
      <c r="AE27" s="181">
        <v>0</v>
      </c>
      <c r="AF27" s="182">
        <v>0</v>
      </c>
      <c r="AG27" s="177">
        <v>0</v>
      </c>
      <c r="AH27" s="178">
        <v>0</v>
      </c>
      <c r="AI27" s="178">
        <v>0</v>
      </c>
      <c r="AJ27" s="179">
        <v>0</v>
      </c>
      <c r="AK27" s="180">
        <v>0</v>
      </c>
      <c r="AL27" s="180">
        <v>0</v>
      </c>
      <c r="AM27" s="180">
        <v>0</v>
      </c>
      <c r="AN27" s="178">
        <v>0</v>
      </c>
      <c r="AO27" s="181">
        <v>0</v>
      </c>
      <c r="AP27" s="183">
        <v>0</v>
      </c>
      <c r="AQ27" s="32"/>
    </row>
    <row r="28" spans="2:43" ht="21" customHeight="1" x14ac:dyDescent="0.2">
      <c r="B28" s="437" t="s">
        <v>26</v>
      </c>
      <c r="C28" s="177">
        <v>0</v>
      </c>
      <c r="D28" s="178">
        <v>0</v>
      </c>
      <c r="E28" s="178">
        <v>0</v>
      </c>
      <c r="F28" s="179">
        <v>0</v>
      </c>
      <c r="G28" s="180">
        <v>0</v>
      </c>
      <c r="H28" s="180">
        <v>1</v>
      </c>
      <c r="I28" s="180">
        <v>1</v>
      </c>
      <c r="J28" s="178">
        <v>1</v>
      </c>
      <c r="K28" s="181">
        <v>3</v>
      </c>
      <c r="L28" s="182">
        <v>3</v>
      </c>
      <c r="M28" s="177">
        <v>0</v>
      </c>
      <c r="N28" s="178">
        <v>0</v>
      </c>
      <c r="O28" s="181">
        <v>0</v>
      </c>
      <c r="P28" s="184">
        <v>0</v>
      </c>
      <c r="Q28" s="180">
        <v>3</v>
      </c>
      <c r="R28" s="180">
        <v>1</v>
      </c>
      <c r="S28" s="180">
        <v>2</v>
      </c>
      <c r="T28" s="178">
        <v>0</v>
      </c>
      <c r="U28" s="181">
        <v>6</v>
      </c>
      <c r="V28" s="185">
        <v>6</v>
      </c>
      <c r="W28" s="184">
        <v>0</v>
      </c>
      <c r="X28" s="178">
        <v>0</v>
      </c>
      <c r="Y28" s="178">
        <v>0</v>
      </c>
      <c r="Z28" s="179">
        <v>0</v>
      </c>
      <c r="AA28" s="180">
        <v>0</v>
      </c>
      <c r="AB28" s="180">
        <v>0</v>
      </c>
      <c r="AC28" s="180">
        <v>0</v>
      </c>
      <c r="AD28" s="178">
        <v>0</v>
      </c>
      <c r="AE28" s="181">
        <v>0</v>
      </c>
      <c r="AF28" s="182">
        <v>0</v>
      </c>
      <c r="AG28" s="177">
        <v>0</v>
      </c>
      <c r="AH28" s="178">
        <v>0</v>
      </c>
      <c r="AI28" s="178">
        <v>0</v>
      </c>
      <c r="AJ28" s="179">
        <v>0</v>
      </c>
      <c r="AK28" s="180">
        <v>0</v>
      </c>
      <c r="AL28" s="180">
        <v>0</v>
      </c>
      <c r="AM28" s="180">
        <v>0</v>
      </c>
      <c r="AN28" s="178">
        <v>0</v>
      </c>
      <c r="AO28" s="181">
        <v>0</v>
      </c>
      <c r="AP28" s="183">
        <v>0</v>
      </c>
      <c r="AQ28" s="32"/>
    </row>
    <row r="29" spans="2:43" ht="21" customHeight="1" x14ac:dyDescent="0.2">
      <c r="B29" s="437" t="s">
        <v>27</v>
      </c>
      <c r="C29" s="177">
        <v>0</v>
      </c>
      <c r="D29" s="178">
        <v>0</v>
      </c>
      <c r="E29" s="178">
        <v>0</v>
      </c>
      <c r="F29" s="179">
        <v>0</v>
      </c>
      <c r="G29" s="180">
        <v>0</v>
      </c>
      <c r="H29" s="180">
        <v>1</v>
      </c>
      <c r="I29" s="180">
        <v>1</v>
      </c>
      <c r="J29" s="178">
        <v>1</v>
      </c>
      <c r="K29" s="181">
        <v>3</v>
      </c>
      <c r="L29" s="182">
        <v>3</v>
      </c>
      <c r="M29" s="177">
        <v>0</v>
      </c>
      <c r="N29" s="178">
        <v>0</v>
      </c>
      <c r="O29" s="181">
        <v>0</v>
      </c>
      <c r="P29" s="184">
        <v>1</v>
      </c>
      <c r="Q29" s="180">
        <v>0</v>
      </c>
      <c r="R29" s="180">
        <v>0</v>
      </c>
      <c r="S29" s="180">
        <v>0</v>
      </c>
      <c r="T29" s="178">
        <v>1</v>
      </c>
      <c r="U29" s="181">
        <v>2</v>
      </c>
      <c r="V29" s="185">
        <v>2</v>
      </c>
      <c r="W29" s="184">
        <v>0</v>
      </c>
      <c r="X29" s="178">
        <v>0</v>
      </c>
      <c r="Y29" s="178">
        <v>0</v>
      </c>
      <c r="Z29" s="179">
        <v>0</v>
      </c>
      <c r="AA29" s="180">
        <v>0</v>
      </c>
      <c r="AB29" s="180">
        <v>0</v>
      </c>
      <c r="AC29" s="180">
        <v>0</v>
      </c>
      <c r="AD29" s="178">
        <v>0</v>
      </c>
      <c r="AE29" s="181">
        <v>0</v>
      </c>
      <c r="AF29" s="182">
        <v>0</v>
      </c>
      <c r="AG29" s="177">
        <v>0</v>
      </c>
      <c r="AH29" s="178">
        <v>0</v>
      </c>
      <c r="AI29" s="178">
        <v>0</v>
      </c>
      <c r="AJ29" s="179">
        <v>0</v>
      </c>
      <c r="AK29" s="180">
        <v>0</v>
      </c>
      <c r="AL29" s="180">
        <v>0</v>
      </c>
      <c r="AM29" s="180">
        <v>0</v>
      </c>
      <c r="AN29" s="178">
        <v>0</v>
      </c>
      <c r="AO29" s="181">
        <v>0</v>
      </c>
      <c r="AP29" s="183">
        <v>0</v>
      </c>
      <c r="AQ29" s="32"/>
    </row>
    <row r="30" spans="2:43" ht="21" customHeight="1" x14ac:dyDescent="0.2">
      <c r="B30" s="437" t="s">
        <v>28</v>
      </c>
      <c r="C30" s="177">
        <v>0</v>
      </c>
      <c r="D30" s="178">
        <v>0</v>
      </c>
      <c r="E30" s="178">
        <v>0</v>
      </c>
      <c r="F30" s="179">
        <v>0</v>
      </c>
      <c r="G30" s="180">
        <v>0</v>
      </c>
      <c r="H30" s="180">
        <v>0</v>
      </c>
      <c r="I30" s="180">
        <v>0</v>
      </c>
      <c r="J30" s="178">
        <v>0</v>
      </c>
      <c r="K30" s="181">
        <v>0</v>
      </c>
      <c r="L30" s="182">
        <v>0</v>
      </c>
      <c r="M30" s="177">
        <v>0</v>
      </c>
      <c r="N30" s="178">
        <v>0</v>
      </c>
      <c r="O30" s="181">
        <v>0</v>
      </c>
      <c r="P30" s="184">
        <v>0</v>
      </c>
      <c r="Q30" s="180">
        <v>0</v>
      </c>
      <c r="R30" s="180">
        <v>1</v>
      </c>
      <c r="S30" s="180">
        <v>0</v>
      </c>
      <c r="T30" s="178">
        <v>0</v>
      </c>
      <c r="U30" s="181">
        <v>1</v>
      </c>
      <c r="V30" s="185">
        <v>1</v>
      </c>
      <c r="W30" s="184">
        <v>0</v>
      </c>
      <c r="X30" s="178">
        <v>0</v>
      </c>
      <c r="Y30" s="178">
        <v>0</v>
      </c>
      <c r="Z30" s="179">
        <v>0</v>
      </c>
      <c r="AA30" s="180">
        <v>0</v>
      </c>
      <c r="AB30" s="180">
        <v>0</v>
      </c>
      <c r="AC30" s="180">
        <v>0</v>
      </c>
      <c r="AD30" s="178">
        <v>0</v>
      </c>
      <c r="AE30" s="181">
        <v>0</v>
      </c>
      <c r="AF30" s="182">
        <v>0</v>
      </c>
      <c r="AG30" s="177">
        <v>0</v>
      </c>
      <c r="AH30" s="178">
        <v>0</v>
      </c>
      <c r="AI30" s="178">
        <v>0</v>
      </c>
      <c r="AJ30" s="179">
        <v>0</v>
      </c>
      <c r="AK30" s="180">
        <v>0</v>
      </c>
      <c r="AL30" s="180">
        <v>0</v>
      </c>
      <c r="AM30" s="180">
        <v>0</v>
      </c>
      <c r="AN30" s="178">
        <v>0</v>
      </c>
      <c r="AO30" s="181">
        <v>0</v>
      </c>
      <c r="AP30" s="183">
        <v>0</v>
      </c>
      <c r="AQ30" s="32"/>
    </row>
    <row r="31" spans="2:43" ht="21" customHeight="1" x14ac:dyDescent="0.2">
      <c r="B31" s="437" t="s">
        <v>29</v>
      </c>
      <c r="C31" s="177">
        <v>0</v>
      </c>
      <c r="D31" s="178">
        <v>0</v>
      </c>
      <c r="E31" s="178">
        <v>0</v>
      </c>
      <c r="F31" s="179">
        <v>0</v>
      </c>
      <c r="G31" s="180">
        <v>0</v>
      </c>
      <c r="H31" s="180">
        <v>0</v>
      </c>
      <c r="I31" s="180">
        <v>1</v>
      </c>
      <c r="J31" s="178">
        <v>0</v>
      </c>
      <c r="K31" s="181">
        <v>1</v>
      </c>
      <c r="L31" s="182">
        <v>1</v>
      </c>
      <c r="M31" s="177">
        <v>0</v>
      </c>
      <c r="N31" s="178">
        <v>0</v>
      </c>
      <c r="O31" s="181">
        <v>0</v>
      </c>
      <c r="P31" s="184">
        <v>0</v>
      </c>
      <c r="Q31" s="180">
        <v>0</v>
      </c>
      <c r="R31" s="180">
        <v>0</v>
      </c>
      <c r="S31" s="180">
        <v>1</v>
      </c>
      <c r="T31" s="178">
        <v>1</v>
      </c>
      <c r="U31" s="181">
        <v>2</v>
      </c>
      <c r="V31" s="185">
        <v>2</v>
      </c>
      <c r="W31" s="184">
        <v>0</v>
      </c>
      <c r="X31" s="178">
        <v>0</v>
      </c>
      <c r="Y31" s="178">
        <v>0</v>
      </c>
      <c r="Z31" s="179">
        <v>0</v>
      </c>
      <c r="AA31" s="180">
        <v>0</v>
      </c>
      <c r="AB31" s="180">
        <v>0</v>
      </c>
      <c r="AC31" s="180">
        <v>0</v>
      </c>
      <c r="AD31" s="178">
        <v>0</v>
      </c>
      <c r="AE31" s="181">
        <v>0</v>
      </c>
      <c r="AF31" s="182">
        <v>0</v>
      </c>
      <c r="AG31" s="177">
        <v>0</v>
      </c>
      <c r="AH31" s="178">
        <v>0</v>
      </c>
      <c r="AI31" s="178">
        <v>0</v>
      </c>
      <c r="AJ31" s="179">
        <v>0</v>
      </c>
      <c r="AK31" s="180">
        <v>0</v>
      </c>
      <c r="AL31" s="180">
        <v>0</v>
      </c>
      <c r="AM31" s="180">
        <v>0</v>
      </c>
      <c r="AN31" s="178">
        <v>0</v>
      </c>
      <c r="AO31" s="181">
        <v>0</v>
      </c>
      <c r="AP31" s="183">
        <v>0</v>
      </c>
      <c r="AQ31" s="32"/>
    </row>
    <row r="32" spans="2:43" ht="21" customHeight="1" x14ac:dyDescent="0.2">
      <c r="B32" s="437" t="s">
        <v>30</v>
      </c>
      <c r="C32" s="177">
        <v>0</v>
      </c>
      <c r="D32" s="178">
        <v>0</v>
      </c>
      <c r="E32" s="178">
        <v>0</v>
      </c>
      <c r="F32" s="179">
        <v>0</v>
      </c>
      <c r="G32" s="180">
        <v>0</v>
      </c>
      <c r="H32" s="180">
        <v>1</v>
      </c>
      <c r="I32" s="180">
        <v>2</v>
      </c>
      <c r="J32" s="178">
        <v>0</v>
      </c>
      <c r="K32" s="181">
        <v>3</v>
      </c>
      <c r="L32" s="182">
        <v>3</v>
      </c>
      <c r="M32" s="177">
        <v>0</v>
      </c>
      <c r="N32" s="178">
        <v>0</v>
      </c>
      <c r="O32" s="181">
        <v>0</v>
      </c>
      <c r="P32" s="184">
        <v>0</v>
      </c>
      <c r="Q32" s="180">
        <v>0</v>
      </c>
      <c r="R32" s="180">
        <v>0</v>
      </c>
      <c r="S32" s="180">
        <v>0</v>
      </c>
      <c r="T32" s="178">
        <v>1</v>
      </c>
      <c r="U32" s="181">
        <v>1</v>
      </c>
      <c r="V32" s="185">
        <v>1</v>
      </c>
      <c r="W32" s="184">
        <v>0</v>
      </c>
      <c r="X32" s="178">
        <v>0</v>
      </c>
      <c r="Y32" s="178">
        <v>0</v>
      </c>
      <c r="Z32" s="179">
        <v>0</v>
      </c>
      <c r="AA32" s="180">
        <v>0</v>
      </c>
      <c r="AB32" s="180">
        <v>0</v>
      </c>
      <c r="AC32" s="180">
        <v>0</v>
      </c>
      <c r="AD32" s="178">
        <v>0</v>
      </c>
      <c r="AE32" s="181">
        <v>0</v>
      </c>
      <c r="AF32" s="182">
        <v>0</v>
      </c>
      <c r="AG32" s="177">
        <v>0</v>
      </c>
      <c r="AH32" s="178">
        <v>0</v>
      </c>
      <c r="AI32" s="178">
        <v>0</v>
      </c>
      <c r="AJ32" s="179">
        <v>0</v>
      </c>
      <c r="AK32" s="180">
        <v>0</v>
      </c>
      <c r="AL32" s="180">
        <v>0</v>
      </c>
      <c r="AM32" s="180">
        <v>0</v>
      </c>
      <c r="AN32" s="178">
        <v>0</v>
      </c>
      <c r="AO32" s="181">
        <v>0</v>
      </c>
      <c r="AP32" s="183">
        <v>0</v>
      </c>
      <c r="AQ32" s="32"/>
    </row>
    <row r="33" spans="2:43" ht="21" customHeight="1" x14ac:dyDescent="0.2">
      <c r="B33" s="437" t="s">
        <v>31</v>
      </c>
      <c r="C33" s="177">
        <v>0</v>
      </c>
      <c r="D33" s="178">
        <v>0</v>
      </c>
      <c r="E33" s="178">
        <v>0</v>
      </c>
      <c r="F33" s="179">
        <v>0</v>
      </c>
      <c r="G33" s="180">
        <v>0</v>
      </c>
      <c r="H33" s="180">
        <v>1</v>
      </c>
      <c r="I33" s="180">
        <v>1</v>
      </c>
      <c r="J33" s="178">
        <v>1</v>
      </c>
      <c r="K33" s="181">
        <v>3</v>
      </c>
      <c r="L33" s="182">
        <v>3</v>
      </c>
      <c r="M33" s="177">
        <v>0</v>
      </c>
      <c r="N33" s="178">
        <v>0</v>
      </c>
      <c r="O33" s="181">
        <v>0</v>
      </c>
      <c r="P33" s="184">
        <v>0</v>
      </c>
      <c r="Q33" s="180">
        <v>0</v>
      </c>
      <c r="R33" s="180">
        <v>2</v>
      </c>
      <c r="S33" s="180">
        <v>0</v>
      </c>
      <c r="T33" s="178">
        <v>0</v>
      </c>
      <c r="U33" s="181">
        <v>2</v>
      </c>
      <c r="V33" s="185">
        <v>2</v>
      </c>
      <c r="W33" s="184">
        <v>0</v>
      </c>
      <c r="X33" s="178">
        <v>0</v>
      </c>
      <c r="Y33" s="178">
        <v>0</v>
      </c>
      <c r="Z33" s="179">
        <v>0</v>
      </c>
      <c r="AA33" s="180">
        <v>0</v>
      </c>
      <c r="AB33" s="180">
        <v>0</v>
      </c>
      <c r="AC33" s="180">
        <v>0</v>
      </c>
      <c r="AD33" s="178">
        <v>0</v>
      </c>
      <c r="AE33" s="181">
        <v>0</v>
      </c>
      <c r="AF33" s="182">
        <v>0</v>
      </c>
      <c r="AG33" s="177">
        <v>0</v>
      </c>
      <c r="AH33" s="178">
        <v>0</v>
      </c>
      <c r="AI33" s="178">
        <v>0</v>
      </c>
      <c r="AJ33" s="179">
        <v>0</v>
      </c>
      <c r="AK33" s="180">
        <v>0</v>
      </c>
      <c r="AL33" s="180">
        <v>0</v>
      </c>
      <c r="AM33" s="180">
        <v>0</v>
      </c>
      <c r="AN33" s="178">
        <v>0</v>
      </c>
      <c r="AO33" s="181">
        <v>0</v>
      </c>
      <c r="AP33" s="183">
        <v>0</v>
      </c>
      <c r="AQ33" s="32"/>
    </row>
    <row r="34" spans="2:43" ht="21" customHeight="1" x14ac:dyDescent="0.2">
      <c r="B34" s="437" t="s">
        <v>32</v>
      </c>
      <c r="C34" s="177">
        <v>0</v>
      </c>
      <c r="D34" s="178">
        <v>0</v>
      </c>
      <c r="E34" s="178">
        <v>0</v>
      </c>
      <c r="F34" s="179">
        <v>0</v>
      </c>
      <c r="G34" s="180">
        <v>0</v>
      </c>
      <c r="H34" s="180">
        <v>1</v>
      </c>
      <c r="I34" s="180">
        <v>0</v>
      </c>
      <c r="J34" s="178">
        <v>1</v>
      </c>
      <c r="K34" s="181">
        <v>2</v>
      </c>
      <c r="L34" s="182">
        <v>2</v>
      </c>
      <c r="M34" s="177">
        <v>0</v>
      </c>
      <c r="N34" s="178">
        <v>0</v>
      </c>
      <c r="O34" s="181">
        <v>0</v>
      </c>
      <c r="P34" s="184">
        <v>0</v>
      </c>
      <c r="Q34" s="180">
        <v>0</v>
      </c>
      <c r="R34" s="180">
        <v>0</v>
      </c>
      <c r="S34" s="180">
        <v>1</v>
      </c>
      <c r="T34" s="178">
        <v>1</v>
      </c>
      <c r="U34" s="181">
        <v>2</v>
      </c>
      <c r="V34" s="185">
        <v>2</v>
      </c>
      <c r="W34" s="184">
        <v>0</v>
      </c>
      <c r="X34" s="178">
        <v>0</v>
      </c>
      <c r="Y34" s="178">
        <v>0</v>
      </c>
      <c r="Z34" s="179">
        <v>0</v>
      </c>
      <c r="AA34" s="180">
        <v>0</v>
      </c>
      <c r="AB34" s="180">
        <v>0</v>
      </c>
      <c r="AC34" s="180">
        <v>0</v>
      </c>
      <c r="AD34" s="178">
        <v>0</v>
      </c>
      <c r="AE34" s="181">
        <v>0</v>
      </c>
      <c r="AF34" s="182">
        <v>0</v>
      </c>
      <c r="AG34" s="177">
        <v>0</v>
      </c>
      <c r="AH34" s="178">
        <v>0</v>
      </c>
      <c r="AI34" s="178">
        <v>0</v>
      </c>
      <c r="AJ34" s="179">
        <v>0</v>
      </c>
      <c r="AK34" s="180">
        <v>0</v>
      </c>
      <c r="AL34" s="180">
        <v>0</v>
      </c>
      <c r="AM34" s="180">
        <v>0</v>
      </c>
      <c r="AN34" s="178">
        <v>0</v>
      </c>
      <c r="AO34" s="181">
        <v>0</v>
      </c>
      <c r="AP34" s="183">
        <v>0</v>
      </c>
      <c r="AQ34" s="32"/>
    </row>
    <row r="35" spans="2:43" ht="21" customHeight="1" x14ac:dyDescent="0.2">
      <c r="B35" s="437" t="s">
        <v>33</v>
      </c>
      <c r="C35" s="177">
        <v>0</v>
      </c>
      <c r="D35" s="178">
        <v>0</v>
      </c>
      <c r="E35" s="178">
        <v>0</v>
      </c>
      <c r="F35" s="179">
        <v>0</v>
      </c>
      <c r="G35" s="180">
        <v>0</v>
      </c>
      <c r="H35" s="180">
        <v>0</v>
      </c>
      <c r="I35" s="180">
        <v>0</v>
      </c>
      <c r="J35" s="178">
        <v>0</v>
      </c>
      <c r="K35" s="181">
        <v>0</v>
      </c>
      <c r="L35" s="182">
        <v>0</v>
      </c>
      <c r="M35" s="177">
        <v>0</v>
      </c>
      <c r="N35" s="178">
        <v>0</v>
      </c>
      <c r="O35" s="181">
        <v>0</v>
      </c>
      <c r="P35" s="184">
        <v>0</v>
      </c>
      <c r="Q35" s="180">
        <v>0</v>
      </c>
      <c r="R35" s="180">
        <v>1</v>
      </c>
      <c r="S35" s="180">
        <v>0</v>
      </c>
      <c r="T35" s="178">
        <v>1</v>
      </c>
      <c r="U35" s="181">
        <v>2</v>
      </c>
      <c r="V35" s="185">
        <v>2</v>
      </c>
      <c r="W35" s="184">
        <v>0</v>
      </c>
      <c r="X35" s="178">
        <v>0</v>
      </c>
      <c r="Y35" s="178">
        <v>0</v>
      </c>
      <c r="Z35" s="179">
        <v>0</v>
      </c>
      <c r="AA35" s="180">
        <v>0</v>
      </c>
      <c r="AB35" s="180">
        <v>0</v>
      </c>
      <c r="AC35" s="180">
        <v>0</v>
      </c>
      <c r="AD35" s="178">
        <v>0</v>
      </c>
      <c r="AE35" s="181">
        <v>0</v>
      </c>
      <c r="AF35" s="182">
        <v>0</v>
      </c>
      <c r="AG35" s="177">
        <v>0</v>
      </c>
      <c r="AH35" s="178">
        <v>0</v>
      </c>
      <c r="AI35" s="178">
        <v>0</v>
      </c>
      <c r="AJ35" s="179">
        <v>0</v>
      </c>
      <c r="AK35" s="180">
        <v>0</v>
      </c>
      <c r="AL35" s="180">
        <v>0</v>
      </c>
      <c r="AM35" s="180">
        <v>1</v>
      </c>
      <c r="AN35" s="178">
        <v>3</v>
      </c>
      <c r="AO35" s="181">
        <v>4</v>
      </c>
      <c r="AP35" s="183">
        <v>4</v>
      </c>
      <c r="AQ35" s="32"/>
    </row>
    <row r="36" spans="2:43" ht="21" customHeight="1" x14ac:dyDescent="0.2">
      <c r="B36" s="437" t="s">
        <v>34</v>
      </c>
      <c r="C36" s="177">
        <v>0</v>
      </c>
      <c r="D36" s="178">
        <v>0</v>
      </c>
      <c r="E36" s="178">
        <v>0</v>
      </c>
      <c r="F36" s="179">
        <v>0</v>
      </c>
      <c r="G36" s="180">
        <v>0</v>
      </c>
      <c r="H36" s="180">
        <v>0</v>
      </c>
      <c r="I36" s="180">
        <v>0</v>
      </c>
      <c r="J36" s="178">
        <v>0</v>
      </c>
      <c r="K36" s="181">
        <v>0</v>
      </c>
      <c r="L36" s="182">
        <v>0</v>
      </c>
      <c r="M36" s="177">
        <v>0</v>
      </c>
      <c r="N36" s="178">
        <v>0</v>
      </c>
      <c r="O36" s="181">
        <v>0</v>
      </c>
      <c r="P36" s="184">
        <v>0</v>
      </c>
      <c r="Q36" s="180">
        <v>0</v>
      </c>
      <c r="R36" s="180">
        <v>0</v>
      </c>
      <c r="S36" s="180">
        <v>1</v>
      </c>
      <c r="T36" s="178">
        <v>0</v>
      </c>
      <c r="U36" s="181">
        <v>1</v>
      </c>
      <c r="V36" s="185">
        <v>1</v>
      </c>
      <c r="W36" s="184">
        <v>0</v>
      </c>
      <c r="X36" s="178">
        <v>0</v>
      </c>
      <c r="Y36" s="178">
        <v>0</v>
      </c>
      <c r="Z36" s="179">
        <v>0</v>
      </c>
      <c r="AA36" s="180">
        <v>0</v>
      </c>
      <c r="AB36" s="180">
        <v>0</v>
      </c>
      <c r="AC36" s="180">
        <v>0</v>
      </c>
      <c r="AD36" s="178">
        <v>0</v>
      </c>
      <c r="AE36" s="181">
        <v>0</v>
      </c>
      <c r="AF36" s="182">
        <v>0</v>
      </c>
      <c r="AG36" s="177">
        <v>0</v>
      </c>
      <c r="AH36" s="178">
        <v>0</v>
      </c>
      <c r="AI36" s="178">
        <v>0</v>
      </c>
      <c r="AJ36" s="179">
        <v>0</v>
      </c>
      <c r="AK36" s="180">
        <v>0</v>
      </c>
      <c r="AL36" s="180">
        <v>0</v>
      </c>
      <c r="AM36" s="180">
        <v>0</v>
      </c>
      <c r="AN36" s="178">
        <v>0</v>
      </c>
      <c r="AO36" s="181">
        <v>0</v>
      </c>
      <c r="AP36" s="183">
        <v>0</v>
      </c>
      <c r="AQ36" s="32"/>
    </row>
    <row r="37" spans="2:43" ht="21" customHeight="1" x14ac:dyDescent="0.2">
      <c r="B37" s="437" t="s">
        <v>35</v>
      </c>
      <c r="C37" s="177">
        <v>0</v>
      </c>
      <c r="D37" s="178">
        <v>0</v>
      </c>
      <c r="E37" s="178">
        <v>0</v>
      </c>
      <c r="F37" s="179">
        <v>0</v>
      </c>
      <c r="G37" s="180">
        <v>0</v>
      </c>
      <c r="H37" s="180">
        <v>0</v>
      </c>
      <c r="I37" s="180">
        <v>1</v>
      </c>
      <c r="J37" s="178">
        <v>0</v>
      </c>
      <c r="K37" s="181">
        <v>1</v>
      </c>
      <c r="L37" s="182">
        <v>1</v>
      </c>
      <c r="M37" s="177">
        <v>0</v>
      </c>
      <c r="N37" s="178">
        <v>0</v>
      </c>
      <c r="O37" s="181">
        <v>0</v>
      </c>
      <c r="P37" s="184">
        <v>0</v>
      </c>
      <c r="Q37" s="180">
        <v>0</v>
      </c>
      <c r="R37" s="180">
        <v>0</v>
      </c>
      <c r="S37" s="180">
        <v>0</v>
      </c>
      <c r="T37" s="178">
        <v>0</v>
      </c>
      <c r="U37" s="181">
        <v>0</v>
      </c>
      <c r="V37" s="185">
        <v>0</v>
      </c>
      <c r="W37" s="184">
        <v>0</v>
      </c>
      <c r="X37" s="178">
        <v>0</v>
      </c>
      <c r="Y37" s="178">
        <v>0</v>
      </c>
      <c r="Z37" s="179">
        <v>0</v>
      </c>
      <c r="AA37" s="180">
        <v>0</v>
      </c>
      <c r="AB37" s="180">
        <v>0</v>
      </c>
      <c r="AC37" s="180">
        <v>0</v>
      </c>
      <c r="AD37" s="178">
        <v>0</v>
      </c>
      <c r="AE37" s="181">
        <v>0</v>
      </c>
      <c r="AF37" s="182">
        <v>0</v>
      </c>
      <c r="AG37" s="177">
        <v>0</v>
      </c>
      <c r="AH37" s="178">
        <v>0</v>
      </c>
      <c r="AI37" s="178">
        <v>0</v>
      </c>
      <c r="AJ37" s="179">
        <v>0</v>
      </c>
      <c r="AK37" s="180">
        <v>0</v>
      </c>
      <c r="AL37" s="180">
        <v>0</v>
      </c>
      <c r="AM37" s="180">
        <v>0</v>
      </c>
      <c r="AN37" s="178">
        <v>0</v>
      </c>
      <c r="AO37" s="181">
        <v>0</v>
      </c>
      <c r="AP37" s="183">
        <v>0</v>
      </c>
      <c r="AQ37" s="32"/>
    </row>
    <row r="38" spans="2:43" ht="21" customHeight="1" x14ac:dyDescent="0.2">
      <c r="B38" s="437" t="s">
        <v>36</v>
      </c>
      <c r="C38" s="177">
        <v>0</v>
      </c>
      <c r="D38" s="178">
        <v>0</v>
      </c>
      <c r="E38" s="178">
        <v>0</v>
      </c>
      <c r="F38" s="179">
        <v>0</v>
      </c>
      <c r="G38" s="180">
        <v>0</v>
      </c>
      <c r="H38" s="180">
        <v>0</v>
      </c>
      <c r="I38" s="180">
        <v>0</v>
      </c>
      <c r="J38" s="178">
        <v>1</v>
      </c>
      <c r="K38" s="181">
        <v>1</v>
      </c>
      <c r="L38" s="182">
        <v>1</v>
      </c>
      <c r="M38" s="177">
        <v>0</v>
      </c>
      <c r="N38" s="178">
        <v>0</v>
      </c>
      <c r="O38" s="181">
        <v>0</v>
      </c>
      <c r="P38" s="184">
        <v>0</v>
      </c>
      <c r="Q38" s="180">
        <v>0</v>
      </c>
      <c r="R38" s="180">
        <v>1</v>
      </c>
      <c r="S38" s="180">
        <v>1</v>
      </c>
      <c r="T38" s="178">
        <v>0</v>
      </c>
      <c r="U38" s="181">
        <v>2</v>
      </c>
      <c r="V38" s="185">
        <v>2</v>
      </c>
      <c r="W38" s="184">
        <v>0</v>
      </c>
      <c r="X38" s="178">
        <v>0</v>
      </c>
      <c r="Y38" s="178">
        <v>0</v>
      </c>
      <c r="Z38" s="179">
        <v>0</v>
      </c>
      <c r="AA38" s="180">
        <v>0</v>
      </c>
      <c r="AB38" s="180">
        <v>0</v>
      </c>
      <c r="AC38" s="180">
        <v>0</v>
      </c>
      <c r="AD38" s="178">
        <v>0</v>
      </c>
      <c r="AE38" s="181">
        <v>0</v>
      </c>
      <c r="AF38" s="182">
        <v>0</v>
      </c>
      <c r="AG38" s="177">
        <v>0</v>
      </c>
      <c r="AH38" s="178">
        <v>0</v>
      </c>
      <c r="AI38" s="178">
        <v>0</v>
      </c>
      <c r="AJ38" s="179">
        <v>0</v>
      </c>
      <c r="AK38" s="180">
        <v>0</v>
      </c>
      <c r="AL38" s="180">
        <v>0</v>
      </c>
      <c r="AM38" s="180">
        <v>0</v>
      </c>
      <c r="AN38" s="178">
        <v>0</v>
      </c>
      <c r="AO38" s="181">
        <v>0</v>
      </c>
      <c r="AP38" s="183">
        <v>0</v>
      </c>
      <c r="AQ38" s="32"/>
    </row>
    <row r="39" spans="2:43" ht="21" customHeight="1" thickBot="1" x14ac:dyDescent="0.25">
      <c r="B39" s="438" t="s">
        <v>37</v>
      </c>
      <c r="C39" s="186">
        <v>0</v>
      </c>
      <c r="D39" s="187">
        <v>0</v>
      </c>
      <c r="E39" s="187">
        <v>0</v>
      </c>
      <c r="F39" s="188">
        <v>0</v>
      </c>
      <c r="G39" s="189">
        <v>0</v>
      </c>
      <c r="H39" s="189">
        <v>0</v>
      </c>
      <c r="I39" s="189">
        <v>0</v>
      </c>
      <c r="J39" s="187">
        <v>0</v>
      </c>
      <c r="K39" s="190">
        <v>0</v>
      </c>
      <c r="L39" s="191">
        <v>0</v>
      </c>
      <c r="M39" s="186">
        <v>0</v>
      </c>
      <c r="N39" s="187">
        <v>0</v>
      </c>
      <c r="O39" s="190">
        <v>0</v>
      </c>
      <c r="P39" s="193">
        <v>0</v>
      </c>
      <c r="Q39" s="189">
        <v>0</v>
      </c>
      <c r="R39" s="189">
        <v>0</v>
      </c>
      <c r="S39" s="189">
        <v>0</v>
      </c>
      <c r="T39" s="187">
        <v>0</v>
      </c>
      <c r="U39" s="190">
        <v>0</v>
      </c>
      <c r="V39" s="194">
        <v>0</v>
      </c>
      <c r="W39" s="193">
        <v>0</v>
      </c>
      <c r="X39" s="187">
        <v>0</v>
      </c>
      <c r="Y39" s="187">
        <v>0</v>
      </c>
      <c r="Z39" s="188">
        <v>0</v>
      </c>
      <c r="AA39" s="189">
        <v>0</v>
      </c>
      <c r="AB39" s="189">
        <v>0</v>
      </c>
      <c r="AC39" s="189">
        <v>0</v>
      </c>
      <c r="AD39" s="187">
        <v>0</v>
      </c>
      <c r="AE39" s="190">
        <v>0</v>
      </c>
      <c r="AF39" s="191">
        <v>0</v>
      </c>
      <c r="AG39" s="186">
        <v>0</v>
      </c>
      <c r="AH39" s="187">
        <v>0</v>
      </c>
      <c r="AI39" s="187">
        <v>0</v>
      </c>
      <c r="AJ39" s="188">
        <v>0</v>
      </c>
      <c r="AK39" s="189">
        <v>0</v>
      </c>
      <c r="AL39" s="189">
        <v>0</v>
      </c>
      <c r="AM39" s="189">
        <v>0</v>
      </c>
      <c r="AN39" s="187">
        <v>0</v>
      </c>
      <c r="AO39" s="190">
        <v>0</v>
      </c>
      <c r="AP39" s="192">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Z4:AE4"/>
    <mergeCell ref="AF4:AF5"/>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3"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4" customWidth="1"/>
    <col min="83" max="83" width="7.77734375" style="34" customWidth="1"/>
    <col min="84" max="90" width="9" style="34"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4" customWidth="1"/>
    <col min="116" max="116" width="7.33203125" style="34" customWidth="1"/>
    <col min="117" max="121" width="8.88671875" style="34" customWidth="1"/>
    <col min="122" max="123" width="9.6640625" style="34"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4" customWidth="1"/>
    <col min="171" max="171" width="7.33203125" style="34" customWidth="1"/>
    <col min="172" max="176" width="8.88671875" style="34" customWidth="1"/>
    <col min="177" max="178" width="9.6640625" style="34"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15" t="s">
        <v>144</v>
      </c>
      <c r="E1" s="433">
        <f>第１表!F2</f>
        <v>6</v>
      </c>
      <c r="F1" s="229">
        <f>第１表!G2</f>
        <v>2</v>
      </c>
      <c r="G1" s="643">
        <f>IF(F1&lt;3,F1-2+12,F1-2)</f>
        <v>12</v>
      </c>
      <c r="H1" s="643"/>
      <c r="IB1" s="323"/>
      <c r="IC1" s="235"/>
      <c r="ID1" s="612"/>
      <c r="IE1" s="612"/>
    </row>
    <row r="2" spans="1:409" s="39" customFormat="1" ht="24" customHeight="1" x14ac:dyDescent="0.2">
      <c r="B2" s="15" t="s">
        <v>145</v>
      </c>
      <c r="E2" s="232"/>
      <c r="F2" s="233"/>
      <c r="G2" s="648"/>
      <c r="H2" s="648"/>
      <c r="CB2" s="296"/>
      <c r="CC2" s="296"/>
      <c r="CD2" s="296"/>
      <c r="CE2" s="296"/>
      <c r="CF2" s="296"/>
      <c r="CG2" s="296"/>
      <c r="CH2" s="296"/>
      <c r="CI2" s="296"/>
      <c r="CJ2" s="296"/>
      <c r="CK2" s="296"/>
      <c r="CL2" s="296"/>
      <c r="DI2" s="296"/>
      <c r="DJ2" s="296"/>
      <c r="DK2" s="296"/>
      <c r="DL2" s="296"/>
      <c r="DM2" s="296"/>
      <c r="DN2" s="296"/>
      <c r="DO2" s="296"/>
      <c r="DP2" s="296"/>
      <c r="DQ2" s="296"/>
      <c r="DR2" s="296"/>
      <c r="DS2" s="296"/>
      <c r="FL2" s="296"/>
      <c r="FM2" s="296"/>
      <c r="FN2" s="296"/>
      <c r="FO2" s="296"/>
      <c r="FP2" s="296"/>
      <c r="FQ2" s="296"/>
      <c r="FR2" s="296"/>
      <c r="FS2" s="296"/>
      <c r="FT2" s="296"/>
      <c r="FU2" s="296"/>
      <c r="FV2" s="296"/>
      <c r="HZ2" s="34"/>
      <c r="IA2" s="34"/>
      <c r="IB2" s="234"/>
      <c r="IC2" s="235"/>
      <c r="ID2" s="326"/>
      <c r="IE2" s="326"/>
      <c r="IF2" s="34"/>
      <c r="IG2" s="34"/>
      <c r="IH2" s="34"/>
      <c r="II2" s="34"/>
      <c r="IJ2" s="34"/>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4"/>
      <c r="KZ2" s="34"/>
      <c r="LA2" s="34"/>
      <c r="LB2" s="34"/>
      <c r="LC2" s="34"/>
      <c r="LD2" s="34"/>
      <c r="LE2" s="34"/>
      <c r="LF2" s="34"/>
      <c r="LG2" s="34"/>
      <c r="LH2" s="34"/>
      <c r="LI2" s="34"/>
      <c r="LJ2" s="34"/>
      <c r="LK2" s="34"/>
      <c r="LL2" s="34"/>
      <c r="LM2" s="34"/>
      <c r="LN2" s="34"/>
      <c r="LO2" s="34"/>
      <c r="LP2" s="34"/>
      <c r="LQ2" s="34"/>
      <c r="LR2" s="34"/>
      <c r="LS2" s="34"/>
      <c r="LT2" s="34"/>
      <c r="LU2" s="34"/>
      <c r="LV2" s="34"/>
      <c r="LW2" s="34"/>
      <c r="LX2" s="34"/>
      <c r="LY2" s="34"/>
      <c r="LZ2" s="34"/>
      <c r="MA2" s="34"/>
      <c r="MB2" s="34"/>
      <c r="MC2" s="34"/>
      <c r="MD2" s="34"/>
      <c r="ME2" s="34"/>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39" customFormat="1" ht="24" customHeight="1" thickBot="1" x14ac:dyDescent="0.25">
      <c r="B3" s="15" t="s">
        <v>146</v>
      </c>
      <c r="CB3" s="296"/>
      <c r="CC3" s="296"/>
      <c r="CD3" s="296"/>
      <c r="CE3" s="296"/>
      <c r="CF3" s="296"/>
      <c r="CG3" s="296"/>
      <c r="CH3" s="296"/>
      <c r="CI3" s="296"/>
      <c r="CJ3" s="296"/>
      <c r="CK3" s="296"/>
      <c r="CL3" s="296"/>
      <c r="DI3" s="296"/>
      <c r="DJ3" s="296"/>
      <c r="DK3" s="296"/>
      <c r="DL3" s="296"/>
      <c r="DM3" s="296"/>
      <c r="DN3" s="296"/>
      <c r="DO3" s="296"/>
      <c r="DP3" s="296"/>
      <c r="DQ3" s="296"/>
      <c r="DR3" s="296"/>
      <c r="DS3" s="296"/>
      <c r="FL3" s="296"/>
      <c r="FM3" s="296"/>
      <c r="FN3" s="296"/>
      <c r="FO3" s="296"/>
      <c r="FP3" s="296"/>
      <c r="FQ3" s="296"/>
      <c r="FR3" s="296"/>
      <c r="FS3" s="296"/>
      <c r="FT3" s="296"/>
      <c r="FU3" s="296"/>
      <c r="FV3" s="296"/>
      <c r="HZ3" s="34"/>
      <c r="IA3" s="34"/>
      <c r="IB3" s="34"/>
      <c r="IC3" s="34"/>
      <c r="ID3" s="34"/>
      <c r="IE3" s="34"/>
      <c r="IF3" s="34"/>
      <c r="IG3" s="34"/>
      <c r="IH3" s="34"/>
      <c r="II3" s="34"/>
      <c r="IJ3" s="34"/>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4"/>
      <c r="KZ3" s="34"/>
      <c r="LA3" s="34"/>
      <c r="LB3" s="34"/>
      <c r="LC3" s="34"/>
      <c r="LD3" s="34"/>
      <c r="LE3" s="34"/>
      <c r="LF3" s="34"/>
      <c r="LG3" s="34"/>
      <c r="LH3" s="34"/>
      <c r="LI3" s="34"/>
      <c r="LJ3" s="34"/>
      <c r="LK3" s="34"/>
      <c r="LL3" s="34"/>
      <c r="LM3" s="34"/>
      <c r="LN3" s="34"/>
      <c r="LO3" s="34"/>
      <c r="LP3" s="34"/>
      <c r="LQ3" s="34"/>
      <c r="LR3" s="34"/>
      <c r="LS3" s="34"/>
      <c r="LT3" s="34"/>
      <c r="LU3" s="34"/>
      <c r="LV3" s="34"/>
      <c r="LW3" s="34"/>
      <c r="LX3" s="34"/>
      <c r="LY3" s="34"/>
      <c r="LZ3" s="34"/>
      <c r="MA3" s="34"/>
      <c r="MB3" s="34"/>
      <c r="MC3" s="34"/>
      <c r="MD3" s="34"/>
      <c r="ME3" s="34"/>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25" t="s">
        <v>42</v>
      </c>
      <c r="C4" s="628" t="s">
        <v>63</v>
      </c>
      <c r="D4" s="628"/>
      <c r="E4" s="628"/>
      <c r="F4" s="628"/>
      <c r="G4" s="628"/>
      <c r="H4" s="628"/>
      <c r="I4" s="628"/>
      <c r="J4" s="628"/>
      <c r="K4" s="628"/>
      <c r="L4" s="628"/>
      <c r="M4" s="628"/>
      <c r="N4" s="562"/>
      <c r="O4" s="562"/>
      <c r="P4" s="562"/>
      <c r="Q4" s="562"/>
      <c r="R4" s="562"/>
      <c r="S4" s="562"/>
      <c r="T4" s="562"/>
      <c r="U4" s="562"/>
      <c r="V4" s="562"/>
      <c r="W4" s="562"/>
      <c r="X4" s="562"/>
      <c r="Y4" s="562"/>
      <c r="Z4" s="562"/>
      <c r="AA4" s="562"/>
      <c r="AB4" s="562"/>
      <c r="AC4" s="562"/>
      <c r="AD4" s="562"/>
      <c r="AE4" s="562"/>
      <c r="AF4" s="562"/>
      <c r="AG4" s="562"/>
      <c r="AH4" s="562"/>
      <c r="AI4" s="562"/>
      <c r="AJ4" s="562"/>
      <c r="AK4" s="562"/>
      <c r="AL4" s="562"/>
      <c r="AM4" s="562"/>
      <c r="AN4" s="562"/>
      <c r="AO4" s="562"/>
      <c r="AP4" s="562"/>
      <c r="AQ4" s="562"/>
      <c r="AR4" s="562"/>
      <c r="AS4" s="562"/>
      <c r="AT4" s="562"/>
      <c r="AU4" s="562"/>
      <c r="AV4" s="562"/>
      <c r="AW4" s="562"/>
      <c r="AX4" s="562"/>
      <c r="AY4" s="562"/>
      <c r="AZ4" s="562"/>
      <c r="BA4" s="562"/>
      <c r="BB4" s="562"/>
      <c r="BC4" s="562"/>
      <c r="BD4" s="562"/>
      <c r="BE4" s="562"/>
      <c r="BF4" s="562"/>
      <c r="BG4" s="562"/>
      <c r="BH4" s="562"/>
      <c r="BI4" s="562"/>
      <c r="BJ4" s="562"/>
      <c r="BK4" s="562"/>
      <c r="BL4" s="562"/>
      <c r="BM4" s="562"/>
      <c r="BN4" s="562"/>
      <c r="BO4" s="562"/>
      <c r="BP4" s="562"/>
      <c r="BQ4" s="562"/>
      <c r="BR4" s="562"/>
      <c r="BS4" s="562"/>
      <c r="BT4" s="562"/>
      <c r="BU4" s="562"/>
      <c r="BV4" s="562"/>
      <c r="BW4" s="562"/>
      <c r="BX4" s="562"/>
      <c r="BY4" s="562"/>
      <c r="BZ4" s="562"/>
      <c r="CA4" s="562"/>
      <c r="CB4" s="562"/>
      <c r="CC4" s="562"/>
      <c r="CD4" s="562"/>
      <c r="CE4" s="562"/>
      <c r="CF4" s="562"/>
      <c r="CG4" s="562"/>
      <c r="CH4" s="562"/>
      <c r="CI4" s="562"/>
      <c r="CJ4" s="562"/>
      <c r="CK4" s="562"/>
      <c r="CL4" s="562"/>
      <c r="CM4" s="562"/>
      <c r="CN4" s="562"/>
      <c r="CO4" s="562"/>
      <c r="CP4" s="562"/>
      <c r="CQ4" s="562"/>
      <c r="CR4" s="562"/>
      <c r="CS4" s="562"/>
      <c r="CT4" s="562"/>
      <c r="CU4" s="562"/>
      <c r="CV4" s="562"/>
      <c r="CW4" s="562"/>
      <c r="CX4" s="562"/>
      <c r="CY4" s="562"/>
      <c r="CZ4" s="562"/>
      <c r="DA4" s="562"/>
      <c r="DB4" s="562"/>
      <c r="DC4" s="562"/>
      <c r="DD4" s="562"/>
      <c r="DE4" s="562"/>
      <c r="DF4" s="562"/>
      <c r="DG4" s="562"/>
      <c r="DH4" s="562"/>
      <c r="DI4" s="562"/>
      <c r="DJ4" s="562"/>
      <c r="DK4" s="562"/>
      <c r="DL4" s="562"/>
      <c r="DM4" s="562"/>
      <c r="DN4" s="562"/>
      <c r="DO4" s="562"/>
      <c r="DP4" s="562"/>
      <c r="DQ4" s="562"/>
      <c r="DR4" s="562"/>
      <c r="DS4" s="562"/>
      <c r="DT4" s="562"/>
      <c r="DU4" s="562"/>
      <c r="DV4" s="562"/>
      <c r="DW4" s="562"/>
      <c r="DX4" s="562"/>
      <c r="DY4" s="562"/>
      <c r="DZ4" s="562"/>
      <c r="EA4" s="562"/>
      <c r="EB4" s="562"/>
      <c r="EC4" s="562"/>
      <c r="ED4" s="562"/>
      <c r="EE4" s="562"/>
      <c r="EF4" s="562"/>
      <c r="EG4" s="562"/>
      <c r="EH4" s="562"/>
      <c r="EI4" s="562"/>
      <c r="EJ4" s="562"/>
      <c r="EK4" s="562"/>
      <c r="EL4" s="562"/>
      <c r="EM4" s="562"/>
      <c r="EN4" s="562"/>
      <c r="EO4" s="562"/>
      <c r="EP4" s="562"/>
      <c r="EQ4" s="562"/>
      <c r="ER4" s="562"/>
      <c r="ES4" s="562"/>
      <c r="ET4" s="562"/>
      <c r="EU4" s="562"/>
      <c r="EV4" s="562"/>
      <c r="EW4" s="562"/>
      <c r="EX4" s="562"/>
      <c r="EY4" s="562"/>
      <c r="EZ4" s="562"/>
      <c r="FA4" s="562"/>
      <c r="FB4" s="562"/>
      <c r="FC4" s="562"/>
      <c r="FD4" s="562"/>
      <c r="FE4" s="562"/>
      <c r="FF4" s="562"/>
      <c r="FG4" s="562"/>
      <c r="FH4" s="562"/>
      <c r="FI4" s="562"/>
      <c r="FJ4" s="562"/>
      <c r="FK4" s="562"/>
      <c r="FL4" s="562"/>
      <c r="FM4" s="562"/>
      <c r="FN4" s="562"/>
      <c r="FO4" s="562"/>
      <c r="FP4" s="562"/>
      <c r="FQ4" s="562"/>
      <c r="FR4" s="562"/>
      <c r="FS4" s="562"/>
      <c r="FT4" s="562"/>
      <c r="FU4" s="562"/>
      <c r="FV4" s="562"/>
      <c r="FW4" s="562"/>
      <c r="FX4" s="562"/>
      <c r="FY4" s="562"/>
      <c r="FZ4" s="562"/>
      <c r="GA4" s="562"/>
      <c r="GB4" s="562"/>
      <c r="GC4" s="562"/>
      <c r="GD4" s="562"/>
      <c r="GE4" s="562"/>
      <c r="GF4" s="562"/>
      <c r="GG4" s="562"/>
      <c r="GH4" s="562"/>
      <c r="GI4" s="562"/>
      <c r="GJ4" s="562"/>
      <c r="GK4" s="562"/>
      <c r="GL4" s="562"/>
      <c r="GM4" s="562"/>
      <c r="GN4" s="562"/>
      <c r="GO4" s="562"/>
      <c r="GP4" s="562"/>
      <c r="GQ4" s="562"/>
      <c r="GR4" s="562"/>
      <c r="GS4" s="562"/>
      <c r="GT4" s="562"/>
      <c r="GU4" s="562"/>
      <c r="GV4" s="562"/>
      <c r="GW4" s="562"/>
      <c r="GX4" s="562"/>
      <c r="GY4" s="562"/>
      <c r="GZ4" s="562"/>
      <c r="HA4" s="562"/>
      <c r="HB4" s="562"/>
      <c r="HC4" s="562"/>
      <c r="HD4" s="562"/>
      <c r="HE4" s="562"/>
      <c r="HF4" s="562"/>
      <c r="HG4" s="562"/>
      <c r="HH4" s="562"/>
      <c r="HI4" s="562"/>
      <c r="HJ4" s="562"/>
      <c r="HK4" s="562"/>
      <c r="HL4" s="562"/>
      <c r="HM4" s="562"/>
      <c r="HN4" s="562"/>
      <c r="HO4" s="562"/>
      <c r="HP4" s="562"/>
      <c r="HQ4" s="562"/>
      <c r="HR4" s="562"/>
      <c r="HS4" s="562"/>
      <c r="HT4" s="562"/>
      <c r="HU4" s="562"/>
      <c r="HV4" s="562"/>
      <c r="HW4" s="562"/>
      <c r="HX4" s="562"/>
      <c r="HY4" s="563"/>
      <c r="HZ4" s="609" t="s">
        <v>85</v>
      </c>
      <c r="IA4" s="610"/>
      <c r="IB4" s="610"/>
      <c r="IC4" s="610"/>
      <c r="ID4" s="610"/>
      <c r="IE4" s="610"/>
      <c r="IF4" s="610"/>
      <c r="IG4" s="610"/>
      <c r="IH4" s="610"/>
      <c r="II4" s="610"/>
      <c r="IJ4" s="610"/>
      <c r="IK4" s="610"/>
      <c r="IL4" s="610"/>
      <c r="IM4" s="610"/>
      <c r="IN4" s="610"/>
      <c r="IO4" s="610"/>
      <c r="IP4" s="610"/>
      <c r="IQ4" s="610"/>
      <c r="IR4" s="610"/>
      <c r="IS4" s="610"/>
      <c r="IT4" s="610"/>
      <c r="IU4" s="610"/>
      <c r="IV4" s="610"/>
      <c r="IW4" s="610"/>
      <c r="IX4" s="610"/>
      <c r="IY4" s="610"/>
      <c r="IZ4" s="610"/>
      <c r="JA4" s="610"/>
      <c r="JB4" s="610"/>
      <c r="JC4" s="610"/>
      <c r="JD4" s="610"/>
      <c r="JE4" s="610"/>
      <c r="JF4" s="610"/>
      <c r="JG4" s="610"/>
      <c r="JH4" s="610"/>
      <c r="JI4" s="610"/>
      <c r="JJ4" s="610"/>
      <c r="JK4" s="610"/>
      <c r="JL4" s="610"/>
      <c r="JM4" s="610"/>
      <c r="JN4" s="610"/>
      <c r="JO4" s="610"/>
      <c r="JP4" s="610"/>
      <c r="JQ4" s="610"/>
      <c r="JR4" s="610"/>
      <c r="JS4" s="610"/>
      <c r="JT4" s="610"/>
      <c r="JU4" s="610"/>
      <c r="JV4" s="610"/>
      <c r="JW4" s="610"/>
      <c r="JX4" s="610"/>
      <c r="JY4" s="610"/>
      <c r="JZ4" s="610"/>
      <c r="KA4" s="610"/>
      <c r="KB4" s="610"/>
      <c r="KC4" s="610"/>
      <c r="KD4" s="610"/>
      <c r="KE4" s="610"/>
      <c r="KF4" s="610"/>
      <c r="KG4" s="610"/>
      <c r="KH4" s="610"/>
      <c r="KI4" s="610"/>
      <c r="KJ4" s="610"/>
      <c r="KK4" s="610"/>
      <c r="KL4" s="610"/>
      <c r="KM4" s="610"/>
      <c r="KN4" s="610"/>
      <c r="KO4" s="610"/>
      <c r="KP4" s="610"/>
      <c r="KQ4" s="610"/>
      <c r="KR4" s="610"/>
      <c r="KS4" s="610"/>
      <c r="KT4" s="610"/>
      <c r="KU4" s="610"/>
      <c r="KV4" s="610"/>
      <c r="KW4" s="610"/>
      <c r="KX4" s="610"/>
      <c r="KY4" s="610"/>
      <c r="KZ4" s="610"/>
      <c r="LA4" s="610"/>
      <c r="LB4" s="610"/>
      <c r="LC4" s="610"/>
      <c r="LD4" s="610"/>
      <c r="LE4" s="610"/>
      <c r="LF4" s="610"/>
      <c r="LG4" s="610"/>
      <c r="LH4" s="610"/>
      <c r="LI4" s="610"/>
      <c r="LJ4" s="610"/>
      <c r="LK4" s="610"/>
      <c r="LL4" s="610"/>
      <c r="LM4" s="610"/>
      <c r="LN4" s="610"/>
      <c r="LO4" s="610"/>
      <c r="LP4" s="610"/>
      <c r="LQ4" s="610"/>
      <c r="LR4" s="610"/>
      <c r="LS4" s="610"/>
      <c r="LT4" s="610"/>
      <c r="LU4" s="610"/>
      <c r="LV4" s="610"/>
      <c r="LW4" s="610"/>
      <c r="LX4" s="610"/>
      <c r="LY4" s="610"/>
      <c r="LZ4" s="610"/>
      <c r="MA4" s="610"/>
      <c r="MB4" s="610"/>
      <c r="MC4" s="610"/>
      <c r="MD4" s="610"/>
      <c r="ME4" s="611"/>
      <c r="MF4" s="609" t="s">
        <v>86</v>
      </c>
      <c r="MG4" s="610"/>
      <c r="MH4" s="610"/>
      <c r="MI4" s="610"/>
      <c r="MJ4" s="610"/>
      <c r="MK4" s="610"/>
      <c r="ML4" s="610"/>
      <c r="MM4" s="610"/>
      <c r="MN4" s="610"/>
      <c r="MO4" s="610"/>
      <c r="MP4" s="610"/>
      <c r="MQ4" s="610"/>
      <c r="MR4" s="610"/>
      <c r="MS4" s="610"/>
      <c r="MT4" s="610"/>
      <c r="MU4" s="610"/>
      <c r="MV4" s="610"/>
      <c r="MW4" s="610"/>
      <c r="MX4" s="610"/>
      <c r="MY4" s="610"/>
      <c r="MZ4" s="610"/>
      <c r="NA4" s="610"/>
      <c r="NB4" s="610"/>
      <c r="NC4" s="610"/>
      <c r="ND4" s="610"/>
      <c r="NE4" s="610"/>
      <c r="NF4" s="610"/>
      <c r="NG4" s="610"/>
      <c r="NH4" s="610"/>
      <c r="NI4" s="610"/>
      <c r="NJ4" s="610"/>
      <c r="NK4" s="610"/>
      <c r="NL4" s="610"/>
      <c r="NM4" s="610"/>
      <c r="NN4" s="610"/>
      <c r="NO4" s="610"/>
      <c r="NP4" s="610"/>
      <c r="NQ4" s="610"/>
      <c r="NR4" s="610"/>
      <c r="NS4" s="610"/>
      <c r="NT4" s="610"/>
      <c r="NU4" s="610"/>
      <c r="NV4" s="610"/>
      <c r="NW4" s="610"/>
      <c r="NX4" s="610"/>
      <c r="NY4" s="610"/>
      <c r="NZ4" s="610"/>
      <c r="OA4" s="610"/>
      <c r="OB4" s="610"/>
      <c r="OC4" s="610"/>
      <c r="OD4" s="610"/>
      <c r="OE4" s="610"/>
      <c r="OF4" s="610"/>
      <c r="OG4" s="610"/>
      <c r="OH4" s="611"/>
      <c r="OI4" s="564" t="s">
        <v>60</v>
      </c>
      <c r="OJ4" s="474"/>
      <c r="OK4" s="474"/>
      <c r="OL4" s="474"/>
      <c r="OM4" s="474"/>
      <c r="ON4" s="474"/>
      <c r="OO4" s="474"/>
      <c r="OP4" s="474"/>
      <c r="OQ4" s="474"/>
      <c r="OR4" s="474"/>
      <c r="OS4" s="475"/>
    </row>
    <row r="5" spans="1:409" ht="21" customHeight="1" thickBot="1" x14ac:dyDescent="0.25">
      <c r="B5" s="626"/>
      <c r="C5" s="629"/>
      <c r="D5" s="629"/>
      <c r="E5" s="629"/>
      <c r="F5" s="629"/>
      <c r="G5" s="629"/>
      <c r="H5" s="629"/>
      <c r="I5" s="629"/>
      <c r="J5" s="629"/>
      <c r="K5" s="629"/>
      <c r="L5" s="629"/>
      <c r="M5" s="629"/>
      <c r="N5" s="631" t="s">
        <v>64</v>
      </c>
      <c r="O5" s="632"/>
      <c r="P5" s="632"/>
      <c r="Q5" s="632"/>
      <c r="R5" s="632"/>
      <c r="S5" s="632"/>
      <c r="T5" s="632"/>
      <c r="U5" s="632"/>
      <c r="V5" s="632"/>
      <c r="W5" s="632"/>
      <c r="X5" s="632"/>
      <c r="Y5" s="632"/>
      <c r="Z5" s="632"/>
      <c r="AA5" s="632"/>
      <c r="AB5" s="632"/>
      <c r="AC5" s="632"/>
      <c r="AD5" s="632"/>
      <c r="AE5" s="632"/>
      <c r="AF5" s="632"/>
      <c r="AG5" s="632"/>
      <c r="AH5" s="632"/>
      <c r="AI5" s="632"/>
      <c r="AJ5" s="632"/>
      <c r="AK5" s="632"/>
      <c r="AL5" s="632"/>
      <c r="AM5" s="632"/>
      <c r="AN5" s="632"/>
      <c r="AO5" s="632"/>
      <c r="AP5" s="632"/>
      <c r="AQ5" s="632"/>
      <c r="AR5" s="632"/>
      <c r="AS5" s="632"/>
      <c r="AT5" s="632"/>
      <c r="AU5" s="632"/>
      <c r="AV5" s="632"/>
      <c r="AW5" s="632"/>
      <c r="AX5" s="632"/>
      <c r="AY5" s="632"/>
      <c r="AZ5" s="632"/>
      <c r="BA5" s="632"/>
      <c r="BB5" s="632"/>
      <c r="BC5" s="632"/>
      <c r="BD5" s="632"/>
      <c r="BE5" s="632"/>
      <c r="BF5" s="632"/>
      <c r="BG5" s="632"/>
      <c r="BH5" s="632"/>
      <c r="BI5" s="632"/>
      <c r="BJ5" s="632"/>
      <c r="BK5" s="632"/>
      <c r="BL5" s="632"/>
      <c r="BM5" s="632"/>
      <c r="BN5" s="632"/>
      <c r="BO5" s="632"/>
      <c r="BP5" s="632"/>
      <c r="BQ5" s="632"/>
      <c r="BR5" s="632"/>
      <c r="BS5" s="632"/>
      <c r="BT5" s="632"/>
      <c r="BU5" s="632"/>
      <c r="BV5" s="632"/>
      <c r="BW5" s="632"/>
      <c r="BX5" s="632"/>
      <c r="BY5" s="632"/>
      <c r="BZ5" s="632"/>
      <c r="CA5" s="633"/>
      <c r="CB5" s="631" t="s">
        <v>65</v>
      </c>
      <c r="CC5" s="632"/>
      <c r="CD5" s="632"/>
      <c r="CE5" s="632"/>
      <c r="CF5" s="632"/>
      <c r="CG5" s="632"/>
      <c r="CH5" s="632"/>
      <c r="CI5" s="632"/>
      <c r="CJ5" s="632"/>
      <c r="CK5" s="632"/>
      <c r="CL5" s="632"/>
      <c r="CM5" s="632"/>
      <c r="CN5" s="632"/>
      <c r="CO5" s="632"/>
      <c r="CP5" s="632"/>
      <c r="CQ5" s="632"/>
      <c r="CR5" s="632"/>
      <c r="CS5" s="632"/>
      <c r="CT5" s="632"/>
      <c r="CU5" s="632"/>
      <c r="CV5" s="632"/>
      <c r="CW5" s="632"/>
      <c r="CX5" s="632"/>
      <c r="CY5" s="632"/>
      <c r="CZ5" s="632"/>
      <c r="DA5" s="632"/>
      <c r="DB5" s="632"/>
      <c r="DC5" s="632"/>
      <c r="DD5" s="632"/>
      <c r="DE5" s="632"/>
      <c r="DF5" s="632"/>
      <c r="DG5" s="632"/>
      <c r="DH5" s="633"/>
      <c r="DI5" s="609" t="s">
        <v>66</v>
      </c>
      <c r="DJ5" s="610"/>
      <c r="DK5" s="610"/>
      <c r="DL5" s="610"/>
      <c r="DM5" s="610"/>
      <c r="DN5" s="610"/>
      <c r="DO5" s="610"/>
      <c r="DP5" s="610"/>
      <c r="DQ5" s="610"/>
      <c r="DR5" s="610"/>
      <c r="DS5" s="610"/>
      <c r="DT5" s="610"/>
      <c r="DU5" s="610"/>
      <c r="DV5" s="610"/>
      <c r="DW5" s="610"/>
      <c r="DX5" s="610"/>
      <c r="DY5" s="610"/>
      <c r="DZ5" s="610"/>
      <c r="EA5" s="610"/>
      <c r="EB5" s="610"/>
      <c r="EC5" s="610"/>
      <c r="ED5" s="610"/>
      <c r="EE5" s="610"/>
      <c r="EF5" s="610"/>
      <c r="EG5" s="610"/>
      <c r="EH5" s="610"/>
      <c r="EI5" s="610"/>
      <c r="EJ5" s="610"/>
      <c r="EK5" s="610"/>
      <c r="EL5" s="610"/>
      <c r="EM5" s="610"/>
      <c r="EN5" s="610"/>
      <c r="EO5" s="610"/>
      <c r="EP5" s="610"/>
      <c r="EQ5" s="610"/>
      <c r="ER5" s="610"/>
      <c r="ES5" s="610"/>
      <c r="ET5" s="610"/>
      <c r="EU5" s="610"/>
      <c r="EV5" s="610"/>
      <c r="EW5" s="610"/>
      <c r="EX5" s="610"/>
      <c r="EY5" s="610"/>
      <c r="EZ5" s="610"/>
      <c r="FA5" s="610"/>
      <c r="FB5" s="610"/>
      <c r="FC5" s="610"/>
      <c r="FD5" s="610"/>
      <c r="FE5" s="610"/>
      <c r="FF5" s="610"/>
      <c r="FG5" s="610"/>
      <c r="FH5" s="610"/>
      <c r="FI5" s="610"/>
      <c r="FJ5" s="610"/>
      <c r="FK5" s="611"/>
      <c r="FL5" s="631" t="s">
        <v>67</v>
      </c>
      <c r="FM5" s="632"/>
      <c r="FN5" s="632"/>
      <c r="FO5" s="632"/>
      <c r="FP5" s="632"/>
      <c r="FQ5" s="632"/>
      <c r="FR5" s="632"/>
      <c r="FS5" s="632"/>
      <c r="FT5" s="632"/>
      <c r="FU5" s="632"/>
      <c r="FV5" s="632"/>
      <c r="FW5" s="632"/>
      <c r="FX5" s="632"/>
      <c r="FY5" s="632"/>
      <c r="FZ5" s="632"/>
      <c r="GA5" s="632"/>
      <c r="GB5" s="632"/>
      <c r="GC5" s="632"/>
      <c r="GD5" s="632"/>
      <c r="GE5" s="632"/>
      <c r="GF5" s="632"/>
      <c r="GG5" s="632"/>
      <c r="GH5" s="632"/>
      <c r="GI5" s="632"/>
      <c r="GJ5" s="632"/>
      <c r="GK5" s="632"/>
      <c r="GL5" s="632"/>
      <c r="GM5" s="632"/>
      <c r="GN5" s="632"/>
      <c r="GO5" s="632"/>
      <c r="GP5" s="632"/>
      <c r="GQ5" s="632"/>
      <c r="GR5" s="632"/>
      <c r="GS5" s="632"/>
      <c r="GT5" s="632"/>
      <c r="GU5" s="632"/>
      <c r="GV5" s="632"/>
      <c r="GW5" s="632"/>
      <c r="GX5" s="632"/>
      <c r="GY5" s="632"/>
      <c r="GZ5" s="632"/>
      <c r="HA5" s="632"/>
      <c r="HB5" s="632"/>
      <c r="HC5" s="633"/>
      <c r="HD5" s="634" t="s">
        <v>68</v>
      </c>
      <c r="HE5" s="635"/>
      <c r="HF5" s="635"/>
      <c r="HG5" s="635"/>
      <c r="HH5" s="635"/>
      <c r="HI5" s="635"/>
      <c r="HJ5" s="635"/>
      <c r="HK5" s="635"/>
      <c r="HL5" s="635"/>
      <c r="HM5" s="635"/>
      <c r="HN5" s="636"/>
      <c r="HO5" s="634" t="s">
        <v>69</v>
      </c>
      <c r="HP5" s="635"/>
      <c r="HQ5" s="635"/>
      <c r="HR5" s="635"/>
      <c r="HS5" s="635"/>
      <c r="HT5" s="635"/>
      <c r="HU5" s="635"/>
      <c r="HV5" s="635"/>
      <c r="HW5" s="635"/>
      <c r="HX5" s="635"/>
      <c r="HY5" s="636"/>
      <c r="HZ5" s="588"/>
      <c r="IA5" s="589"/>
      <c r="IB5" s="589"/>
      <c r="IC5" s="589"/>
      <c r="ID5" s="589"/>
      <c r="IE5" s="589"/>
      <c r="IF5" s="589"/>
      <c r="IG5" s="589"/>
      <c r="IH5" s="589"/>
      <c r="II5" s="589"/>
      <c r="IJ5" s="590"/>
      <c r="IK5" s="564" t="s">
        <v>94</v>
      </c>
      <c r="IL5" s="474"/>
      <c r="IM5" s="474"/>
      <c r="IN5" s="474"/>
      <c r="IO5" s="474"/>
      <c r="IP5" s="474"/>
      <c r="IQ5" s="474"/>
      <c r="IR5" s="474"/>
      <c r="IS5" s="474"/>
      <c r="IT5" s="474"/>
      <c r="IU5" s="475"/>
      <c r="IV5" s="564" t="s">
        <v>88</v>
      </c>
      <c r="IW5" s="474"/>
      <c r="IX5" s="474"/>
      <c r="IY5" s="474"/>
      <c r="IZ5" s="474"/>
      <c r="JA5" s="474"/>
      <c r="JB5" s="474"/>
      <c r="JC5" s="474"/>
      <c r="JD5" s="474"/>
      <c r="JE5" s="474"/>
      <c r="JF5" s="475"/>
      <c r="JG5" s="594" t="s">
        <v>142</v>
      </c>
      <c r="JH5" s="595"/>
      <c r="JI5" s="595"/>
      <c r="JJ5" s="595"/>
      <c r="JK5" s="595"/>
      <c r="JL5" s="595"/>
      <c r="JM5" s="595"/>
      <c r="JN5" s="595"/>
      <c r="JO5" s="595"/>
      <c r="JP5" s="595"/>
      <c r="JQ5" s="596"/>
      <c r="JR5" s="564" t="s">
        <v>90</v>
      </c>
      <c r="JS5" s="474"/>
      <c r="JT5" s="474"/>
      <c r="JU5" s="474"/>
      <c r="JV5" s="474"/>
      <c r="JW5" s="474"/>
      <c r="JX5" s="474"/>
      <c r="JY5" s="474"/>
      <c r="JZ5" s="474"/>
      <c r="KA5" s="474"/>
      <c r="KB5" s="475"/>
      <c r="KC5" s="564" t="s">
        <v>89</v>
      </c>
      <c r="KD5" s="474"/>
      <c r="KE5" s="474"/>
      <c r="KF5" s="474"/>
      <c r="KG5" s="474"/>
      <c r="KH5" s="474"/>
      <c r="KI5" s="474"/>
      <c r="KJ5" s="474"/>
      <c r="KK5" s="474"/>
      <c r="KL5" s="474"/>
      <c r="KM5" s="475"/>
      <c r="KN5" s="564" t="s">
        <v>91</v>
      </c>
      <c r="KO5" s="474"/>
      <c r="KP5" s="474"/>
      <c r="KQ5" s="474"/>
      <c r="KR5" s="474"/>
      <c r="KS5" s="474"/>
      <c r="KT5" s="474"/>
      <c r="KU5" s="474"/>
      <c r="KV5" s="474"/>
      <c r="KW5" s="474"/>
      <c r="KX5" s="475"/>
      <c r="KY5" s="564" t="s">
        <v>92</v>
      </c>
      <c r="KZ5" s="474"/>
      <c r="LA5" s="474"/>
      <c r="LB5" s="474"/>
      <c r="LC5" s="474"/>
      <c r="LD5" s="474"/>
      <c r="LE5" s="474"/>
      <c r="LF5" s="474"/>
      <c r="LG5" s="474"/>
      <c r="LH5" s="474"/>
      <c r="LI5" s="475"/>
      <c r="LJ5" s="600" t="s">
        <v>93</v>
      </c>
      <c r="LK5" s="601"/>
      <c r="LL5" s="601"/>
      <c r="LM5" s="601"/>
      <c r="LN5" s="601"/>
      <c r="LO5" s="601"/>
      <c r="LP5" s="601"/>
      <c r="LQ5" s="601"/>
      <c r="LR5" s="601"/>
      <c r="LS5" s="601"/>
      <c r="LT5" s="602"/>
      <c r="LU5" s="603" t="s">
        <v>143</v>
      </c>
      <c r="LV5" s="604"/>
      <c r="LW5" s="604"/>
      <c r="LX5" s="604"/>
      <c r="LY5" s="604"/>
      <c r="LZ5" s="604"/>
      <c r="MA5" s="604"/>
      <c r="MB5" s="604"/>
      <c r="MC5" s="604"/>
      <c r="MD5" s="604"/>
      <c r="ME5" s="605"/>
      <c r="MF5" s="588"/>
      <c r="MG5" s="589"/>
      <c r="MH5" s="589"/>
      <c r="MI5" s="589"/>
      <c r="MJ5" s="589"/>
      <c r="MK5" s="589"/>
      <c r="ML5" s="589"/>
      <c r="MM5" s="589"/>
      <c r="MN5" s="589"/>
      <c r="MO5" s="589"/>
      <c r="MP5" s="590"/>
      <c r="MQ5" s="564" t="s">
        <v>57</v>
      </c>
      <c r="MR5" s="474"/>
      <c r="MS5" s="474"/>
      <c r="MT5" s="474"/>
      <c r="MU5" s="474"/>
      <c r="MV5" s="474"/>
      <c r="MW5" s="474"/>
      <c r="MX5" s="474"/>
      <c r="MY5" s="474"/>
      <c r="MZ5" s="474"/>
      <c r="NA5" s="475"/>
      <c r="NB5" s="564" t="s">
        <v>58</v>
      </c>
      <c r="NC5" s="474"/>
      <c r="ND5" s="474"/>
      <c r="NE5" s="474"/>
      <c r="NF5" s="474"/>
      <c r="NG5" s="474"/>
      <c r="NH5" s="474"/>
      <c r="NI5" s="474"/>
      <c r="NJ5" s="474"/>
      <c r="NK5" s="474"/>
      <c r="NL5" s="475"/>
      <c r="NM5" s="564" t="s">
        <v>59</v>
      </c>
      <c r="NN5" s="474"/>
      <c r="NO5" s="474"/>
      <c r="NP5" s="474"/>
      <c r="NQ5" s="474"/>
      <c r="NR5" s="474"/>
      <c r="NS5" s="474"/>
      <c r="NT5" s="474"/>
      <c r="NU5" s="474"/>
      <c r="NV5" s="474"/>
      <c r="NW5" s="475"/>
      <c r="NX5" s="613" t="s">
        <v>149</v>
      </c>
      <c r="NY5" s="614"/>
      <c r="NZ5" s="614"/>
      <c r="OA5" s="614"/>
      <c r="OB5" s="614"/>
      <c r="OC5" s="614"/>
      <c r="OD5" s="614"/>
      <c r="OE5" s="614"/>
      <c r="OF5" s="614"/>
      <c r="OG5" s="614"/>
      <c r="OH5" s="615"/>
      <c r="OI5" s="585"/>
      <c r="OJ5" s="586"/>
      <c r="OK5" s="586"/>
      <c r="OL5" s="586"/>
      <c r="OM5" s="586"/>
      <c r="ON5" s="586"/>
      <c r="OO5" s="586"/>
      <c r="OP5" s="586"/>
      <c r="OQ5" s="586"/>
      <c r="OR5" s="586"/>
      <c r="OS5" s="587"/>
    </row>
    <row r="6" spans="1:409" ht="21" customHeight="1" thickBot="1" x14ac:dyDescent="0.25">
      <c r="B6" s="626"/>
      <c r="C6" s="630"/>
      <c r="D6" s="630"/>
      <c r="E6" s="630"/>
      <c r="F6" s="630"/>
      <c r="G6" s="630"/>
      <c r="H6" s="630"/>
      <c r="I6" s="630"/>
      <c r="J6" s="630"/>
      <c r="K6" s="630"/>
      <c r="L6" s="630"/>
      <c r="M6" s="630"/>
      <c r="N6" s="565"/>
      <c r="O6" s="556"/>
      <c r="P6" s="556"/>
      <c r="Q6" s="556"/>
      <c r="R6" s="556"/>
      <c r="S6" s="556"/>
      <c r="T6" s="556"/>
      <c r="U6" s="556"/>
      <c r="V6" s="556"/>
      <c r="W6" s="556"/>
      <c r="X6" s="566"/>
      <c r="Y6" s="567" t="s">
        <v>70</v>
      </c>
      <c r="Z6" s="568"/>
      <c r="AA6" s="568"/>
      <c r="AB6" s="568"/>
      <c r="AC6" s="568"/>
      <c r="AD6" s="568"/>
      <c r="AE6" s="568"/>
      <c r="AF6" s="568"/>
      <c r="AG6" s="568"/>
      <c r="AH6" s="568"/>
      <c r="AI6" s="569"/>
      <c r="AJ6" s="634" t="s">
        <v>71</v>
      </c>
      <c r="AK6" s="635"/>
      <c r="AL6" s="635"/>
      <c r="AM6" s="635"/>
      <c r="AN6" s="635"/>
      <c r="AO6" s="635"/>
      <c r="AP6" s="635"/>
      <c r="AQ6" s="635"/>
      <c r="AR6" s="635"/>
      <c r="AS6" s="635"/>
      <c r="AT6" s="636"/>
      <c r="AU6" s="644" t="s">
        <v>72</v>
      </c>
      <c r="AV6" s="645"/>
      <c r="AW6" s="645"/>
      <c r="AX6" s="645"/>
      <c r="AY6" s="645"/>
      <c r="AZ6" s="645"/>
      <c r="BA6" s="645"/>
      <c r="BB6" s="645"/>
      <c r="BC6" s="645"/>
      <c r="BD6" s="645"/>
      <c r="BE6" s="646"/>
      <c r="BF6" s="644" t="s">
        <v>73</v>
      </c>
      <c r="BG6" s="645"/>
      <c r="BH6" s="645"/>
      <c r="BI6" s="645"/>
      <c r="BJ6" s="645"/>
      <c r="BK6" s="645"/>
      <c r="BL6" s="645"/>
      <c r="BM6" s="645"/>
      <c r="BN6" s="645"/>
      <c r="BO6" s="645"/>
      <c r="BP6" s="646"/>
      <c r="BQ6" s="644" t="s">
        <v>74</v>
      </c>
      <c r="BR6" s="645"/>
      <c r="BS6" s="645"/>
      <c r="BT6" s="645"/>
      <c r="BU6" s="645"/>
      <c r="BV6" s="645"/>
      <c r="BW6" s="645"/>
      <c r="BX6" s="645"/>
      <c r="BY6" s="645"/>
      <c r="BZ6" s="645"/>
      <c r="CA6" s="646"/>
      <c r="CB6" s="591"/>
      <c r="CC6" s="592"/>
      <c r="CD6" s="592"/>
      <c r="CE6" s="592"/>
      <c r="CF6" s="592"/>
      <c r="CG6" s="592"/>
      <c r="CH6" s="592"/>
      <c r="CI6" s="592"/>
      <c r="CJ6" s="592"/>
      <c r="CK6" s="592"/>
      <c r="CL6" s="593"/>
      <c r="CM6" s="644" t="s">
        <v>75</v>
      </c>
      <c r="CN6" s="645"/>
      <c r="CO6" s="645"/>
      <c r="CP6" s="645"/>
      <c r="CQ6" s="645"/>
      <c r="CR6" s="645"/>
      <c r="CS6" s="645"/>
      <c r="CT6" s="645"/>
      <c r="CU6" s="645"/>
      <c r="CV6" s="645"/>
      <c r="CW6" s="646"/>
      <c r="CX6" s="644" t="s">
        <v>76</v>
      </c>
      <c r="CY6" s="645"/>
      <c r="CZ6" s="645"/>
      <c r="DA6" s="645"/>
      <c r="DB6" s="645"/>
      <c r="DC6" s="645"/>
      <c r="DD6" s="645"/>
      <c r="DE6" s="645"/>
      <c r="DF6" s="645"/>
      <c r="DG6" s="645"/>
      <c r="DH6" s="646"/>
      <c r="DI6" s="591"/>
      <c r="DJ6" s="592"/>
      <c r="DK6" s="592"/>
      <c r="DL6" s="592"/>
      <c r="DM6" s="592"/>
      <c r="DN6" s="592"/>
      <c r="DO6" s="592"/>
      <c r="DP6" s="592"/>
      <c r="DQ6" s="592"/>
      <c r="DR6" s="592"/>
      <c r="DS6" s="592"/>
      <c r="DT6" s="644" t="s">
        <v>77</v>
      </c>
      <c r="DU6" s="645"/>
      <c r="DV6" s="645"/>
      <c r="DW6" s="645"/>
      <c r="DX6" s="645"/>
      <c r="DY6" s="645"/>
      <c r="DZ6" s="645"/>
      <c r="EA6" s="645"/>
      <c r="EB6" s="645"/>
      <c r="EC6" s="645"/>
      <c r="ED6" s="646"/>
      <c r="EE6" s="644" t="s">
        <v>78</v>
      </c>
      <c r="EF6" s="645"/>
      <c r="EG6" s="645"/>
      <c r="EH6" s="645"/>
      <c r="EI6" s="645"/>
      <c r="EJ6" s="645"/>
      <c r="EK6" s="645"/>
      <c r="EL6" s="645"/>
      <c r="EM6" s="645"/>
      <c r="EN6" s="645"/>
      <c r="EO6" s="646"/>
      <c r="EP6" s="644" t="s">
        <v>79</v>
      </c>
      <c r="EQ6" s="645"/>
      <c r="ER6" s="645"/>
      <c r="ES6" s="645"/>
      <c r="ET6" s="645"/>
      <c r="EU6" s="645"/>
      <c r="EV6" s="645"/>
      <c r="EW6" s="645"/>
      <c r="EX6" s="645"/>
      <c r="EY6" s="645"/>
      <c r="EZ6" s="646"/>
      <c r="FA6" s="647" t="s">
        <v>150</v>
      </c>
      <c r="FB6" s="645"/>
      <c r="FC6" s="645"/>
      <c r="FD6" s="645"/>
      <c r="FE6" s="645"/>
      <c r="FF6" s="645"/>
      <c r="FG6" s="645"/>
      <c r="FH6" s="645"/>
      <c r="FI6" s="645"/>
      <c r="FJ6" s="645"/>
      <c r="FK6" s="646"/>
      <c r="FL6" s="591"/>
      <c r="FM6" s="592"/>
      <c r="FN6" s="592"/>
      <c r="FO6" s="592"/>
      <c r="FP6" s="592"/>
      <c r="FQ6" s="592"/>
      <c r="FR6" s="592"/>
      <c r="FS6" s="592"/>
      <c r="FT6" s="592"/>
      <c r="FU6" s="592"/>
      <c r="FV6" s="592"/>
      <c r="FW6" s="644" t="s">
        <v>80</v>
      </c>
      <c r="FX6" s="645"/>
      <c r="FY6" s="645"/>
      <c r="FZ6" s="645"/>
      <c r="GA6" s="645"/>
      <c r="GB6" s="645"/>
      <c r="GC6" s="645"/>
      <c r="GD6" s="645"/>
      <c r="GE6" s="645"/>
      <c r="GF6" s="645"/>
      <c r="GG6" s="646"/>
      <c r="GH6" s="567" t="s">
        <v>81</v>
      </c>
      <c r="GI6" s="568"/>
      <c r="GJ6" s="568"/>
      <c r="GK6" s="568"/>
      <c r="GL6" s="568"/>
      <c r="GM6" s="568"/>
      <c r="GN6" s="568"/>
      <c r="GO6" s="568"/>
      <c r="GP6" s="568"/>
      <c r="GQ6" s="568"/>
      <c r="GR6" s="569"/>
      <c r="GS6" s="567" t="s">
        <v>82</v>
      </c>
      <c r="GT6" s="568"/>
      <c r="GU6" s="568"/>
      <c r="GV6" s="568"/>
      <c r="GW6" s="568"/>
      <c r="GX6" s="568"/>
      <c r="GY6" s="568"/>
      <c r="GZ6" s="568"/>
      <c r="HA6" s="568"/>
      <c r="HB6" s="568"/>
      <c r="HC6" s="569"/>
      <c r="HD6" s="637"/>
      <c r="HE6" s="638"/>
      <c r="HF6" s="638"/>
      <c r="HG6" s="638"/>
      <c r="HH6" s="638"/>
      <c r="HI6" s="638"/>
      <c r="HJ6" s="638"/>
      <c r="HK6" s="638"/>
      <c r="HL6" s="638"/>
      <c r="HM6" s="638"/>
      <c r="HN6" s="639"/>
      <c r="HO6" s="637"/>
      <c r="HP6" s="638"/>
      <c r="HQ6" s="638"/>
      <c r="HR6" s="638"/>
      <c r="HS6" s="638"/>
      <c r="HT6" s="638"/>
      <c r="HU6" s="638"/>
      <c r="HV6" s="638"/>
      <c r="HW6" s="638"/>
      <c r="HX6" s="638"/>
      <c r="HY6" s="639"/>
      <c r="HZ6" s="591"/>
      <c r="IA6" s="592"/>
      <c r="IB6" s="592"/>
      <c r="IC6" s="592"/>
      <c r="ID6" s="592"/>
      <c r="IE6" s="592"/>
      <c r="IF6" s="592"/>
      <c r="IG6" s="592"/>
      <c r="IH6" s="592"/>
      <c r="II6" s="592"/>
      <c r="IJ6" s="593"/>
      <c r="IK6" s="565"/>
      <c r="IL6" s="556"/>
      <c r="IM6" s="556"/>
      <c r="IN6" s="556"/>
      <c r="IO6" s="556"/>
      <c r="IP6" s="556"/>
      <c r="IQ6" s="556"/>
      <c r="IR6" s="556"/>
      <c r="IS6" s="556"/>
      <c r="IT6" s="556"/>
      <c r="IU6" s="566"/>
      <c r="IV6" s="565"/>
      <c r="IW6" s="556"/>
      <c r="IX6" s="556"/>
      <c r="IY6" s="556"/>
      <c r="IZ6" s="556"/>
      <c r="JA6" s="556"/>
      <c r="JB6" s="556"/>
      <c r="JC6" s="556"/>
      <c r="JD6" s="556"/>
      <c r="JE6" s="556"/>
      <c r="JF6" s="566"/>
      <c r="JG6" s="597"/>
      <c r="JH6" s="598"/>
      <c r="JI6" s="598"/>
      <c r="JJ6" s="598"/>
      <c r="JK6" s="598"/>
      <c r="JL6" s="598"/>
      <c r="JM6" s="598"/>
      <c r="JN6" s="598"/>
      <c r="JO6" s="598"/>
      <c r="JP6" s="598"/>
      <c r="JQ6" s="599"/>
      <c r="JR6" s="565"/>
      <c r="JS6" s="556"/>
      <c r="JT6" s="556"/>
      <c r="JU6" s="556"/>
      <c r="JV6" s="556"/>
      <c r="JW6" s="556"/>
      <c r="JX6" s="556"/>
      <c r="JY6" s="556"/>
      <c r="JZ6" s="556"/>
      <c r="KA6" s="556"/>
      <c r="KB6" s="566"/>
      <c r="KC6" s="565"/>
      <c r="KD6" s="556"/>
      <c r="KE6" s="556"/>
      <c r="KF6" s="556"/>
      <c r="KG6" s="556"/>
      <c r="KH6" s="556"/>
      <c r="KI6" s="556"/>
      <c r="KJ6" s="556"/>
      <c r="KK6" s="556"/>
      <c r="KL6" s="556"/>
      <c r="KM6" s="566"/>
      <c r="KN6" s="565"/>
      <c r="KO6" s="556"/>
      <c r="KP6" s="556"/>
      <c r="KQ6" s="556"/>
      <c r="KR6" s="556"/>
      <c r="KS6" s="556"/>
      <c r="KT6" s="556"/>
      <c r="KU6" s="556"/>
      <c r="KV6" s="556"/>
      <c r="KW6" s="556"/>
      <c r="KX6" s="566"/>
      <c r="KY6" s="565"/>
      <c r="KZ6" s="556"/>
      <c r="LA6" s="556"/>
      <c r="LB6" s="556"/>
      <c r="LC6" s="556"/>
      <c r="LD6" s="556"/>
      <c r="LE6" s="556"/>
      <c r="LF6" s="556"/>
      <c r="LG6" s="556"/>
      <c r="LH6" s="556"/>
      <c r="LI6" s="566"/>
      <c r="LJ6" s="591"/>
      <c r="LK6" s="592"/>
      <c r="LL6" s="592"/>
      <c r="LM6" s="592"/>
      <c r="LN6" s="592"/>
      <c r="LO6" s="592"/>
      <c r="LP6" s="592"/>
      <c r="LQ6" s="592"/>
      <c r="LR6" s="592"/>
      <c r="LS6" s="592"/>
      <c r="LT6" s="593"/>
      <c r="LU6" s="606"/>
      <c r="LV6" s="607"/>
      <c r="LW6" s="607"/>
      <c r="LX6" s="607"/>
      <c r="LY6" s="607"/>
      <c r="LZ6" s="607"/>
      <c r="MA6" s="607"/>
      <c r="MB6" s="607"/>
      <c r="MC6" s="607"/>
      <c r="MD6" s="607"/>
      <c r="ME6" s="608"/>
      <c r="MF6" s="591"/>
      <c r="MG6" s="592"/>
      <c r="MH6" s="592"/>
      <c r="MI6" s="592"/>
      <c r="MJ6" s="592"/>
      <c r="MK6" s="592"/>
      <c r="ML6" s="592"/>
      <c r="MM6" s="592"/>
      <c r="MN6" s="592"/>
      <c r="MO6" s="592"/>
      <c r="MP6" s="593"/>
      <c r="MQ6" s="565"/>
      <c r="MR6" s="556"/>
      <c r="MS6" s="556"/>
      <c r="MT6" s="556"/>
      <c r="MU6" s="556"/>
      <c r="MV6" s="556"/>
      <c r="MW6" s="556"/>
      <c r="MX6" s="556"/>
      <c r="MY6" s="556"/>
      <c r="MZ6" s="556"/>
      <c r="NA6" s="566"/>
      <c r="NB6" s="565"/>
      <c r="NC6" s="556"/>
      <c r="ND6" s="556"/>
      <c r="NE6" s="556"/>
      <c r="NF6" s="556"/>
      <c r="NG6" s="556"/>
      <c r="NH6" s="556"/>
      <c r="NI6" s="556"/>
      <c r="NJ6" s="556"/>
      <c r="NK6" s="556"/>
      <c r="NL6" s="566"/>
      <c r="NM6" s="565"/>
      <c r="NN6" s="556"/>
      <c r="NO6" s="556"/>
      <c r="NP6" s="556"/>
      <c r="NQ6" s="556"/>
      <c r="NR6" s="556"/>
      <c r="NS6" s="556"/>
      <c r="NT6" s="556"/>
      <c r="NU6" s="556"/>
      <c r="NV6" s="556"/>
      <c r="NW6" s="566"/>
      <c r="NX6" s="616"/>
      <c r="NY6" s="617"/>
      <c r="NZ6" s="617"/>
      <c r="OA6" s="617"/>
      <c r="OB6" s="617"/>
      <c r="OC6" s="617"/>
      <c r="OD6" s="617"/>
      <c r="OE6" s="617"/>
      <c r="OF6" s="617"/>
      <c r="OG6" s="617"/>
      <c r="OH6" s="618"/>
      <c r="OI6" s="565"/>
      <c r="OJ6" s="556"/>
      <c r="OK6" s="556"/>
      <c r="OL6" s="556"/>
      <c r="OM6" s="556"/>
      <c r="ON6" s="556"/>
      <c r="OO6" s="556"/>
      <c r="OP6" s="556"/>
      <c r="OQ6" s="556"/>
      <c r="OR6" s="556"/>
      <c r="OS6" s="566"/>
    </row>
    <row r="7" spans="1:409" ht="21" customHeight="1" x14ac:dyDescent="0.2">
      <c r="B7" s="626"/>
      <c r="C7" s="547" t="s">
        <v>61</v>
      </c>
      <c r="D7" s="547"/>
      <c r="E7" s="547"/>
      <c r="F7" s="546" t="s">
        <v>62</v>
      </c>
      <c r="G7" s="547"/>
      <c r="H7" s="547"/>
      <c r="I7" s="547"/>
      <c r="J7" s="547"/>
      <c r="K7" s="547"/>
      <c r="L7" s="547"/>
      <c r="M7" s="546" t="s">
        <v>52</v>
      </c>
      <c r="N7" s="641" t="s">
        <v>61</v>
      </c>
      <c r="O7" s="547"/>
      <c r="P7" s="547"/>
      <c r="Q7" s="546" t="s">
        <v>62</v>
      </c>
      <c r="R7" s="547"/>
      <c r="S7" s="547"/>
      <c r="T7" s="547"/>
      <c r="U7" s="547"/>
      <c r="V7" s="547"/>
      <c r="W7" s="548"/>
      <c r="X7" s="582" t="s">
        <v>52</v>
      </c>
      <c r="Y7" s="565" t="s">
        <v>61</v>
      </c>
      <c r="Z7" s="556"/>
      <c r="AA7" s="557"/>
      <c r="AB7" s="555" t="s">
        <v>62</v>
      </c>
      <c r="AC7" s="556"/>
      <c r="AD7" s="556"/>
      <c r="AE7" s="556"/>
      <c r="AF7" s="556"/>
      <c r="AG7" s="556"/>
      <c r="AH7" s="557"/>
      <c r="AI7" s="566" t="s">
        <v>52</v>
      </c>
      <c r="AJ7" s="543" t="s">
        <v>61</v>
      </c>
      <c r="AK7" s="544"/>
      <c r="AL7" s="545"/>
      <c r="AM7" s="580" t="s">
        <v>62</v>
      </c>
      <c r="AN7" s="544"/>
      <c r="AO7" s="544"/>
      <c r="AP7" s="544"/>
      <c r="AQ7" s="544"/>
      <c r="AR7" s="544"/>
      <c r="AS7" s="581"/>
      <c r="AT7" s="642" t="s">
        <v>52</v>
      </c>
      <c r="AU7" s="560" t="s">
        <v>61</v>
      </c>
      <c r="AV7" s="553"/>
      <c r="AW7" s="554"/>
      <c r="AX7" s="583" t="s">
        <v>62</v>
      </c>
      <c r="AY7" s="553"/>
      <c r="AZ7" s="553"/>
      <c r="BA7" s="553"/>
      <c r="BB7" s="553"/>
      <c r="BC7" s="553"/>
      <c r="BD7" s="584"/>
      <c r="BE7" s="566" t="s">
        <v>52</v>
      </c>
      <c r="BF7" s="560" t="s">
        <v>61</v>
      </c>
      <c r="BG7" s="553"/>
      <c r="BH7" s="554"/>
      <c r="BI7" s="583" t="s">
        <v>62</v>
      </c>
      <c r="BJ7" s="553"/>
      <c r="BK7" s="553"/>
      <c r="BL7" s="553"/>
      <c r="BM7" s="553"/>
      <c r="BN7" s="553"/>
      <c r="BO7" s="584"/>
      <c r="BP7" s="566" t="s">
        <v>52</v>
      </c>
      <c r="BQ7" s="560" t="s">
        <v>61</v>
      </c>
      <c r="BR7" s="553"/>
      <c r="BS7" s="554"/>
      <c r="BT7" s="583" t="s">
        <v>62</v>
      </c>
      <c r="BU7" s="553"/>
      <c r="BV7" s="553"/>
      <c r="BW7" s="553"/>
      <c r="BX7" s="553"/>
      <c r="BY7" s="553"/>
      <c r="BZ7" s="584"/>
      <c r="CA7" s="566" t="s">
        <v>52</v>
      </c>
      <c r="CB7" s="543" t="s">
        <v>61</v>
      </c>
      <c r="CC7" s="544"/>
      <c r="CD7" s="545"/>
      <c r="CE7" s="580" t="s">
        <v>62</v>
      </c>
      <c r="CF7" s="544"/>
      <c r="CG7" s="544"/>
      <c r="CH7" s="544"/>
      <c r="CI7" s="544"/>
      <c r="CJ7" s="544"/>
      <c r="CK7" s="581"/>
      <c r="CL7" s="582" t="s">
        <v>52</v>
      </c>
      <c r="CM7" s="560" t="s">
        <v>61</v>
      </c>
      <c r="CN7" s="553"/>
      <c r="CO7" s="584"/>
      <c r="CP7" s="583" t="s">
        <v>62</v>
      </c>
      <c r="CQ7" s="553"/>
      <c r="CR7" s="553"/>
      <c r="CS7" s="553"/>
      <c r="CT7" s="553"/>
      <c r="CU7" s="553"/>
      <c r="CV7" s="584"/>
      <c r="CW7" s="578" t="s">
        <v>52</v>
      </c>
      <c r="CX7" s="560" t="s">
        <v>61</v>
      </c>
      <c r="CY7" s="553"/>
      <c r="CZ7" s="584"/>
      <c r="DA7" s="583" t="s">
        <v>62</v>
      </c>
      <c r="DB7" s="553"/>
      <c r="DC7" s="553"/>
      <c r="DD7" s="553"/>
      <c r="DE7" s="553"/>
      <c r="DF7" s="553"/>
      <c r="DG7" s="584"/>
      <c r="DH7" s="578" t="s">
        <v>52</v>
      </c>
      <c r="DI7" s="543" t="s">
        <v>61</v>
      </c>
      <c r="DJ7" s="544"/>
      <c r="DK7" s="581"/>
      <c r="DL7" s="580" t="s">
        <v>62</v>
      </c>
      <c r="DM7" s="544"/>
      <c r="DN7" s="544"/>
      <c r="DO7" s="544"/>
      <c r="DP7" s="544"/>
      <c r="DQ7" s="544"/>
      <c r="DR7" s="581"/>
      <c r="DS7" s="582" t="s">
        <v>52</v>
      </c>
      <c r="DT7" s="560" t="s">
        <v>61</v>
      </c>
      <c r="DU7" s="553"/>
      <c r="DV7" s="554"/>
      <c r="DW7" s="583" t="s">
        <v>62</v>
      </c>
      <c r="DX7" s="553"/>
      <c r="DY7" s="553"/>
      <c r="DZ7" s="553"/>
      <c r="EA7" s="553"/>
      <c r="EB7" s="553"/>
      <c r="EC7" s="584"/>
      <c r="ED7" s="566" t="s">
        <v>52</v>
      </c>
      <c r="EE7" s="560" t="s">
        <v>61</v>
      </c>
      <c r="EF7" s="553"/>
      <c r="EG7" s="554"/>
      <c r="EH7" s="583" t="s">
        <v>62</v>
      </c>
      <c r="EI7" s="553"/>
      <c r="EJ7" s="553"/>
      <c r="EK7" s="553"/>
      <c r="EL7" s="553"/>
      <c r="EM7" s="553"/>
      <c r="EN7" s="584"/>
      <c r="EO7" s="566" t="s">
        <v>52</v>
      </c>
      <c r="EP7" s="560" t="s">
        <v>61</v>
      </c>
      <c r="EQ7" s="553"/>
      <c r="ER7" s="554"/>
      <c r="ES7" s="583" t="s">
        <v>62</v>
      </c>
      <c r="ET7" s="553"/>
      <c r="EU7" s="553"/>
      <c r="EV7" s="553"/>
      <c r="EW7" s="553"/>
      <c r="EX7" s="553"/>
      <c r="EY7" s="584"/>
      <c r="EZ7" s="566" t="s">
        <v>52</v>
      </c>
      <c r="FA7" s="560" t="s">
        <v>61</v>
      </c>
      <c r="FB7" s="553"/>
      <c r="FC7" s="554"/>
      <c r="FD7" s="583" t="s">
        <v>62</v>
      </c>
      <c r="FE7" s="553"/>
      <c r="FF7" s="553"/>
      <c r="FG7" s="553"/>
      <c r="FH7" s="553"/>
      <c r="FI7" s="553"/>
      <c r="FJ7" s="584"/>
      <c r="FK7" s="566" t="s">
        <v>52</v>
      </c>
      <c r="FL7" s="543" t="s">
        <v>61</v>
      </c>
      <c r="FM7" s="544"/>
      <c r="FN7" s="545"/>
      <c r="FO7" s="580" t="s">
        <v>62</v>
      </c>
      <c r="FP7" s="544"/>
      <c r="FQ7" s="544"/>
      <c r="FR7" s="544"/>
      <c r="FS7" s="544"/>
      <c r="FT7" s="544"/>
      <c r="FU7" s="581"/>
      <c r="FV7" s="547" t="s">
        <v>52</v>
      </c>
      <c r="FW7" s="560" t="s">
        <v>61</v>
      </c>
      <c r="FX7" s="553"/>
      <c r="FY7" s="554"/>
      <c r="FZ7" s="583" t="s">
        <v>62</v>
      </c>
      <c r="GA7" s="553"/>
      <c r="GB7" s="553"/>
      <c r="GC7" s="553"/>
      <c r="GD7" s="553"/>
      <c r="GE7" s="553"/>
      <c r="GF7" s="584"/>
      <c r="GG7" s="566" t="s">
        <v>52</v>
      </c>
      <c r="GH7" s="565" t="s">
        <v>61</v>
      </c>
      <c r="GI7" s="556"/>
      <c r="GJ7" s="556"/>
      <c r="GK7" s="555" t="s">
        <v>62</v>
      </c>
      <c r="GL7" s="556"/>
      <c r="GM7" s="556"/>
      <c r="GN7" s="556"/>
      <c r="GO7" s="556"/>
      <c r="GP7" s="556"/>
      <c r="GQ7" s="557"/>
      <c r="GR7" s="623" t="s">
        <v>52</v>
      </c>
      <c r="GS7" s="565" t="s">
        <v>61</v>
      </c>
      <c r="GT7" s="556"/>
      <c r="GU7" s="557"/>
      <c r="GV7" s="555" t="s">
        <v>62</v>
      </c>
      <c r="GW7" s="556"/>
      <c r="GX7" s="556"/>
      <c r="GY7" s="556"/>
      <c r="GZ7" s="556"/>
      <c r="HA7" s="556"/>
      <c r="HB7" s="557"/>
      <c r="HC7" s="623" t="s">
        <v>52</v>
      </c>
      <c r="HD7" s="560" t="s">
        <v>61</v>
      </c>
      <c r="HE7" s="553"/>
      <c r="HF7" s="554"/>
      <c r="HG7" s="583" t="s">
        <v>62</v>
      </c>
      <c r="HH7" s="553"/>
      <c r="HI7" s="553"/>
      <c r="HJ7" s="553"/>
      <c r="HK7" s="553"/>
      <c r="HL7" s="553"/>
      <c r="HM7" s="584"/>
      <c r="HN7" s="566" t="s">
        <v>52</v>
      </c>
      <c r="HO7" s="560" t="s">
        <v>61</v>
      </c>
      <c r="HP7" s="553"/>
      <c r="HQ7" s="554"/>
      <c r="HR7" s="583" t="s">
        <v>62</v>
      </c>
      <c r="HS7" s="553"/>
      <c r="HT7" s="553"/>
      <c r="HU7" s="553"/>
      <c r="HV7" s="553"/>
      <c r="HW7" s="553"/>
      <c r="HX7" s="584"/>
      <c r="HY7" s="566" t="s">
        <v>52</v>
      </c>
      <c r="HZ7" s="543" t="s">
        <v>61</v>
      </c>
      <c r="IA7" s="544"/>
      <c r="IB7" s="545"/>
      <c r="IC7" s="580" t="s">
        <v>62</v>
      </c>
      <c r="ID7" s="544"/>
      <c r="IE7" s="544"/>
      <c r="IF7" s="544"/>
      <c r="IG7" s="544"/>
      <c r="IH7" s="544"/>
      <c r="II7" s="581"/>
      <c r="IJ7" s="547" t="s">
        <v>52</v>
      </c>
      <c r="IK7" s="560" t="s">
        <v>61</v>
      </c>
      <c r="IL7" s="553"/>
      <c r="IM7" s="554"/>
      <c r="IN7" s="583" t="s">
        <v>62</v>
      </c>
      <c r="IO7" s="553"/>
      <c r="IP7" s="553"/>
      <c r="IQ7" s="553"/>
      <c r="IR7" s="553"/>
      <c r="IS7" s="553"/>
      <c r="IT7" s="584"/>
      <c r="IU7" s="566" t="s">
        <v>52</v>
      </c>
      <c r="IV7" s="560" t="s">
        <v>61</v>
      </c>
      <c r="IW7" s="553"/>
      <c r="IX7" s="584"/>
      <c r="IY7" s="583" t="s">
        <v>62</v>
      </c>
      <c r="IZ7" s="553"/>
      <c r="JA7" s="553"/>
      <c r="JB7" s="553"/>
      <c r="JC7" s="553"/>
      <c r="JD7" s="553"/>
      <c r="JE7" s="584"/>
      <c r="JF7" s="566" t="s">
        <v>52</v>
      </c>
      <c r="JG7" s="560" t="s">
        <v>61</v>
      </c>
      <c r="JH7" s="553"/>
      <c r="JI7" s="554"/>
      <c r="JJ7" s="583" t="s">
        <v>62</v>
      </c>
      <c r="JK7" s="553"/>
      <c r="JL7" s="553"/>
      <c r="JM7" s="553"/>
      <c r="JN7" s="553"/>
      <c r="JO7" s="553"/>
      <c r="JP7" s="584"/>
      <c r="JQ7" s="578" t="s">
        <v>52</v>
      </c>
      <c r="JR7" s="560" t="s">
        <v>61</v>
      </c>
      <c r="JS7" s="553"/>
      <c r="JT7" s="554"/>
      <c r="JU7" s="583" t="s">
        <v>62</v>
      </c>
      <c r="JV7" s="553"/>
      <c r="JW7" s="553"/>
      <c r="JX7" s="553"/>
      <c r="JY7" s="553"/>
      <c r="JZ7" s="553"/>
      <c r="KA7" s="584"/>
      <c r="KB7" s="578" t="s">
        <v>52</v>
      </c>
      <c r="KC7" s="560" t="s">
        <v>61</v>
      </c>
      <c r="KD7" s="553"/>
      <c r="KE7" s="554"/>
      <c r="KF7" s="583" t="s">
        <v>62</v>
      </c>
      <c r="KG7" s="553"/>
      <c r="KH7" s="553"/>
      <c r="KI7" s="553"/>
      <c r="KJ7" s="553"/>
      <c r="KK7" s="553"/>
      <c r="KL7" s="584"/>
      <c r="KM7" s="578" t="s">
        <v>52</v>
      </c>
      <c r="KN7" s="560" t="s">
        <v>61</v>
      </c>
      <c r="KO7" s="553"/>
      <c r="KP7" s="554"/>
      <c r="KQ7" s="583" t="s">
        <v>62</v>
      </c>
      <c r="KR7" s="553"/>
      <c r="KS7" s="553"/>
      <c r="KT7" s="553"/>
      <c r="KU7" s="553"/>
      <c r="KV7" s="553"/>
      <c r="KW7" s="584"/>
      <c r="KX7" s="578" t="s">
        <v>52</v>
      </c>
      <c r="KY7" s="560" t="s">
        <v>61</v>
      </c>
      <c r="KZ7" s="553"/>
      <c r="LA7" s="554"/>
      <c r="LB7" s="583" t="s">
        <v>62</v>
      </c>
      <c r="LC7" s="553"/>
      <c r="LD7" s="553"/>
      <c r="LE7" s="553"/>
      <c r="LF7" s="553"/>
      <c r="LG7" s="553"/>
      <c r="LH7" s="584"/>
      <c r="LI7" s="578" t="s">
        <v>52</v>
      </c>
      <c r="LJ7" s="560" t="s">
        <v>61</v>
      </c>
      <c r="LK7" s="553"/>
      <c r="LL7" s="554"/>
      <c r="LM7" s="583" t="s">
        <v>62</v>
      </c>
      <c r="LN7" s="553"/>
      <c r="LO7" s="553"/>
      <c r="LP7" s="553"/>
      <c r="LQ7" s="553"/>
      <c r="LR7" s="553"/>
      <c r="LS7" s="584"/>
      <c r="LT7" s="578" t="s">
        <v>52</v>
      </c>
      <c r="LU7" s="560" t="s">
        <v>61</v>
      </c>
      <c r="LV7" s="553"/>
      <c r="LW7" s="554"/>
      <c r="LX7" s="583" t="s">
        <v>62</v>
      </c>
      <c r="LY7" s="553"/>
      <c r="LZ7" s="553"/>
      <c r="MA7" s="553"/>
      <c r="MB7" s="553"/>
      <c r="MC7" s="553"/>
      <c r="MD7" s="584"/>
      <c r="ME7" s="578" t="s">
        <v>52</v>
      </c>
      <c r="MF7" s="543" t="s">
        <v>61</v>
      </c>
      <c r="MG7" s="544"/>
      <c r="MH7" s="545"/>
      <c r="MI7" s="580" t="s">
        <v>62</v>
      </c>
      <c r="MJ7" s="544"/>
      <c r="MK7" s="544"/>
      <c r="ML7" s="544"/>
      <c r="MM7" s="544"/>
      <c r="MN7" s="544"/>
      <c r="MO7" s="581"/>
      <c r="MP7" s="582" t="s">
        <v>52</v>
      </c>
      <c r="MQ7" s="560" t="s">
        <v>61</v>
      </c>
      <c r="MR7" s="553"/>
      <c r="MS7" s="554"/>
      <c r="MT7" s="583" t="s">
        <v>62</v>
      </c>
      <c r="MU7" s="553"/>
      <c r="MV7" s="553"/>
      <c r="MW7" s="553"/>
      <c r="MX7" s="553"/>
      <c r="MY7" s="553"/>
      <c r="MZ7" s="584"/>
      <c r="NA7" s="578" t="s">
        <v>52</v>
      </c>
      <c r="NB7" s="560" t="s">
        <v>61</v>
      </c>
      <c r="NC7" s="553"/>
      <c r="ND7" s="554"/>
      <c r="NE7" s="583" t="s">
        <v>62</v>
      </c>
      <c r="NF7" s="553"/>
      <c r="NG7" s="553"/>
      <c r="NH7" s="553"/>
      <c r="NI7" s="553"/>
      <c r="NJ7" s="553"/>
      <c r="NK7" s="584"/>
      <c r="NL7" s="578" t="s">
        <v>52</v>
      </c>
      <c r="NM7" s="560" t="s">
        <v>61</v>
      </c>
      <c r="NN7" s="553"/>
      <c r="NO7" s="554"/>
      <c r="NP7" s="583" t="s">
        <v>62</v>
      </c>
      <c r="NQ7" s="553"/>
      <c r="NR7" s="553"/>
      <c r="NS7" s="553"/>
      <c r="NT7" s="553"/>
      <c r="NU7" s="553"/>
      <c r="NV7" s="584"/>
      <c r="NW7" s="578" t="s">
        <v>52</v>
      </c>
      <c r="NX7" s="560" t="s">
        <v>61</v>
      </c>
      <c r="NY7" s="553"/>
      <c r="NZ7" s="554"/>
      <c r="OA7" s="583" t="s">
        <v>62</v>
      </c>
      <c r="OB7" s="553"/>
      <c r="OC7" s="553"/>
      <c r="OD7" s="553"/>
      <c r="OE7" s="553"/>
      <c r="OF7" s="553"/>
      <c r="OG7" s="584"/>
      <c r="OH7" s="578" t="s">
        <v>52</v>
      </c>
      <c r="OI7" s="543" t="s">
        <v>61</v>
      </c>
      <c r="OJ7" s="544"/>
      <c r="OK7" s="545"/>
      <c r="OL7" s="580" t="s">
        <v>62</v>
      </c>
      <c r="OM7" s="544"/>
      <c r="ON7" s="544"/>
      <c r="OO7" s="544"/>
      <c r="OP7" s="544"/>
      <c r="OQ7" s="544"/>
      <c r="OR7" s="581"/>
      <c r="OS7" s="582" t="s">
        <v>52</v>
      </c>
    </row>
    <row r="8" spans="1:409" ht="30" customHeight="1" thickBot="1" x14ac:dyDescent="0.25">
      <c r="B8" s="627"/>
      <c r="C8" s="55" t="s">
        <v>43</v>
      </c>
      <c r="D8" s="13" t="s">
        <v>44</v>
      </c>
      <c r="E8" s="36" t="s">
        <v>45</v>
      </c>
      <c r="F8" s="37" t="s">
        <v>83</v>
      </c>
      <c r="G8" s="13" t="s">
        <v>47</v>
      </c>
      <c r="H8" s="13" t="s">
        <v>48</v>
      </c>
      <c r="I8" s="13" t="s">
        <v>49</v>
      </c>
      <c r="J8" s="13" t="s">
        <v>50</v>
      </c>
      <c r="K8" s="13" t="s">
        <v>51</v>
      </c>
      <c r="L8" s="14" t="s">
        <v>45</v>
      </c>
      <c r="M8" s="640"/>
      <c r="N8" s="35" t="s">
        <v>43</v>
      </c>
      <c r="O8" s="13" t="s">
        <v>44</v>
      </c>
      <c r="P8" s="14" t="s">
        <v>45</v>
      </c>
      <c r="Q8" s="37" t="s">
        <v>83</v>
      </c>
      <c r="R8" s="13" t="s">
        <v>47</v>
      </c>
      <c r="S8" s="13" t="s">
        <v>48</v>
      </c>
      <c r="T8" s="13" t="s">
        <v>49</v>
      </c>
      <c r="U8" s="13" t="s">
        <v>50</v>
      </c>
      <c r="V8" s="13" t="s">
        <v>51</v>
      </c>
      <c r="W8" s="14" t="s">
        <v>45</v>
      </c>
      <c r="X8" s="621"/>
      <c r="Y8" s="35" t="s">
        <v>43</v>
      </c>
      <c r="Z8" s="13" t="s">
        <v>44</v>
      </c>
      <c r="AA8" s="14" t="s">
        <v>45</v>
      </c>
      <c r="AB8" s="37" t="s">
        <v>83</v>
      </c>
      <c r="AC8" s="13" t="s">
        <v>47</v>
      </c>
      <c r="AD8" s="13" t="s">
        <v>48</v>
      </c>
      <c r="AE8" s="13" t="s">
        <v>49</v>
      </c>
      <c r="AF8" s="13" t="s">
        <v>50</v>
      </c>
      <c r="AG8" s="13" t="s">
        <v>51</v>
      </c>
      <c r="AH8" s="14" t="s">
        <v>45</v>
      </c>
      <c r="AI8" s="622"/>
      <c r="AJ8" s="35" t="s">
        <v>43</v>
      </c>
      <c r="AK8" s="13" t="s">
        <v>44</v>
      </c>
      <c r="AL8" s="36" t="s">
        <v>45</v>
      </c>
      <c r="AM8" s="37" t="s">
        <v>83</v>
      </c>
      <c r="AN8" s="13" t="s">
        <v>47</v>
      </c>
      <c r="AO8" s="13" t="s">
        <v>48</v>
      </c>
      <c r="AP8" s="13" t="s">
        <v>49</v>
      </c>
      <c r="AQ8" s="13" t="s">
        <v>50</v>
      </c>
      <c r="AR8" s="13" t="s">
        <v>51</v>
      </c>
      <c r="AS8" s="14" t="s">
        <v>45</v>
      </c>
      <c r="AT8" s="622"/>
      <c r="AU8" s="35" t="s">
        <v>43</v>
      </c>
      <c r="AV8" s="13" t="s">
        <v>44</v>
      </c>
      <c r="AW8" s="36" t="s">
        <v>45</v>
      </c>
      <c r="AX8" s="37" t="s">
        <v>83</v>
      </c>
      <c r="AY8" s="13" t="s">
        <v>47</v>
      </c>
      <c r="AZ8" s="13" t="s">
        <v>48</v>
      </c>
      <c r="BA8" s="13" t="s">
        <v>49</v>
      </c>
      <c r="BB8" s="13" t="s">
        <v>50</v>
      </c>
      <c r="BC8" s="13" t="s">
        <v>51</v>
      </c>
      <c r="BD8" s="14" t="s">
        <v>45</v>
      </c>
      <c r="BE8" s="622"/>
      <c r="BF8" s="53" t="s">
        <v>43</v>
      </c>
      <c r="BG8" s="13" t="s">
        <v>44</v>
      </c>
      <c r="BH8" s="36" t="s">
        <v>45</v>
      </c>
      <c r="BI8" s="37" t="s">
        <v>83</v>
      </c>
      <c r="BJ8" s="13" t="s">
        <v>47</v>
      </c>
      <c r="BK8" s="13" t="s">
        <v>48</v>
      </c>
      <c r="BL8" s="13" t="s">
        <v>49</v>
      </c>
      <c r="BM8" s="13" t="s">
        <v>50</v>
      </c>
      <c r="BN8" s="13" t="s">
        <v>51</v>
      </c>
      <c r="BO8" s="14" t="s">
        <v>45</v>
      </c>
      <c r="BP8" s="622"/>
      <c r="BQ8" s="35" t="s">
        <v>43</v>
      </c>
      <c r="BR8" s="13" t="s">
        <v>44</v>
      </c>
      <c r="BS8" s="36" t="s">
        <v>45</v>
      </c>
      <c r="BT8" s="37" t="s">
        <v>83</v>
      </c>
      <c r="BU8" s="13" t="s">
        <v>47</v>
      </c>
      <c r="BV8" s="13" t="s">
        <v>48</v>
      </c>
      <c r="BW8" s="13" t="s">
        <v>49</v>
      </c>
      <c r="BX8" s="13" t="s">
        <v>50</v>
      </c>
      <c r="BY8" s="13" t="s">
        <v>51</v>
      </c>
      <c r="BZ8" s="14" t="s">
        <v>45</v>
      </c>
      <c r="CA8" s="622"/>
      <c r="CB8" s="35" t="s">
        <v>43</v>
      </c>
      <c r="CC8" s="13" t="s">
        <v>44</v>
      </c>
      <c r="CD8" s="36" t="s">
        <v>45</v>
      </c>
      <c r="CE8" s="37" t="s">
        <v>83</v>
      </c>
      <c r="CF8" s="13" t="s">
        <v>47</v>
      </c>
      <c r="CG8" s="13" t="s">
        <v>48</v>
      </c>
      <c r="CH8" s="13" t="s">
        <v>49</v>
      </c>
      <c r="CI8" s="13" t="s">
        <v>50</v>
      </c>
      <c r="CJ8" s="13" t="s">
        <v>51</v>
      </c>
      <c r="CK8" s="14" t="s">
        <v>45</v>
      </c>
      <c r="CL8" s="621"/>
      <c r="CM8" s="35" t="s">
        <v>43</v>
      </c>
      <c r="CN8" s="13" t="s">
        <v>44</v>
      </c>
      <c r="CO8" s="14" t="s">
        <v>45</v>
      </c>
      <c r="CP8" s="37" t="s">
        <v>83</v>
      </c>
      <c r="CQ8" s="13" t="s">
        <v>47</v>
      </c>
      <c r="CR8" s="13" t="s">
        <v>48</v>
      </c>
      <c r="CS8" s="13" t="s">
        <v>49</v>
      </c>
      <c r="CT8" s="13" t="s">
        <v>50</v>
      </c>
      <c r="CU8" s="13" t="s">
        <v>51</v>
      </c>
      <c r="CV8" s="14" t="s">
        <v>45</v>
      </c>
      <c r="CW8" s="621"/>
      <c r="CX8" s="35" t="s">
        <v>43</v>
      </c>
      <c r="CY8" s="13" t="s">
        <v>44</v>
      </c>
      <c r="CZ8" s="14" t="s">
        <v>45</v>
      </c>
      <c r="DA8" s="37" t="s">
        <v>83</v>
      </c>
      <c r="DB8" s="13" t="s">
        <v>47</v>
      </c>
      <c r="DC8" s="13" t="s">
        <v>48</v>
      </c>
      <c r="DD8" s="13" t="s">
        <v>49</v>
      </c>
      <c r="DE8" s="13" t="s">
        <v>50</v>
      </c>
      <c r="DF8" s="13" t="s">
        <v>51</v>
      </c>
      <c r="DG8" s="14" t="s">
        <v>45</v>
      </c>
      <c r="DH8" s="621"/>
      <c r="DI8" s="35" t="s">
        <v>43</v>
      </c>
      <c r="DJ8" s="13" t="s">
        <v>44</v>
      </c>
      <c r="DK8" s="14" t="s">
        <v>45</v>
      </c>
      <c r="DL8" s="37" t="s">
        <v>83</v>
      </c>
      <c r="DM8" s="13" t="s">
        <v>47</v>
      </c>
      <c r="DN8" s="13" t="s">
        <v>48</v>
      </c>
      <c r="DO8" s="13" t="s">
        <v>49</v>
      </c>
      <c r="DP8" s="13" t="s">
        <v>50</v>
      </c>
      <c r="DQ8" s="13" t="s">
        <v>51</v>
      </c>
      <c r="DR8" s="14" t="s">
        <v>45</v>
      </c>
      <c r="DS8" s="621"/>
      <c r="DT8" s="35" t="s">
        <v>43</v>
      </c>
      <c r="DU8" s="13" t="s">
        <v>44</v>
      </c>
      <c r="DV8" s="36" t="s">
        <v>45</v>
      </c>
      <c r="DW8" s="37" t="s">
        <v>83</v>
      </c>
      <c r="DX8" s="13" t="s">
        <v>47</v>
      </c>
      <c r="DY8" s="13" t="s">
        <v>48</v>
      </c>
      <c r="DZ8" s="13" t="s">
        <v>49</v>
      </c>
      <c r="EA8" s="13" t="s">
        <v>50</v>
      </c>
      <c r="EB8" s="13" t="s">
        <v>51</v>
      </c>
      <c r="EC8" s="14" t="s">
        <v>45</v>
      </c>
      <c r="ED8" s="622"/>
      <c r="EE8" s="35" t="s">
        <v>43</v>
      </c>
      <c r="EF8" s="13" t="s">
        <v>44</v>
      </c>
      <c r="EG8" s="36" t="s">
        <v>45</v>
      </c>
      <c r="EH8" s="37" t="s">
        <v>83</v>
      </c>
      <c r="EI8" s="13" t="s">
        <v>47</v>
      </c>
      <c r="EJ8" s="13" t="s">
        <v>48</v>
      </c>
      <c r="EK8" s="13" t="s">
        <v>49</v>
      </c>
      <c r="EL8" s="13" t="s">
        <v>50</v>
      </c>
      <c r="EM8" s="13" t="s">
        <v>51</v>
      </c>
      <c r="EN8" s="14" t="s">
        <v>45</v>
      </c>
      <c r="EO8" s="622"/>
      <c r="EP8" s="35" t="s">
        <v>43</v>
      </c>
      <c r="EQ8" s="13" t="s">
        <v>44</v>
      </c>
      <c r="ER8" s="36" t="s">
        <v>45</v>
      </c>
      <c r="ES8" s="37" t="s">
        <v>83</v>
      </c>
      <c r="ET8" s="13" t="s">
        <v>47</v>
      </c>
      <c r="EU8" s="13" t="s">
        <v>48</v>
      </c>
      <c r="EV8" s="13" t="s">
        <v>49</v>
      </c>
      <c r="EW8" s="13" t="s">
        <v>50</v>
      </c>
      <c r="EX8" s="13" t="s">
        <v>51</v>
      </c>
      <c r="EY8" s="14" t="s">
        <v>45</v>
      </c>
      <c r="EZ8" s="622"/>
      <c r="FA8" s="35" t="s">
        <v>43</v>
      </c>
      <c r="FB8" s="13" t="s">
        <v>44</v>
      </c>
      <c r="FC8" s="36" t="s">
        <v>45</v>
      </c>
      <c r="FD8" s="37" t="s">
        <v>83</v>
      </c>
      <c r="FE8" s="13" t="s">
        <v>47</v>
      </c>
      <c r="FF8" s="13" t="s">
        <v>48</v>
      </c>
      <c r="FG8" s="13" t="s">
        <v>49</v>
      </c>
      <c r="FH8" s="13" t="s">
        <v>50</v>
      </c>
      <c r="FI8" s="13" t="s">
        <v>51</v>
      </c>
      <c r="FJ8" s="14" t="s">
        <v>45</v>
      </c>
      <c r="FK8" s="622"/>
      <c r="FL8" s="35" t="s">
        <v>43</v>
      </c>
      <c r="FM8" s="13" t="s">
        <v>44</v>
      </c>
      <c r="FN8" s="36" t="s">
        <v>45</v>
      </c>
      <c r="FO8" s="37" t="s">
        <v>83</v>
      </c>
      <c r="FP8" s="13" t="s">
        <v>47</v>
      </c>
      <c r="FQ8" s="13" t="s">
        <v>48</v>
      </c>
      <c r="FR8" s="13" t="s">
        <v>49</v>
      </c>
      <c r="FS8" s="13" t="s">
        <v>50</v>
      </c>
      <c r="FT8" s="13" t="s">
        <v>51</v>
      </c>
      <c r="FU8" s="14" t="s">
        <v>45</v>
      </c>
      <c r="FV8" s="620"/>
      <c r="FW8" s="35" t="s">
        <v>43</v>
      </c>
      <c r="FX8" s="13" t="s">
        <v>44</v>
      </c>
      <c r="FY8" s="36" t="s">
        <v>45</v>
      </c>
      <c r="FZ8" s="37" t="s">
        <v>83</v>
      </c>
      <c r="GA8" s="13" t="s">
        <v>47</v>
      </c>
      <c r="GB8" s="13" t="s">
        <v>48</v>
      </c>
      <c r="GC8" s="13" t="s">
        <v>49</v>
      </c>
      <c r="GD8" s="13" t="s">
        <v>50</v>
      </c>
      <c r="GE8" s="13" t="s">
        <v>51</v>
      </c>
      <c r="GF8" s="14" t="s">
        <v>45</v>
      </c>
      <c r="GG8" s="622"/>
      <c r="GH8" s="35" t="s">
        <v>43</v>
      </c>
      <c r="GI8" s="13" t="s">
        <v>44</v>
      </c>
      <c r="GJ8" s="36" t="s">
        <v>45</v>
      </c>
      <c r="GK8" s="37" t="s">
        <v>83</v>
      </c>
      <c r="GL8" s="13" t="s">
        <v>47</v>
      </c>
      <c r="GM8" s="13" t="s">
        <v>48</v>
      </c>
      <c r="GN8" s="13" t="s">
        <v>49</v>
      </c>
      <c r="GO8" s="13" t="s">
        <v>50</v>
      </c>
      <c r="GP8" s="13" t="s">
        <v>51</v>
      </c>
      <c r="GQ8" s="14" t="s">
        <v>45</v>
      </c>
      <c r="GR8" s="624"/>
      <c r="GS8" s="35" t="s">
        <v>43</v>
      </c>
      <c r="GT8" s="13" t="s">
        <v>44</v>
      </c>
      <c r="GU8" s="36" t="s">
        <v>45</v>
      </c>
      <c r="GV8" s="37" t="s">
        <v>83</v>
      </c>
      <c r="GW8" s="13" t="s">
        <v>47</v>
      </c>
      <c r="GX8" s="13" t="s">
        <v>48</v>
      </c>
      <c r="GY8" s="13" t="s">
        <v>49</v>
      </c>
      <c r="GZ8" s="13" t="s">
        <v>50</v>
      </c>
      <c r="HA8" s="13" t="s">
        <v>51</v>
      </c>
      <c r="HB8" s="14" t="s">
        <v>45</v>
      </c>
      <c r="HC8" s="624"/>
      <c r="HD8" s="35" t="s">
        <v>43</v>
      </c>
      <c r="HE8" s="13" t="s">
        <v>44</v>
      </c>
      <c r="HF8" s="36" t="s">
        <v>45</v>
      </c>
      <c r="HG8" s="37" t="s">
        <v>83</v>
      </c>
      <c r="HH8" s="13" t="s">
        <v>47</v>
      </c>
      <c r="HI8" s="13" t="s">
        <v>48</v>
      </c>
      <c r="HJ8" s="13" t="s">
        <v>49</v>
      </c>
      <c r="HK8" s="13" t="s">
        <v>50</v>
      </c>
      <c r="HL8" s="13" t="s">
        <v>51</v>
      </c>
      <c r="HM8" s="14" t="s">
        <v>45</v>
      </c>
      <c r="HN8" s="622"/>
      <c r="HO8" s="35" t="s">
        <v>43</v>
      </c>
      <c r="HP8" s="13" t="s">
        <v>44</v>
      </c>
      <c r="HQ8" s="36" t="s">
        <v>45</v>
      </c>
      <c r="HR8" s="37" t="s">
        <v>83</v>
      </c>
      <c r="HS8" s="13" t="s">
        <v>47</v>
      </c>
      <c r="HT8" s="13" t="s">
        <v>48</v>
      </c>
      <c r="HU8" s="13" t="s">
        <v>49</v>
      </c>
      <c r="HV8" s="13" t="s">
        <v>50</v>
      </c>
      <c r="HW8" s="13" t="s">
        <v>51</v>
      </c>
      <c r="HX8" s="14" t="s">
        <v>45</v>
      </c>
      <c r="HY8" s="622"/>
      <c r="HZ8" s="324" t="s">
        <v>43</v>
      </c>
      <c r="IA8" s="325" t="s">
        <v>44</v>
      </c>
      <c r="IB8" s="36" t="s">
        <v>45</v>
      </c>
      <c r="IC8" s="37" t="s">
        <v>83</v>
      </c>
      <c r="ID8" s="325" t="s">
        <v>47</v>
      </c>
      <c r="IE8" s="325" t="s">
        <v>48</v>
      </c>
      <c r="IF8" s="325" t="s">
        <v>49</v>
      </c>
      <c r="IG8" s="325" t="s">
        <v>50</v>
      </c>
      <c r="IH8" s="325" t="s">
        <v>51</v>
      </c>
      <c r="II8" s="14" t="s">
        <v>45</v>
      </c>
      <c r="IJ8" s="620"/>
      <c r="IK8" s="324" t="s">
        <v>43</v>
      </c>
      <c r="IL8" s="325" t="s">
        <v>44</v>
      </c>
      <c r="IM8" s="36" t="s">
        <v>45</v>
      </c>
      <c r="IN8" s="37" t="s">
        <v>83</v>
      </c>
      <c r="IO8" s="51" t="s">
        <v>47</v>
      </c>
      <c r="IP8" s="51" t="s">
        <v>48</v>
      </c>
      <c r="IQ8" s="51" t="s">
        <v>49</v>
      </c>
      <c r="IR8" s="51" t="s">
        <v>50</v>
      </c>
      <c r="IS8" s="51" t="s">
        <v>51</v>
      </c>
      <c r="IT8" s="54" t="s">
        <v>45</v>
      </c>
      <c r="IU8" s="619"/>
      <c r="IV8" s="53" t="s">
        <v>43</v>
      </c>
      <c r="IW8" s="51" t="s">
        <v>44</v>
      </c>
      <c r="IX8" s="54" t="s">
        <v>45</v>
      </c>
      <c r="IY8" s="28" t="s">
        <v>83</v>
      </c>
      <c r="IZ8" s="51" t="s">
        <v>47</v>
      </c>
      <c r="JA8" s="51" t="s">
        <v>48</v>
      </c>
      <c r="JB8" s="51" t="s">
        <v>49</v>
      </c>
      <c r="JC8" s="51" t="s">
        <v>50</v>
      </c>
      <c r="JD8" s="51" t="s">
        <v>51</v>
      </c>
      <c r="JE8" s="54" t="s">
        <v>45</v>
      </c>
      <c r="JF8" s="619"/>
      <c r="JG8" s="53" t="s">
        <v>43</v>
      </c>
      <c r="JH8" s="51" t="s">
        <v>44</v>
      </c>
      <c r="JI8" s="52" t="s">
        <v>45</v>
      </c>
      <c r="JJ8" s="28" t="s">
        <v>83</v>
      </c>
      <c r="JK8" s="51" t="s">
        <v>47</v>
      </c>
      <c r="JL8" s="51" t="s">
        <v>48</v>
      </c>
      <c r="JM8" s="51" t="s">
        <v>49</v>
      </c>
      <c r="JN8" s="51" t="s">
        <v>50</v>
      </c>
      <c r="JO8" s="51" t="s">
        <v>51</v>
      </c>
      <c r="JP8" s="54" t="s">
        <v>45</v>
      </c>
      <c r="JQ8" s="579"/>
      <c r="JR8" s="53" t="s">
        <v>43</v>
      </c>
      <c r="JS8" s="51" t="s">
        <v>44</v>
      </c>
      <c r="JT8" s="52" t="s">
        <v>45</v>
      </c>
      <c r="JU8" s="28" t="s">
        <v>83</v>
      </c>
      <c r="JV8" s="51" t="s">
        <v>47</v>
      </c>
      <c r="JW8" s="51" t="s">
        <v>48</v>
      </c>
      <c r="JX8" s="51" t="s">
        <v>49</v>
      </c>
      <c r="JY8" s="51" t="s">
        <v>50</v>
      </c>
      <c r="JZ8" s="51" t="s">
        <v>51</v>
      </c>
      <c r="KA8" s="54" t="s">
        <v>45</v>
      </c>
      <c r="KB8" s="579"/>
      <c r="KC8" s="53" t="s">
        <v>43</v>
      </c>
      <c r="KD8" s="51" t="s">
        <v>44</v>
      </c>
      <c r="KE8" s="52" t="s">
        <v>45</v>
      </c>
      <c r="KF8" s="28" t="s">
        <v>83</v>
      </c>
      <c r="KG8" s="51" t="s">
        <v>47</v>
      </c>
      <c r="KH8" s="51" t="s">
        <v>48</v>
      </c>
      <c r="KI8" s="51" t="s">
        <v>49</v>
      </c>
      <c r="KJ8" s="51" t="s">
        <v>50</v>
      </c>
      <c r="KK8" s="51" t="s">
        <v>51</v>
      </c>
      <c r="KL8" s="54" t="s">
        <v>45</v>
      </c>
      <c r="KM8" s="579"/>
      <c r="KN8" s="53" t="s">
        <v>43</v>
      </c>
      <c r="KO8" s="51" t="s">
        <v>44</v>
      </c>
      <c r="KP8" s="52" t="s">
        <v>45</v>
      </c>
      <c r="KQ8" s="37" t="s">
        <v>83</v>
      </c>
      <c r="KR8" s="51" t="s">
        <v>47</v>
      </c>
      <c r="KS8" s="51" t="s">
        <v>48</v>
      </c>
      <c r="KT8" s="51" t="s">
        <v>49</v>
      </c>
      <c r="KU8" s="51" t="s">
        <v>50</v>
      </c>
      <c r="KV8" s="51" t="s">
        <v>51</v>
      </c>
      <c r="KW8" s="54" t="s">
        <v>45</v>
      </c>
      <c r="KX8" s="579"/>
      <c r="KY8" s="53" t="s">
        <v>43</v>
      </c>
      <c r="KZ8" s="51" t="s">
        <v>44</v>
      </c>
      <c r="LA8" s="52" t="s">
        <v>45</v>
      </c>
      <c r="LB8" s="37" t="s">
        <v>83</v>
      </c>
      <c r="LC8" s="51" t="s">
        <v>47</v>
      </c>
      <c r="LD8" s="51" t="s">
        <v>48</v>
      </c>
      <c r="LE8" s="51" t="s">
        <v>49</v>
      </c>
      <c r="LF8" s="51" t="s">
        <v>50</v>
      </c>
      <c r="LG8" s="51" t="s">
        <v>51</v>
      </c>
      <c r="LH8" s="54" t="s">
        <v>45</v>
      </c>
      <c r="LI8" s="579"/>
      <c r="LJ8" s="53" t="s">
        <v>43</v>
      </c>
      <c r="LK8" s="51" t="s">
        <v>44</v>
      </c>
      <c r="LL8" s="52" t="s">
        <v>45</v>
      </c>
      <c r="LM8" s="37" t="s">
        <v>83</v>
      </c>
      <c r="LN8" s="51" t="s">
        <v>47</v>
      </c>
      <c r="LO8" s="51" t="s">
        <v>48</v>
      </c>
      <c r="LP8" s="51" t="s">
        <v>49</v>
      </c>
      <c r="LQ8" s="51" t="s">
        <v>50</v>
      </c>
      <c r="LR8" s="51" t="s">
        <v>51</v>
      </c>
      <c r="LS8" s="54" t="s">
        <v>45</v>
      </c>
      <c r="LT8" s="579"/>
      <c r="LU8" s="53" t="s">
        <v>43</v>
      </c>
      <c r="LV8" s="51" t="s">
        <v>44</v>
      </c>
      <c r="LW8" s="52" t="s">
        <v>45</v>
      </c>
      <c r="LX8" s="37" t="s">
        <v>83</v>
      </c>
      <c r="LY8" s="51" t="s">
        <v>47</v>
      </c>
      <c r="LZ8" s="51" t="s">
        <v>48</v>
      </c>
      <c r="MA8" s="51" t="s">
        <v>49</v>
      </c>
      <c r="MB8" s="51" t="s">
        <v>50</v>
      </c>
      <c r="MC8" s="51" t="s">
        <v>51</v>
      </c>
      <c r="MD8" s="54" t="s">
        <v>45</v>
      </c>
      <c r="ME8" s="579"/>
      <c r="MF8" s="53" t="s">
        <v>43</v>
      </c>
      <c r="MG8" s="51" t="s">
        <v>44</v>
      </c>
      <c r="MH8" s="52" t="s">
        <v>45</v>
      </c>
      <c r="MI8" s="37" t="s">
        <v>83</v>
      </c>
      <c r="MJ8" s="51" t="s">
        <v>47</v>
      </c>
      <c r="MK8" s="51" t="s">
        <v>48</v>
      </c>
      <c r="ML8" s="51" t="s">
        <v>49</v>
      </c>
      <c r="MM8" s="51" t="s">
        <v>50</v>
      </c>
      <c r="MN8" s="51" t="s">
        <v>51</v>
      </c>
      <c r="MO8" s="54" t="s">
        <v>45</v>
      </c>
      <c r="MP8" s="579"/>
      <c r="MQ8" s="53" t="s">
        <v>43</v>
      </c>
      <c r="MR8" s="51" t="s">
        <v>44</v>
      </c>
      <c r="MS8" s="52" t="s">
        <v>45</v>
      </c>
      <c r="MT8" s="37" t="s">
        <v>83</v>
      </c>
      <c r="MU8" s="51" t="s">
        <v>47</v>
      </c>
      <c r="MV8" s="51" t="s">
        <v>48</v>
      </c>
      <c r="MW8" s="51" t="s">
        <v>49</v>
      </c>
      <c r="MX8" s="51" t="s">
        <v>50</v>
      </c>
      <c r="MY8" s="51" t="s">
        <v>51</v>
      </c>
      <c r="MZ8" s="54" t="s">
        <v>45</v>
      </c>
      <c r="NA8" s="579"/>
      <c r="NB8" s="53" t="s">
        <v>43</v>
      </c>
      <c r="NC8" s="51" t="s">
        <v>44</v>
      </c>
      <c r="ND8" s="52" t="s">
        <v>45</v>
      </c>
      <c r="NE8" s="37" t="s">
        <v>83</v>
      </c>
      <c r="NF8" s="51" t="s">
        <v>47</v>
      </c>
      <c r="NG8" s="51" t="s">
        <v>48</v>
      </c>
      <c r="NH8" s="51" t="s">
        <v>49</v>
      </c>
      <c r="NI8" s="51" t="s">
        <v>50</v>
      </c>
      <c r="NJ8" s="51" t="s">
        <v>51</v>
      </c>
      <c r="NK8" s="54" t="s">
        <v>45</v>
      </c>
      <c r="NL8" s="579"/>
      <c r="NM8" s="53" t="s">
        <v>43</v>
      </c>
      <c r="NN8" s="51" t="s">
        <v>44</v>
      </c>
      <c r="NO8" s="52" t="s">
        <v>45</v>
      </c>
      <c r="NP8" s="37" t="s">
        <v>83</v>
      </c>
      <c r="NQ8" s="51" t="s">
        <v>47</v>
      </c>
      <c r="NR8" s="51" t="s">
        <v>48</v>
      </c>
      <c r="NS8" s="51" t="s">
        <v>49</v>
      </c>
      <c r="NT8" s="51" t="s">
        <v>50</v>
      </c>
      <c r="NU8" s="51" t="s">
        <v>51</v>
      </c>
      <c r="NV8" s="54" t="s">
        <v>45</v>
      </c>
      <c r="NW8" s="579"/>
      <c r="NX8" s="53" t="s">
        <v>43</v>
      </c>
      <c r="NY8" s="51" t="s">
        <v>44</v>
      </c>
      <c r="NZ8" s="52" t="s">
        <v>45</v>
      </c>
      <c r="OA8" s="37" t="s">
        <v>83</v>
      </c>
      <c r="OB8" s="51" t="s">
        <v>47</v>
      </c>
      <c r="OC8" s="51" t="s">
        <v>48</v>
      </c>
      <c r="OD8" s="51" t="s">
        <v>49</v>
      </c>
      <c r="OE8" s="51" t="s">
        <v>50</v>
      </c>
      <c r="OF8" s="51" t="s">
        <v>51</v>
      </c>
      <c r="OG8" s="54" t="s">
        <v>45</v>
      </c>
      <c r="OH8" s="579"/>
      <c r="OI8" s="53" t="s">
        <v>43</v>
      </c>
      <c r="OJ8" s="51" t="s">
        <v>44</v>
      </c>
      <c r="OK8" s="52" t="s">
        <v>45</v>
      </c>
      <c r="OL8" s="28" t="s">
        <v>83</v>
      </c>
      <c r="OM8" s="51" t="s">
        <v>47</v>
      </c>
      <c r="ON8" s="51" t="s">
        <v>48</v>
      </c>
      <c r="OO8" s="51" t="s">
        <v>49</v>
      </c>
      <c r="OP8" s="51" t="s">
        <v>50</v>
      </c>
      <c r="OQ8" s="51" t="s">
        <v>51</v>
      </c>
      <c r="OR8" s="54" t="s">
        <v>45</v>
      </c>
      <c r="OS8" s="579"/>
    </row>
    <row r="9" spans="1:409" s="383" customFormat="1" ht="21" customHeight="1" x14ac:dyDescent="0.2">
      <c r="A9" s="39"/>
      <c r="B9" s="435" t="s">
        <v>4</v>
      </c>
      <c r="C9" s="342">
        <v>418810609</v>
      </c>
      <c r="D9" s="343">
        <v>894075945</v>
      </c>
      <c r="E9" s="344">
        <v>1312886554</v>
      </c>
      <c r="F9" s="345">
        <v>0</v>
      </c>
      <c r="G9" s="343">
        <v>5296628469</v>
      </c>
      <c r="H9" s="343">
        <v>7378121391</v>
      </c>
      <c r="I9" s="343">
        <v>6134817938</v>
      </c>
      <c r="J9" s="343">
        <v>5823402611</v>
      </c>
      <c r="K9" s="343">
        <v>4418622581</v>
      </c>
      <c r="L9" s="346">
        <v>29051592990</v>
      </c>
      <c r="M9" s="347">
        <v>30364479544</v>
      </c>
      <c r="N9" s="342">
        <v>100063557</v>
      </c>
      <c r="O9" s="343">
        <v>266484836</v>
      </c>
      <c r="P9" s="348">
        <v>366548393</v>
      </c>
      <c r="Q9" s="342">
        <v>0</v>
      </c>
      <c r="R9" s="343">
        <v>1515081667</v>
      </c>
      <c r="S9" s="343">
        <v>2386375027</v>
      </c>
      <c r="T9" s="343">
        <v>2057932462</v>
      </c>
      <c r="U9" s="343">
        <v>2253743388</v>
      </c>
      <c r="V9" s="343">
        <v>2278642606</v>
      </c>
      <c r="W9" s="348">
        <v>10491775150</v>
      </c>
      <c r="X9" s="347">
        <v>10858323543</v>
      </c>
      <c r="Y9" s="342">
        <v>0</v>
      </c>
      <c r="Z9" s="343">
        <v>13049</v>
      </c>
      <c r="AA9" s="348">
        <v>13049</v>
      </c>
      <c r="AB9" s="349">
        <v>0</v>
      </c>
      <c r="AC9" s="350">
        <v>714099848</v>
      </c>
      <c r="AD9" s="350">
        <v>1167308117</v>
      </c>
      <c r="AE9" s="350">
        <v>1152332269</v>
      </c>
      <c r="AF9" s="350">
        <v>1329063384</v>
      </c>
      <c r="AG9" s="350">
        <v>1342316990</v>
      </c>
      <c r="AH9" s="348">
        <v>5705120608</v>
      </c>
      <c r="AI9" s="347">
        <v>5705133657</v>
      </c>
      <c r="AJ9" s="351">
        <v>82533</v>
      </c>
      <c r="AK9" s="350">
        <v>626228</v>
      </c>
      <c r="AL9" s="348">
        <v>708761</v>
      </c>
      <c r="AM9" s="349">
        <v>0</v>
      </c>
      <c r="AN9" s="350">
        <v>4832196</v>
      </c>
      <c r="AO9" s="346">
        <v>23609480</v>
      </c>
      <c r="AP9" s="350">
        <v>48306789</v>
      </c>
      <c r="AQ9" s="350">
        <v>126253985</v>
      </c>
      <c r="AR9" s="350">
        <v>248847971</v>
      </c>
      <c r="AS9" s="348">
        <v>451850421</v>
      </c>
      <c r="AT9" s="347">
        <v>452559182</v>
      </c>
      <c r="AU9" s="351">
        <v>56247329</v>
      </c>
      <c r="AV9" s="350">
        <v>189804473</v>
      </c>
      <c r="AW9" s="348">
        <v>246051802</v>
      </c>
      <c r="AX9" s="349">
        <v>0</v>
      </c>
      <c r="AY9" s="350">
        <v>490824464</v>
      </c>
      <c r="AZ9" s="350">
        <v>791498893</v>
      </c>
      <c r="BA9" s="350">
        <v>509754349</v>
      </c>
      <c r="BB9" s="350">
        <v>457208838</v>
      </c>
      <c r="BC9" s="350">
        <v>431465479</v>
      </c>
      <c r="BD9" s="348">
        <v>2680752023</v>
      </c>
      <c r="BE9" s="352">
        <v>2926803825</v>
      </c>
      <c r="BF9" s="351">
        <v>6605261</v>
      </c>
      <c r="BG9" s="346">
        <v>28751351</v>
      </c>
      <c r="BH9" s="353">
        <v>35356612</v>
      </c>
      <c r="BI9" s="349">
        <v>0</v>
      </c>
      <c r="BJ9" s="350">
        <v>39264952</v>
      </c>
      <c r="BK9" s="350">
        <v>67490297</v>
      </c>
      <c r="BL9" s="350">
        <v>43965295</v>
      </c>
      <c r="BM9" s="350">
        <v>37804214</v>
      </c>
      <c r="BN9" s="350">
        <v>23455009</v>
      </c>
      <c r="BO9" s="348">
        <v>211979767</v>
      </c>
      <c r="BP9" s="347">
        <v>247336379</v>
      </c>
      <c r="BQ9" s="351">
        <v>37128434</v>
      </c>
      <c r="BR9" s="350">
        <v>47289735</v>
      </c>
      <c r="BS9" s="348">
        <v>84418169</v>
      </c>
      <c r="BT9" s="349">
        <v>0</v>
      </c>
      <c r="BU9" s="350">
        <v>266060207</v>
      </c>
      <c r="BV9" s="350">
        <v>336468240</v>
      </c>
      <c r="BW9" s="350">
        <v>303573760</v>
      </c>
      <c r="BX9" s="350">
        <v>303412967</v>
      </c>
      <c r="BY9" s="350">
        <v>232557157</v>
      </c>
      <c r="BZ9" s="348">
        <v>1442072331</v>
      </c>
      <c r="CA9" s="347">
        <v>1526490500</v>
      </c>
      <c r="CB9" s="351">
        <v>41554370</v>
      </c>
      <c r="CC9" s="350">
        <v>129218592</v>
      </c>
      <c r="CD9" s="348">
        <v>170772962</v>
      </c>
      <c r="CE9" s="349">
        <v>0</v>
      </c>
      <c r="CF9" s="350">
        <v>1439288266</v>
      </c>
      <c r="CG9" s="350">
        <v>1968266425</v>
      </c>
      <c r="CH9" s="354">
        <v>1395788870</v>
      </c>
      <c r="CI9" s="350">
        <v>922363542</v>
      </c>
      <c r="CJ9" s="350">
        <v>469831708</v>
      </c>
      <c r="CK9" s="348">
        <v>6195538811</v>
      </c>
      <c r="CL9" s="347">
        <v>6366311773</v>
      </c>
      <c r="CM9" s="342">
        <v>0</v>
      </c>
      <c r="CN9" s="343">
        <v>9912</v>
      </c>
      <c r="CO9" s="348">
        <v>9912</v>
      </c>
      <c r="CP9" s="349">
        <v>0</v>
      </c>
      <c r="CQ9" s="350">
        <v>1203970910</v>
      </c>
      <c r="CR9" s="350">
        <v>1539651307</v>
      </c>
      <c r="CS9" s="350">
        <v>1083377923</v>
      </c>
      <c r="CT9" s="350">
        <v>701072869</v>
      </c>
      <c r="CU9" s="350">
        <v>378484519</v>
      </c>
      <c r="CV9" s="355">
        <v>4906557528</v>
      </c>
      <c r="CW9" s="347">
        <v>4906567440</v>
      </c>
      <c r="CX9" s="351">
        <v>41554370</v>
      </c>
      <c r="CY9" s="350">
        <v>129208680</v>
      </c>
      <c r="CZ9" s="348">
        <v>170763050</v>
      </c>
      <c r="DA9" s="349">
        <v>0</v>
      </c>
      <c r="DB9" s="350">
        <v>235317356</v>
      </c>
      <c r="DC9" s="350">
        <v>428615118</v>
      </c>
      <c r="DD9" s="350">
        <v>312410947</v>
      </c>
      <c r="DE9" s="350">
        <v>221290673</v>
      </c>
      <c r="DF9" s="350">
        <v>91347189</v>
      </c>
      <c r="DG9" s="348">
        <v>1288981283</v>
      </c>
      <c r="DH9" s="347">
        <v>1459744333</v>
      </c>
      <c r="DI9" s="351">
        <v>1474492</v>
      </c>
      <c r="DJ9" s="350">
        <v>9907785</v>
      </c>
      <c r="DK9" s="353">
        <v>11382277</v>
      </c>
      <c r="DL9" s="349">
        <v>0</v>
      </c>
      <c r="DM9" s="350">
        <v>141374311</v>
      </c>
      <c r="DN9" s="350">
        <v>301096575</v>
      </c>
      <c r="DO9" s="350">
        <v>550097067</v>
      </c>
      <c r="DP9" s="350">
        <v>478170739</v>
      </c>
      <c r="DQ9" s="350">
        <v>270100973</v>
      </c>
      <c r="DR9" s="356">
        <v>1740839665</v>
      </c>
      <c r="DS9" s="347">
        <v>1752221942</v>
      </c>
      <c r="DT9" s="351">
        <v>1380217</v>
      </c>
      <c r="DU9" s="350">
        <v>8709858</v>
      </c>
      <c r="DV9" s="348">
        <v>10090075</v>
      </c>
      <c r="DW9" s="349">
        <v>0</v>
      </c>
      <c r="DX9" s="350">
        <v>127515870</v>
      </c>
      <c r="DY9" s="350">
        <v>260879408</v>
      </c>
      <c r="DZ9" s="350">
        <v>497804132</v>
      </c>
      <c r="EA9" s="350">
        <v>416116599</v>
      </c>
      <c r="EB9" s="350">
        <v>231351282</v>
      </c>
      <c r="EC9" s="348">
        <v>1533667291</v>
      </c>
      <c r="ED9" s="347">
        <v>1543757366</v>
      </c>
      <c r="EE9" s="351">
        <v>94275</v>
      </c>
      <c r="EF9" s="346">
        <v>1197927</v>
      </c>
      <c r="EG9" s="348">
        <v>1292202</v>
      </c>
      <c r="EH9" s="352">
        <v>0</v>
      </c>
      <c r="EI9" s="350">
        <v>13858441</v>
      </c>
      <c r="EJ9" s="350">
        <v>40217167</v>
      </c>
      <c r="EK9" s="350">
        <v>52292935</v>
      </c>
      <c r="EL9" s="350">
        <v>62054140</v>
      </c>
      <c r="EM9" s="354">
        <v>38749691</v>
      </c>
      <c r="EN9" s="346">
        <v>207172374</v>
      </c>
      <c r="EO9" s="347">
        <v>208464576</v>
      </c>
      <c r="EP9" s="351">
        <v>0</v>
      </c>
      <c r="EQ9" s="350">
        <v>0</v>
      </c>
      <c r="ER9" s="346">
        <v>0</v>
      </c>
      <c r="ES9" s="349">
        <v>0</v>
      </c>
      <c r="ET9" s="350">
        <v>0</v>
      </c>
      <c r="EU9" s="350">
        <v>0</v>
      </c>
      <c r="EV9" s="350">
        <v>0</v>
      </c>
      <c r="EW9" s="350">
        <v>0</v>
      </c>
      <c r="EX9" s="350">
        <v>0</v>
      </c>
      <c r="EY9" s="355">
        <v>0</v>
      </c>
      <c r="EZ9" s="347">
        <v>0</v>
      </c>
      <c r="FA9" s="351">
        <v>0</v>
      </c>
      <c r="FB9" s="350">
        <v>0</v>
      </c>
      <c r="FC9" s="346">
        <v>0</v>
      </c>
      <c r="FD9" s="357">
        <v>0</v>
      </c>
      <c r="FE9" s="350">
        <v>0</v>
      </c>
      <c r="FF9" s="350">
        <v>0</v>
      </c>
      <c r="FG9" s="350">
        <v>0</v>
      </c>
      <c r="FH9" s="350">
        <v>0</v>
      </c>
      <c r="FI9" s="350">
        <v>0</v>
      </c>
      <c r="FJ9" s="355">
        <v>0</v>
      </c>
      <c r="FK9" s="347">
        <v>0</v>
      </c>
      <c r="FL9" s="351">
        <v>98585214</v>
      </c>
      <c r="FM9" s="350">
        <v>210385861</v>
      </c>
      <c r="FN9" s="348">
        <v>308971075</v>
      </c>
      <c r="FO9" s="349">
        <v>0</v>
      </c>
      <c r="FP9" s="350">
        <v>261583561</v>
      </c>
      <c r="FQ9" s="350">
        <v>672632416</v>
      </c>
      <c r="FR9" s="350">
        <v>468389124</v>
      </c>
      <c r="FS9" s="350">
        <v>420457823</v>
      </c>
      <c r="FT9" s="350">
        <v>309964390</v>
      </c>
      <c r="FU9" s="348">
        <v>2133027314</v>
      </c>
      <c r="FV9" s="347">
        <v>2441998389</v>
      </c>
      <c r="FW9" s="351">
        <v>57752767</v>
      </c>
      <c r="FX9" s="350">
        <v>157788081</v>
      </c>
      <c r="FY9" s="346">
        <v>215540848</v>
      </c>
      <c r="FZ9" s="352">
        <v>0</v>
      </c>
      <c r="GA9" s="350">
        <v>209842399</v>
      </c>
      <c r="GB9" s="358">
        <v>620049633</v>
      </c>
      <c r="GC9" s="350">
        <v>436249725</v>
      </c>
      <c r="GD9" s="358">
        <v>394534413</v>
      </c>
      <c r="GE9" s="350">
        <v>300190192</v>
      </c>
      <c r="GF9" s="355">
        <v>1960866362</v>
      </c>
      <c r="GG9" s="359">
        <v>2176407210</v>
      </c>
      <c r="GH9" s="360">
        <v>5406968</v>
      </c>
      <c r="GI9" s="350">
        <v>9914668</v>
      </c>
      <c r="GJ9" s="358">
        <v>15321636</v>
      </c>
      <c r="GK9" s="345">
        <v>0</v>
      </c>
      <c r="GL9" s="350">
        <v>14437751</v>
      </c>
      <c r="GM9" s="346">
        <v>19446071</v>
      </c>
      <c r="GN9" s="350">
        <v>11214479</v>
      </c>
      <c r="GO9" s="346">
        <v>11313448</v>
      </c>
      <c r="GP9" s="350">
        <v>4467783</v>
      </c>
      <c r="GQ9" s="356">
        <v>60879532</v>
      </c>
      <c r="GR9" s="347">
        <v>76201168</v>
      </c>
      <c r="GS9" s="346">
        <v>35425479</v>
      </c>
      <c r="GT9" s="350">
        <v>42683112</v>
      </c>
      <c r="GU9" s="348">
        <v>78108591</v>
      </c>
      <c r="GV9" s="346">
        <v>0</v>
      </c>
      <c r="GW9" s="350">
        <v>37303411</v>
      </c>
      <c r="GX9" s="346">
        <v>33136712</v>
      </c>
      <c r="GY9" s="350">
        <v>20924920</v>
      </c>
      <c r="GZ9" s="346">
        <v>14609962</v>
      </c>
      <c r="HA9" s="350">
        <v>5306415</v>
      </c>
      <c r="HB9" s="346">
        <v>111281420</v>
      </c>
      <c r="HC9" s="347">
        <v>189390011</v>
      </c>
      <c r="HD9" s="346">
        <v>102312631</v>
      </c>
      <c r="HE9" s="350">
        <v>129242170</v>
      </c>
      <c r="HF9" s="346">
        <v>231554801</v>
      </c>
      <c r="HG9" s="352">
        <v>0</v>
      </c>
      <c r="HH9" s="350">
        <v>1068741402</v>
      </c>
      <c r="HI9" s="358">
        <v>1110183370</v>
      </c>
      <c r="HJ9" s="350">
        <v>1061283597</v>
      </c>
      <c r="HK9" s="358">
        <v>1334072298</v>
      </c>
      <c r="HL9" s="350">
        <v>835142322</v>
      </c>
      <c r="HM9" s="355">
        <v>5409422989</v>
      </c>
      <c r="HN9" s="346">
        <v>5640977790</v>
      </c>
      <c r="HO9" s="360">
        <v>74820345</v>
      </c>
      <c r="HP9" s="350">
        <v>148836701</v>
      </c>
      <c r="HQ9" s="355">
        <v>223657046</v>
      </c>
      <c r="HR9" s="346">
        <v>0</v>
      </c>
      <c r="HS9" s="350">
        <v>870559262</v>
      </c>
      <c r="HT9" s="346">
        <v>939567578</v>
      </c>
      <c r="HU9" s="350">
        <v>601326818</v>
      </c>
      <c r="HV9" s="346">
        <v>414594821</v>
      </c>
      <c r="HW9" s="350">
        <v>254940582</v>
      </c>
      <c r="HX9" s="346">
        <v>3080989061</v>
      </c>
      <c r="HY9" s="347">
        <v>3304646107</v>
      </c>
      <c r="HZ9" s="361">
        <v>8851789</v>
      </c>
      <c r="IA9" s="362">
        <v>36230879</v>
      </c>
      <c r="IB9" s="363">
        <v>45082668</v>
      </c>
      <c r="IC9" s="364">
        <v>0</v>
      </c>
      <c r="ID9" s="362">
        <v>1623761245</v>
      </c>
      <c r="IE9" s="365">
        <v>2234431022</v>
      </c>
      <c r="IF9" s="366">
        <v>2365282585</v>
      </c>
      <c r="IG9" s="362">
        <v>1779806804</v>
      </c>
      <c r="IH9" s="366">
        <v>1294068066</v>
      </c>
      <c r="II9" s="367">
        <v>9297349722</v>
      </c>
      <c r="IJ9" s="368">
        <v>9342432390</v>
      </c>
      <c r="IK9" s="369">
        <v>0</v>
      </c>
      <c r="IL9" s="370">
        <v>0</v>
      </c>
      <c r="IM9" s="371">
        <v>0</v>
      </c>
      <c r="IN9" s="372">
        <v>0</v>
      </c>
      <c r="IO9" s="373">
        <v>24887853</v>
      </c>
      <c r="IP9" s="373">
        <v>50602578</v>
      </c>
      <c r="IQ9" s="373">
        <v>65114123</v>
      </c>
      <c r="IR9" s="373">
        <v>108890297</v>
      </c>
      <c r="IS9" s="373">
        <v>115004022</v>
      </c>
      <c r="IT9" s="374">
        <v>364498873</v>
      </c>
      <c r="IU9" s="375">
        <v>364498873</v>
      </c>
      <c r="IV9" s="376">
        <v>0</v>
      </c>
      <c r="IW9" s="373">
        <v>0</v>
      </c>
      <c r="IX9" s="377">
        <v>0</v>
      </c>
      <c r="IY9" s="442">
        <v>0</v>
      </c>
      <c r="IZ9" s="373">
        <v>3712313</v>
      </c>
      <c r="JA9" s="373">
        <v>11568744</v>
      </c>
      <c r="JB9" s="373">
        <v>11165592</v>
      </c>
      <c r="JC9" s="373">
        <v>14072319</v>
      </c>
      <c r="JD9" s="373">
        <v>18684580</v>
      </c>
      <c r="JE9" s="377">
        <v>59203548</v>
      </c>
      <c r="JF9" s="378">
        <v>59203548</v>
      </c>
      <c r="JG9" s="376">
        <v>0</v>
      </c>
      <c r="JH9" s="373">
        <v>36497</v>
      </c>
      <c r="JI9" s="374">
        <v>36497</v>
      </c>
      <c r="JJ9" s="379">
        <v>0</v>
      </c>
      <c r="JK9" s="373">
        <v>619331894</v>
      </c>
      <c r="JL9" s="373">
        <v>763899436</v>
      </c>
      <c r="JM9" s="373">
        <v>585688195</v>
      </c>
      <c r="JN9" s="373">
        <v>346653716</v>
      </c>
      <c r="JO9" s="373">
        <v>182711118</v>
      </c>
      <c r="JP9" s="377">
        <v>2498284359</v>
      </c>
      <c r="JQ9" s="375">
        <v>2498320856</v>
      </c>
      <c r="JR9" s="376">
        <v>222168</v>
      </c>
      <c r="JS9" s="373">
        <v>443545</v>
      </c>
      <c r="JT9" s="374">
        <v>665713</v>
      </c>
      <c r="JU9" s="379">
        <v>0</v>
      </c>
      <c r="JV9" s="373">
        <v>68816252</v>
      </c>
      <c r="JW9" s="373">
        <v>104124368</v>
      </c>
      <c r="JX9" s="373">
        <v>150158930</v>
      </c>
      <c r="JY9" s="373">
        <v>96166066</v>
      </c>
      <c r="JZ9" s="373">
        <v>75520530</v>
      </c>
      <c r="KA9" s="377">
        <v>494786146</v>
      </c>
      <c r="KB9" s="375">
        <v>495451859</v>
      </c>
      <c r="KC9" s="380">
        <v>8629621</v>
      </c>
      <c r="KD9" s="381">
        <v>24441544</v>
      </c>
      <c r="KE9" s="377">
        <v>33071165</v>
      </c>
      <c r="KF9" s="379">
        <v>0</v>
      </c>
      <c r="KG9" s="373">
        <v>202641030</v>
      </c>
      <c r="KH9" s="373">
        <v>310981505</v>
      </c>
      <c r="KI9" s="373">
        <v>359823909</v>
      </c>
      <c r="KJ9" s="373">
        <v>266317704</v>
      </c>
      <c r="KK9" s="373">
        <v>168319960</v>
      </c>
      <c r="KL9" s="377">
        <v>1308084108</v>
      </c>
      <c r="KM9" s="382">
        <v>1341155273</v>
      </c>
      <c r="KN9" s="369">
        <v>0</v>
      </c>
      <c r="KO9" s="370">
        <v>11309293</v>
      </c>
      <c r="KP9" s="371">
        <v>11309293</v>
      </c>
      <c r="KQ9" s="442">
        <v>0</v>
      </c>
      <c r="KR9" s="373">
        <v>663779614</v>
      </c>
      <c r="KS9" s="373">
        <v>905549752</v>
      </c>
      <c r="KT9" s="373">
        <v>1040186035</v>
      </c>
      <c r="KU9" s="373">
        <v>709298130</v>
      </c>
      <c r="KV9" s="373">
        <v>476841393</v>
      </c>
      <c r="KW9" s="377">
        <v>3795654924</v>
      </c>
      <c r="KX9" s="375">
        <v>3806964217</v>
      </c>
      <c r="KY9" s="376">
        <v>0</v>
      </c>
      <c r="KZ9" s="373">
        <v>0</v>
      </c>
      <c r="LA9" s="377">
        <v>0</v>
      </c>
      <c r="LB9" s="442">
        <v>0</v>
      </c>
      <c r="LC9" s="373">
        <v>7170951</v>
      </c>
      <c r="LD9" s="373">
        <v>8267883</v>
      </c>
      <c r="LE9" s="373">
        <v>12894125</v>
      </c>
      <c r="LF9" s="373">
        <v>17119102</v>
      </c>
      <c r="LG9" s="373">
        <v>14818770</v>
      </c>
      <c r="LH9" s="377">
        <v>60270831</v>
      </c>
      <c r="LI9" s="378">
        <v>60270831</v>
      </c>
      <c r="LJ9" s="376">
        <v>0</v>
      </c>
      <c r="LK9" s="373">
        <v>0</v>
      </c>
      <c r="LL9" s="377">
        <v>0</v>
      </c>
      <c r="LM9" s="442">
        <v>0</v>
      </c>
      <c r="LN9" s="373">
        <v>1406455</v>
      </c>
      <c r="LO9" s="373">
        <v>7257033</v>
      </c>
      <c r="LP9" s="373">
        <v>58957412</v>
      </c>
      <c r="LQ9" s="373">
        <v>99042563</v>
      </c>
      <c r="LR9" s="373">
        <v>77595423</v>
      </c>
      <c r="LS9" s="377">
        <v>244258886</v>
      </c>
      <c r="LT9" s="375">
        <v>244258886</v>
      </c>
      <c r="LU9" s="376">
        <v>0</v>
      </c>
      <c r="LV9" s="373">
        <v>0</v>
      </c>
      <c r="LW9" s="377">
        <v>0</v>
      </c>
      <c r="LX9" s="442">
        <v>0</v>
      </c>
      <c r="LY9" s="373">
        <v>32014883</v>
      </c>
      <c r="LZ9" s="373">
        <v>72179723</v>
      </c>
      <c r="MA9" s="373">
        <v>81294264</v>
      </c>
      <c r="MB9" s="373">
        <v>122246907</v>
      </c>
      <c r="MC9" s="373">
        <v>164572270</v>
      </c>
      <c r="MD9" s="377">
        <v>472308047</v>
      </c>
      <c r="ME9" s="378">
        <v>472308047</v>
      </c>
      <c r="MF9" s="376">
        <v>0</v>
      </c>
      <c r="MG9" s="373">
        <v>0</v>
      </c>
      <c r="MH9" s="377">
        <v>0</v>
      </c>
      <c r="MI9" s="442">
        <v>0</v>
      </c>
      <c r="MJ9" s="373">
        <v>546021823</v>
      </c>
      <c r="MK9" s="373">
        <v>1393383607</v>
      </c>
      <c r="ML9" s="373">
        <v>4174509775</v>
      </c>
      <c r="MM9" s="373">
        <v>6325011941</v>
      </c>
      <c r="MN9" s="373">
        <v>4378265965</v>
      </c>
      <c r="MO9" s="377">
        <v>16817193111</v>
      </c>
      <c r="MP9" s="382">
        <v>16817193111</v>
      </c>
      <c r="MQ9" s="376">
        <v>0</v>
      </c>
      <c r="MR9" s="373">
        <v>0</v>
      </c>
      <c r="MS9" s="377">
        <v>0</v>
      </c>
      <c r="MT9" s="442">
        <v>0</v>
      </c>
      <c r="MU9" s="373">
        <v>108546913</v>
      </c>
      <c r="MV9" s="373">
        <v>415390246</v>
      </c>
      <c r="MW9" s="373">
        <v>2686755438</v>
      </c>
      <c r="MX9" s="373">
        <v>4282040782</v>
      </c>
      <c r="MY9" s="373">
        <v>3128064283</v>
      </c>
      <c r="MZ9" s="377">
        <v>10620797662</v>
      </c>
      <c r="NA9" s="382">
        <v>10620797662</v>
      </c>
      <c r="NB9" s="376">
        <v>0</v>
      </c>
      <c r="NC9" s="373">
        <v>0</v>
      </c>
      <c r="ND9" s="377">
        <v>0</v>
      </c>
      <c r="NE9" s="442">
        <v>0</v>
      </c>
      <c r="NF9" s="373">
        <v>434049611</v>
      </c>
      <c r="NG9" s="373">
        <v>969884962</v>
      </c>
      <c r="NH9" s="373">
        <v>1465657601</v>
      </c>
      <c r="NI9" s="373">
        <v>1891290717</v>
      </c>
      <c r="NJ9" s="373">
        <v>1028084650</v>
      </c>
      <c r="NK9" s="377">
        <v>5788967541</v>
      </c>
      <c r="NL9" s="375">
        <v>5788967541</v>
      </c>
      <c r="NM9" s="376">
        <v>0</v>
      </c>
      <c r="NN9" s="373">
        <v>0</v>
      </c>
      <c r="NO9" s="377">
        <v>0</v>
      </c>
      <c r="NP9" s="442">
        <v>0</v>
      </c>
      <c r="NQ9" s="373">
        <v>150200</v>
      </c>
      <c r="NR9" s="373">
        <v>0</v>
      </c>
      <c r="NS9" s="373">
        <v>514845</v>
      </c>
      <c r="NT9" s="373">
        <v>18379827</v>
      </c>
      <c r="NU9" s="373">
        <v>26125620</v>
      </c>
      <c r="NV9" s="377">
        <v>45170492</v>
      </c>
      <c r="NW9" s="378">
        <v>45170492</v>
      </c>
      <c r="NX9" s="376">
        <v>0</v>
      </c>
      <c r="NY9" s="373">
        <v>0</v>
      </c>
      <c r="NZ9" s="377">
        <v>0</v>
      </c>
      <c r="OA9" s="442">
        <v>0</v>
      </c>
      <c r="OB9" s="373">
        <v>3275099</v>
      </c>
      <c r="OC9" s="373">
        <v>8108399</v>
      </c>
      <c r="OD9" s="373">
        <v>21581891</v>
      </c>
      <c r="OE9" s="373">
        <v>133300615</v>
      </c>
      <c r="OF9" s="373">
        <v>195991412</v>
      </c>
      <c r="OG9" s="377">
        <v>362257416</v>
      </c>
      <c r="OH9" s="378">
        <v>362257416</v>
      </c>
      <c r="OI9" s="376">
        <v>427662398</v>
      </c>
      <c r="OJ9" s="373">
        <v>930306824</v>
      </c>
      <c r="OK9" s="374">
        <v>1357969222</v>
      </c>
      <c r="OL9" s="379">
        <v>0</v>
      </c>
      <c r="OM9" s="373">
        <v>7466411537</v>
      </c>
      <c r="ON9" s="373">
        <v>11005936020</v>
      </c>
      <c r="OO9" s="373">
        <v>12674610298</v>
      </c>
      <c r="OP9" s="373">
        <v>13928221356</v>
      </c>
      <c r="OQ9" s="373">
        <v>10090956612</v>
      </c>
      <c r="OR9" s="377">
        <v>55166135823</v>
      </c>
      <c r="OS9" s="382">
        <v>56524105045</v>
      </c>
    </row>
    <row r="10" spans="1:409" s="383" customFormat="1" ht="21" customHeight="1" x14ac:dyDescent="0.2">
      <c r="A10" s="39"/>
      <c r="B10" s="436" t="s">
        <v>5</v>
      </c>
      <c r="C10" s="384">
        <v>166485043</v>
      </c>
      <c r="D10" s="385">
        <v>426461429</v>
      </c>
      <c r="E10" s="386">
        <v>592946472</v>
      </c>
      <c r="F10" s="387">
        <v>0</v>
      </c>
      <c r="G10" s="385">
        <v>1808461294</v>
      </c>
      <c r="H10" s="385">
        <v>3319955147</v>
      </c>
      <c r="I10" s="385">
        <v>2516057795</v>
      </c>
      <c r="J10" s="385">
        <v>2336309405</v>
      </c>
      <c r="K10" s="385">
        <v>1788501182</v>
      </c>
      <c r="L10" s="387">
        <v>11769284823</v>
      </c>
      <c r="M10" s="388">
        <v>12362231295</v>
      </c>
      <c r="N10" s="384">
        <v>42758450</v>
      </c>
      <c r="O10" s="385">
        <v>142707108</v>
      </c>
      <c r="P10" s="386">
        <v>185465558</v>
      </c>
      <c r="Q10" s="384">
        <v>0</v>
      </c>
      <c r="R10" s="385">
        <v>529775665</v>
      </c>
      <c r="S10" s="385">
        <v>1119941937</v>
      </c>
      <c r="T10" s="385">
        <v>861797371</v>
      </c>
      <c r="U10" s="385">
        <v>883934004</v>
      </c>
      <c r="V10" s="385">
        <v>918504894</v>
      </c>
      <c r="W10" s="386">
        <v>4313953871</v>
      </c>
      <c r="X10" s="388">
        <v>4499419429</v>
      </c>
      <c r="Y10" s="384">
        <v>0</v>
      </c>
      <c r="Z10" s="385">
        <v>6044</v>
      </c>
      <c r="AA10" s="386">
        <v>6044</v>
      </c>
      <c r="AB10" s="384">
        <v>0</v>
      </c>
      <c r="AC10" s="385">
        <v>241267141</v>
      </c>
      <c r="AD10" s="385">
        <v>521795822</v>
      </c>
      <c r="AE10" s="385">
        <v>443700437</v>
      </c>
      <c r="AF10" s="385">
        <v>476817742</v>
      </c>
      <c r="AG10" s="385">
        <v>506930044</v>
      </c>
      <c r="AH10" s="386">
        <v>2190511186</v>
      </c>
      <c r="AI10" s="388">
        <v>2190517230</v>
      </c>
      <c r="AJ10" s="384">
        <v>54812</v>
      </c>
      <c r="AK10" s="385">
        <v>253393</v>
      </c>
      <c r="AL10" s="386">
        <v>308205</v>
      </c>
      <c r="AM10" s="384">
        <v>0</v>
      </c>
      <c r="AN10" s="385">
        <v>1147038</v>
      </c>
      <c r="AO10" s="385">
        <v>8226748</v>
      </c>
      <c r="AP10" s="385">
        <v>19515945</v>
      </c>
      <c r="AQ10" s="385">
        <v>49860865</v>
      </c>
      <c r="AR10" s="385">
        <v>111550325</v>
      </c>
      <c r="AS10" s="386">
        <v>190300921</v>
      </c>
      <c r="AT10" s="388">
        <v>190609126</v>
      </c>
      <c r="AU10" s="384">
        <v>24645452</v>
      </c>
      <c r="AV10" s="385">
        <v>102488203</v>
      </c>
      <c r="AW10" s="386">
        <v>127133655</v>
      </c>
      <c r="AX10" s="384">
        <v>0</v>
      </c>
      <c r="AY10" s="385">
        <v>176960274</v>
      </c>
      <c r="AZ10" s="385">
        <v>412829286</v>
      </c>
      <c r="BA10" s="385">
        <v>253721127</v>
      </c>
      <c r="BB10" s="385">
        <v>215051130</v>
      </c>
      <c r="BC10" s="385">
        <v>193915385</v>
      </c>
      <c r="BD10" s="386">
        <v>1252477202</v>
      </c>
      <c r="BE10" s="388">
        <v>1379610857</v>
      </c>
      <c r="BF10" s="384">
        <v>2354615</v>
      </c>
      <c r="BG10" s="385">
        <v>16013512</v>
      </c>
      <c r="BH10" s="389">
        <v>18368127</v>
      </c>
      <c r="BI10" s="390">
        <v>0</v>
      </c>
      <c r="BJ10" s="385">
        <v>9669415</v>
      </c>
      <c r="BK10" s="385">
        <v>27798761</v>
      </c>
      <c r="BL10" s="385">
        <v>18641575</v>
      </c>
      <c r="BM10" s="385">
        <v>15796536</v>
      </c>
      <c r="BN10" s="385">
        <v>9523363</v>
      </c>
      <c r="BO10" s="386">
        <v>81429650</v>
      </c>
      <c r="BP10" s="388">
        <v>99797777</v>
      </c>
      <c r="BQ10" s="384">
        <v>15703571</v>
      </c>
      <c r="BR10" s="385">
        <v>23945956</v>
      </c>
      <c r="BS10" s="386">
        <v>39649527</v>
      </c>
      <c r="BT10" s="384">
        <v>0</v>
      </c>
      <c r="BU10" s="385">
        <v>100731797</v>
      </c>
      <c r="BV10" s="385">
        <v>149291320</v>
      </c>
      <c r="BW10" s="385">
        <v>126218287</v>
      </c>
      <c r="BX10" s="385">
        <v>126407731</v>
      </c>
      <c r="BY10" s="385">
        <v>96585777</v>
      </c>
      <c r="BZ10" s="386">
        <v>599234912</v>
      </c>
      <c r="CA10" s="388">
        <v>638884439</v>
      </c>
      <c r="CB10" s="384">
        <v>18643106</v>
      </c>
      <c r="CC10" s="385">
        <v>62544811</v>
      </c>
      <c r="CD10" s="386">
        <v>81187917</v>
      </c>
      <c r="CE10" s="384">
        <v>0</v>
      </c>
      <c r="CF10" s="385">
        <v>447227606</v>
      </c>
      <c r="CG10" s="385">
        <v>820933430</v>
      </c>
      <c r="CH10" s="385">
        <v>525162659</v>
      </c>
      <c r="CI10" s="385">
        <v>335295109</v>
      </c>
      <c r="CJ10" s="385">
        <v>171643784</v>
      </c>
      <c r="CK10" s="386">
        <v>2300262588</v>
      </c>
      <c r="CL10" s="388">
        <v>2381450505</v>
      </c>
      <c r="CM10" s="384">
        <v>0</v>
      </c>
      <c r="CN10" s="385">
        <v>0</v>
      </c>
      <c r="CO10" s="386">
        <v>0</v>
      </c>
      <c r="CP10" s="390">
        <v>0</v>
      </c>
      <c r="CQ10" s="385">
        <v>376097817</v>
      </c>
      <c r="CR10" s="385">
        <v>622878872</v>
      </c>
      <c r="CS10" s="385">
        <v>383886682</v>
      </c>
      <c r="CT10" s="385">
        <v>233841794</v>
      </c>
      <c r="CU10" s="385">
        <v>129664948</v>
      </c>
      <c r="CV10" s="386">
        <v>1746370113</v>
      </c>
      <c r="CW10" s="388">
        <v>1746370113</v>
      </c>
      <c r="CX10" s="384">
        <v>18643106</v>
      </c>
      <c r="CY10" s="385">
        <v>62544811</v>
      </c>
      <c r="CZ10" s="386">
        <v>81187917</v>
      </c>
      <c r="DA10" s="384">
        <v>0</v>
      </c>
      <c r="DB10" s="385">
        <v>71129789</v>
      </c>
      <c r="DC10" s="385">
        <v>198054558</v>
      </c>
      <c r="DD10" s="385">
        <v>141275977</v>
      </c>
      <c r="DE10" s="385">
        <v>101453315</v>
      </c>
      <c r="DF10" s="385">
        <v>41978836</v>
      </c>
      <c r="DG10" s="386">
        <v>553892475</v>
      </c>
      <c r="DH10" s="388">
        <v>635080392</v>
      </c>
      <c r="DI10" s="384">
        <v>431389</v>
      </c>
      <c r="DJ10" s="385">
        <v>4277158</v>
      </c>
      <c r="DK10" s="389">
        <v>4708547</v>
      </c>
      <c r="DL10" s="390">
        <v>0</v>
      </c>
      <c r="DM10" s="385">
        <v>42379586</v>
      </c>
      <c r="DN10" s="385">
        <v>123249056</v>
      </c>
      <c r="DO10" s="385">
        <v>220447673</v>
      </c>
      <c r="DP10" s="385">
        <v>183737843</v>
      </c>
      <c r="DQ10" s="385">
        <v>113682889</v>
      </c>
      <c r="DR10" s="386">
        <v>683497047</v>
      </c>
      <c r="DS10" s="388">
        <v>688205594</v>
      </c>
      <c r="DT10" s="384">
        <v>411699</v>
      </c>
      <c r="DU10" s="385">
        <v>3438242</v>
      </c>
      <c r="DV10" s="386">
        <v>3849941</v>
      </c>
      <c r="DW10" s="384">
        <v>0</v>
      </c>
      <c r="DX10" s="385">
        <v>36134965</v>
      </c>
      <c r="DY10" s="385">
        <v>99682828</v>
      </c>
      <c r="DZ10" s="385">
        <v>190049155</v>
      </c>
      <c r="EA10" s="385">
        <v>147331951</v>
      </c>
      <c r="EB10" s="385">
        <v>90605800</v>
      </c>
      <c r="EC10" s="386">
        <v>563804699</v>
      </c>
      <c r="ED10" s="388">
        <v>567654640</v>
      </c>
      <c r="EE10" s="384">
        <v>19690</v>
      </c>
      <c r="EF10" s="389">
        <v>838916</v>
      </c>
      <c r="EG10" s="386">
        <v>858606</v>
      </c>
      <c r="EH10" s="384">
        <v>0</v>
      </c>
      <c r="EI10" s="385">
        <v>6244621</v>
      </c>
      <c r="EJ10" s="385">
        <v>23566228</v>
      </c>
      <c r="EK10" s="385">
        <v>30398518</v>
      </c>
      <c r="EL10" s="385">
        <v>36405892</v>
      </c>
      <c r="EM10" s="385">
        <v>23077089</v>
      </c>
      <c r="EN10" s="389">
        <v>119692348</v>
      </c>
      <c r="EO10" s="388">
        <v>120550954</v>
      </c>
      <c r="EP10" s="384">
        <v>0</v>
      </c>
      <c r="EQ10" s="385">
        <v>0</v>
      </c>
      <c r="ER10" s="389">
        <v>0</v>
      </c>
      <c r="ES10" s="390">
        <v>0</v>
      </c>
      <c r="ET10" s="385">
        <v>0</v>
      </c>
      <c r="EU10" s="385">
        <v>0</v>
      </c>
      <c r="EV10" s="385">
        <v>0</v>
      </c>
      <c r="EW10" s="385">
        <v>0</v>
      </c>
      <c r="EX10" s="385">
        <v>0</v>
      </c>
      <c r="EY10" s="386">
        <v>0</v>
      </c>
      <c r="EZ10" s="388">
        <v>0</v>
      </c>
      <c r="FA10" s="384">
        <v>0</v>
      </c>
      <c r="FB10" s="385">
        <v>0</v>
      </c>
      <c r="FC10" s="389">
        <v>0</v>
      </c>
      <c r="FD10" s="391">
        <v>0</v>
      </c>
      <c r="FE10" s="385">
        <v>0</v>
      </c>
      <c r="FF10" s="385">
        <v>0</v>
      </c>
      <c r="FG10" s="385">
        <v>0</v>
      </c>
      <c r="FH10" s="385">
        <v>0</v>
      </c>
      <c r="FI10" s="385">
        <v>0</v>
      </c>
      <c r="FJ10" s="386">
        <v>0</v>
      </c>
      <c r="FK10" s="388">
        <v>0</v>
      </c>
      <c r="FL10" s="384">
        <v>33272135</v>
      </c>
      <c r="FM10" s="385">
        <v>89765836</v>
      </c>
      <c r="FN10" s="386">
        <v>123037971</v>
      </c>
      <c r="FO10" s="384">
        <v>0</v>
      </c>
      <c r="FP10" s="385">
        <v>69138501</v>
      </c>
      <c r="FQ10" s="385">
        <v>289565171</v>
      </c>
      <c r="FR10" s="385">
        <v>188956090</v>
      </c>
      <c r="FS10" s="385">
        <v>166179086</v>
      </c>
      <c r="FT10" s="385">
        <v>123726230</v>
      </c>
      <c r="FU10" s="386">
        <v>837565078</v>
      </c>
      <c r="FV10" s="388">
        <v>960603049</v>
      </c>
      <c r="FW10" s="392">
        <v>18055919</v>
      </c>
      <c r="FX10" s="385">
        <v>65756100</v>
      </c>
      <c r="FY10" s="389">
        <v>83812019</v>
      </c>
      <c r="FZ10" s="390">
        <v>0</v>
      </c>
      <c r="GA10" s="385">
        <v>53343682</v>
      </c>
      <c r="GB10" s="385">
        <v>267985009</v>
      </c>
      <c r="GC10" s="385">
        <v>177791592</v>
      </c>
      <c r="GD10" s="385">
        <v>154825833</v>
      </c>
      <c r="GE10" s="385">
        <v>119774462</v>
      </c>
      <c r="GF10" s="386">
        <v>773720578</v>
      </c>
      <c r="GG10" s="393">
        <v>857532597</v>
      </c>
      <c r="GH10" s="392">
        <v>1285703</v>
      </c>
      <c r="GI10" s="385">
        <v>4325333</v>
      </c>
      <c r="GJ10" s="389">
        <v>5611036</v>
      </c>
      <c r="GK10" s="390">
        <v>0</v>
      </c>
      <c r="GL10" s="385">
        <v>4100877</v>
      </c>
      <c r="GM10" s="385">
        <v>7905973</v>
      </c>
      <c r="GN10" s="385">
        <v>4357968</v>
      </c>
      <c r="GO10" s="385">
        <v>4807384</v>
      </c>
      <c r="GP10" s="385">
        <v>1366384</v>
      </c>
      <c r="GQ10" s="386">
        <v>22538586</v>
      </c>
      <c r="GR10" s="388">
        <v>28149622</v>
      </c>
      <c r="GS10" s="384">
        <v>13930513</v>
      </c>
      <c r="GT10" s="385">
        <v>19684403</v>
      </c>
      <c r="GU10" s="386">
        <v>33614916</v>
      </c>
      <c r="GV10" s="384">
        <v>0</v>
      </c>
      <c r="GW10" s="385">
        <v>11693942</v>
      </c>
      <c r="GX10" s="385">
        <v>13674189</v>
      </c>
      <c r="GY10" s="385">
        <v>6806530</v>
      </c>
      <c r="GZ10" s="385">
        <v>6545869</v>
      </c>
      <c r="HA10" s="385">
        <v>2585384</v>
      </c>
      <c r="HB10" s="389">
        <v>41305914</v>
      </c>
      <c r="HC10" s="388">
        <v>74920830</v>
      </c>
      <c r="HD10" s="384">
        <v>43935187</v>
      </c>
      <c r="HE10" s="385">
        <v>60067904</v>
      </c>
      <c r="HF10" s="389">
        <v>104003091</v>
      </c>
      <c r="HG10" s="390">
        <v>0</v>
      </c>
      <c r="HH10" s="385">
        <v>430598738</v>
      </c>
      <c r="HI10" s="385">
        <v>532003815</v>
      </c>
      <c r="HJ10" s="385">
        <v>463200468</v>
      </c>
      <c r="HK10" s="385">
        <v>595134458</v>
      </c>
      <c r="HL10" s="385">
        <v>354869983</v>
      </c>
      <c r="HM10" s="386">
        <v>2375807462</v>
      </c>
      <c r="HN10" s="387">
        <v>2479810553</v>
      </c>
      <c r="HO10" s="392">
        <v>27444776</v>
      </c>
      <c r="HP10" s="385">
        <v>67098612</v>
      </c>
      <c r="HQ10" s="386">
        <v>94543388</v>
      </c>
      <c r="HR10" s="384">
        <v>0</v>
      </c>
      <c r="HS10" s="385">
        <v>289341198</v>
      </c>
      <c r="HT10" s="385">
        <v>434261738</v>
      </c>
      <c r="HU10" s="385">
        <v>256493534</v>
      </c>
      <c r="HV10" s="385">
        <v>172028905</v>
      </c>
      <c r="HW10" s="385">
        <v>106073402</v>
      </c>
      <c r="HX10" s="389">
        <v>1258198777</v>
      </c>
      <c r="HY10" s="388">
        <v>1352742165</v>
      </c>
      <c r="HZ10" s="394">
        <v>3760363</v>
      </c>
      <c r="IA10" s="395">
        <v>14229757</v>
      </c>
      <c r="IB10" s="396">
        <v>17990120</v>
      </c>
      <c r="IC10" s="397">
        <v>0</v>
      </c>
      <c r="ID10" s="398">
        <v>654512047</v>
      </c>
      <c r="IE10" s="399">
        <v>998814227</v>
      </c>
      <c r="IF10" s="400">
        <v>1018526585</v>
      </c>
      <c r="IG10" s="398">
        <v>766607004</v>
      </c>
      <c r="IH10" s="400">
        <v>569734096</v>
      </c>
      <c r="II10" s="401">
        <v>4008193959</v>
      </c>
      <c r="IJ10" s="402">
        <v>4026184079</v>
      </c>
      <c r="IK10" s="403">
        <v>0</v>
      </c>
      <c r="IL10" s="404">
        <v>0</v>
      </c>
      <c r="IM10" s="405">
        <v>0</v>
      </c>
      <c r="IN10" s="406">
        <v>0</v>
      </c>
      <c r="IO10" s="407">
        <v>10653110</v>
      </c>
      <c r="IP10" s="407">
        <v>24503575</v>
      </c>
      <c r="IQ10" s="407">
        <v>33433100</v>
      </c>
      <c r="IR10" s="407">
        <v>52931583</v>
      </c>
      <c r="IS10" s="407">
        <v>52516591</v>
      </c>
      <c r="IT10" s="408">
        <v>174037959</v>
      </c>
      <c r="IU10" s="409">
        <v>174037959</v>
      </c>
      <c r="IV10" s="410">
        <v>0</v>
      </c>
      <c r="IW10" s="407">
        <v>0</v>
      </c>
      <c r="IX10" s="411">
        <v>0</v>
      </c>
      <c r="IY10" s="443">
        <v>0</v>
      </c>
      <c r="IZ10" s="407">
        <v>1793151</v>
      </c>
      <c r="JA10" s="407">
        <v>8468370</v>
      </c>
      <c r="JB10" s="407">
        <v>8209256</v>
      </c>
      <c r="JC10" s="407">
        <v>10442284</v>
      </c>
      <c r="JD10" s="407">
        <v>13770184</v>
      </c>
      <c r="JE10" s="411">
        <v>42683245</v>
      </c>
      <c r="JF10" s="412">
        <v>42683245</v>
      </c>
      <c r="JG10" s="410">
        <v>0</v>
      </c>
      <c r="JH10" s="407">
        <v>36497</v>
      </c>
      <c r="JI10" s="408">
        <v>36497</v>
      </c>
      <c r="JJ10" s="413">
        <v>0</v>
      </c>
      <c r="JK10" s="407">
        <v>216700381</v>
      </c>
      <c r="JL10" s="407">
        <v>363418873</v>
      </c>
      <c r="JM10" s="407">
        <v>277262975</v>
      </c>
      <c r="JN10" s="407">
        <v>162981131</v>
      </c>
      <c r="JO10" s="407">
        <v>84418965</v>
      </c>
      <c r="JP10" s="411">
        <v>1104782325</v>
      </c>
      <c r="JQ10" s="409">
        <v>1104818822</v>
      </c>
      <c r="JR10" s="410">
        <v>90294</v>
      </c>
      <c r="JS10" s="407">
        <v>64596</v>
      </c>
      <c r="JT10" s="408">
        <v>154890</v>
      </c>
      <c r="JU10" s="413">
        <v>0</v>
      </c>
      <c r="JV10" s="407">
        <v>36607466</v>
      </c>
      <c r="JW10" s="407">
        <v>53928267</v>
      </c>
      <c r="JX10" s="407">
        <v>77172630</v>
      </c>
      <c r="JY10" s="407">
        <v>56746205</v>
      </c>
      <c r="JZ10" s="407">
        <v>39783291</v>
      </c>
      <c r="KA10" s="411">
        <v>264237859</v>
      </c>
      <c r="KB10" s="409">
        <v>264392749</v>
      </c>
      <c r="KC10" s="414">
        <v>3670069</v>
      </c>
      <c r="KD10" s="415">
        <v>9651121</v>
      </c>
      <c r="KE10" s="411">
        <v>13321190</v>
      </c>
      <c r="KF10" s="413">
        <v>0</v>
      </c>
      <c r="KG10" s="407">
        <v>80251929</v>
      </c>
      <c r="KH10" s="407">
        <v>140051990</v>
      </c>
      <c r="KI10" s="407">
        <v>145018294</v>
      </c>
      <c r="KJ10" s="407">
        <v>125945738</v>
      </c>
      <c r="KK10" s="407">
        <v>83366826</v>
      </c>
      <c r="KL10" s="411">
        <v>574634777</v>
      </c>
      <c r="KM10" s="416">
        <v>587955967</v>
      </c>
      <c r="KN10" s="403">
        <v>0</v>
      </c>
      <c r="KO10" s="404">
        <v>4477543</v>
      </c>
      <c r="KP10" s="405">
        <v>4477543</v>
      </c>
      <c r="KQ10" s="443">
        <v>0</v>
      </c>
      <c r="KR10" s="407">
        <v>303689685</v>
      </c>
      <c r="KS10" s="407">
        <v>388209524</v>
      </c>
      <c r="KT10" s="407">
        <v>450840635</v>
      </c>
      <c r="KU10" s="407">
        <v>308279840</v>
      </c>
      <c r="KV10" s="407">
        <v>219061346</v>
      </c>
      <c r="KW10" s="411">
        <v>1670081030</v>
      </c>
      <c r="KX10" s="409">
        <v>1674558573</v>
      </c>
      <c r="KY10" s="410">
        <v>0</v>
      </c>
      <c r="KZ10" s="407">
        <v>0</v>
      </c>
      <c r="LA10" s="411">
        <v>0</v>
      </c>
      <c r="LB10" s="443">
        <v>0</v>
      </c>
      <c r="LC10" s="407">
        <v>0</v>
      </c>
      <c r="LD10" s="407">
        <v>394158</v>
      </c>
      <c r="LE10" s="407">
        <v>1098665</v>
      </c>
      <c r="LF10" s="407">
        <v>0</v>
      </c>
      <c r="LG10" s="407">
        <v>1307011</v>
      </c>
      <c r="LH10" s="411">
        <v>2799834</v>
      </c>
      <c r="LI10" s="412">
        <v>2799834</v>
      </c>
      <c r="LJ10" s="410">
        <v>0</v>
      </c>
      <c r="LK10" s="407">
        <v>0</v>
      </c>
      <c r="LL10" s="411">
        <v>0</v>
      </c>
      <c r="LM10" s="443">
        <v>0</v>
      </c>
      <c r="LN10" s="407">
        <v>789299</v>
      </c>
      <c r="LO10" s="407">
        <v>2963134</v>
      </c>
      <c r="LP10" s="407">
        <v>6855249</v>
      </c>
      <c r="LQ10" s="407">
        <v>12030911</v>
      </c>
      <c r="LR10" s="407">
        <v>13126324</v>
      </c>
      <c r="LS10" s="411">
        <v>35764917</v>
      </c>
      <c r="LT10" s="409">
        <v>35764917</v>
      </c>
      <c r="LU10" s="410">
        <v>0</v>
      </c>
      <c r="LV10" s="407">
        <v>0</v>
      </c>
      <c r="LW10" s="411">
        <v>0</v>
      </c>
      <c r="LX10" s="443">
        <v>0</v>
      </c>
      <c r="LY10" s="407">
        <v>4027026</v>
      </c>
      <c r="LZ10" s="407">
        <v>16876336</v>
      </c>
      <c r="MA10" s="407">
        <v>18635781</v>
      </c>
      <c r="MB10" s="407">
        <v>37249312</v>
      </c>
      <c r="MC10" s="407">
        <v>62383558</v>
      </c>
      <c r="MD10" s="411">
        <v>139172013</v>
      </c>
      <c r="ME10" s="412">
        <v>139172013</v>
      </c>
      <c r="MF10" s="410">
        <v>0</v>
      </c>
      <c r="MG10" s="407">
        <v>0</v>
      </c>
      <c r="MH10" s="411">
        <v>0</v>
      </c>
      <c r="MI10" s="443">
        <v>0</v>
      </c>
      <c r="MJ10" s="407">
        <v>224540319</v>
      </c>
      <c r="MK10" s="407">
        <v>728361505</v>
      </c>
      <c r="ML10" s="407">
        <v>1832318121</v>
      </c>
      <c r="MM10" s="407">
        <v>2716400811</v>
      </c>
      <c r="MN10" s="407">
        <v>1879408143</v>
      </c>
      <c r="MO10" s="411">
        <v>7381028899</v>
      </c>
      <c r="MP10" s="416">
        <v>7381028899</v>
      </c>
      <c r="MQ10" s="410">
        <v>0</v>
      </c>
      <c r="MR10" s="407">
        <v>0</v>
      </c>
      <c r="MS10" s="411">
        <v>0</v>
      </c>
      <c r="MT10" s="443">
        <v>0</v>
      </c>
      <c r="MU10" s="407">
        <v>62164365</v>
      </c>
      <c r="MV10" s="407">
        <v>278724580</v>
      </c>
      <c r="MW10" s="407">
        <v>1198098448</v>
      </c>
      <c r="MX10" s="407">
        <v>1799603936</v>
      </c>
      <c r="MY10" s="407">
        <v>1330785419</v>
      </c>
      <c r="MZ10" s="411">
        <v>4669376748</v>
      </c>
      <c r="NA10" s="416">
        <v>4669376748</v>
      </c>
      <c r="NB10" s="410">
        <v>0</v>
      </c>
      <c r="NC10" s="407">
        <v>0</v>
      </c>
      <c r="ND10" s="411">
        <v>0</v>
      </c>
      <c r="NE10" s="443">
        <v>0</v>
      </c>
      <c r="NF10" s="407">
        <v>162124134</v>
      </c>
      <c r="NG10" s="407">
        <v>448716674</v>
      </c>
      <c r="NH10" s="407">
        <v>630577060</v>
      </c>
      <c r="NI10" s="407">
        <v>873266903</v>
      </c>
      <c r="NJ10" s="407">
        <v>485830339</v>
      </c>
      <c r="NK10" s="411">
        <v>2600515110</v>
      </c>
      <c r="NL10" s="409">
        <v>2600515110</v>
      </c>
      <c r="NM10" s="410">
        <v>0</v>
      </c>
      <c r="NN10" s="407">
        <v>0</v>
      </c>
      <c r="NO10" s="411">
        <v>0</v>
      </c>
      <c r="NP10" s="443">
        <v>0</v>
      </c>
      <c r="NQ10" s="407">
        <v>0</v>
      </c>
      <c r="NR10" s="407">
        <v>0</v>
      </c>
      <c r="NS10" s="407">
        <v>0</v>
      </c>
      <c r="NT10" s="407">
        <v>5413115</v>
      </c>
      <c r="NU10" s="407">
        <v>10249563</v>
      </c>
      <c r="NV10" s="411">
        <v>15662678</v>
      </c>
      <c r="NW10" s="412">
        <v>15662678</v>
      </c>
      <c r="NX10" s="410">
        <v>0</v>
      </c>
      <c r="NY10" s="407">
        <v>0</v>
      </c>
      <c r="NZ10" s="411">
        <v>0</v>
      </c>
      <c r="OA10" s="443">
        <v>0</v>
      </c>
      <c r="OB10" s="407">
        <v>251820</v>
      </c>
      <c r="OC10" s="407">
        <v>920251</v>
      </c>
      <c r="OD10" s="407">
        <v>3642613</v>
      </c>
      <c r="OE10" s="407">
        <v>38116857</v>
      </c>
      <c r="OF10" s="407">
        <v>52542822</v>
      </c>
      <c r="OG10" s="411">
        <v>95474363</v>
      </c>
      <c r="OH10" s="412">
        <v>95474363</v>
      </c>
      <c r="OI10" s="410">
        <v>170245406</v>
      </c>
      <c r="OJ10" s="407">
        <v>440691186</v>
      </c>
      <c r="OK10" s="408">
        <v>610936592</v>
      </c>
      <c r="OL10" s="413">
        <v>0</v>
      </c>
      <c r="OM10" s="407">
        <v>2687513660</v>
      </c>
      <c r="ON10" s="407">
        <v>5047130879</v>
      </c>
      <c r="OO10" s="407">
        <v>5366902501</v>
      </c>
      <c r="OP10" s="407">
        <v>5819317220</v>
      </c>
      <c r="OQ10" s="407">
        <v>4237643421</v>
      </c>
      <c r="OR10" s="411">
        <v>23158507681</v>
      </c>
      <c r="OS10" s="416">
        <v>23769444273</v>
      </c>
    </row>
    <row r="11" spans="1:409" ht="21" customHeight="1" x14ac:dyDescent="0.2">
      <c r="B11" s="437" t="s">
        <v>6</v>
      </c>
      <c r="C11" s="100">
        <v>56921536</v>
      </c>
      <c r="D11" s="104">
        <v>102153753</v>
      </c>
      <c r="E11" s="103">
        <v>159075289</v>
      </c>
      <c r="F11" s="99">
        <v>0</v>
      </c>
      <c r="G11" s="104">
        <v>899452968</v>
      </c>
      <c r="H11" s="104">
        <v>994911678</v>
      </c>
      <c r="I11" s="104">
        <v>857303942</v>
      </c>
      <c r="J11" s="104">
        <v>847472604</v>
      </c>
      <c r="K11" s="104">
        <v>697341980</v>
      </c>
      <c r="L11" s="99">
        <v>4296483172</v>
      </c>
      <c r="M11" s="106">
        <v>4455558461</v>
      </c>
      <c r="N11" s="100">
        <v>15357064</v>
      </c>
      <c r="O11" s="104">
        <v>32893952</v>
      </c>
      <c r="P11" s="103">
        <v>48251016</v>
      </c>
      <c r="Q11" s="100">
        <v>0</v>
      </c>
      <c r="R11" s="104">
        <v>294938186</v>
      </c>
      <c r="S11" s="104">
        <v>349297091</v>
      </c>
      <c r="T11" s="104">
        <v>303234326</v>
      </c>
      <c r="U11" s="104">
        <v>342977587</v>
      </c>
      <c r="V11" s="104">
        <v>373231808</v>
      </c>
      <c r="W11" s="103">
        <v>1663678998</v>
      </c>
      <c r="X11" s="106">
        <v>1711930014</v>
      </c>
      <c r="Y11" s="100">
        <v>0</v>
      </c>
      <c r="Z11" s="104">
        <v>7005</v>
      </c>
      <c r="AA11" s="103">
        <v>7005</v>
      </c>
      <c r="AB11" s="100">
        <v>0</v>
      </c>
      <c r="AC11" s="104">
        <v>138403086</v>
      </c>
      <c r="AD11" s="104">
        <v>175388795</v>
      </c>
      <c r="AE11" s="104">
        <v>175716682</v>
      </c>
      <c r="AF11" s="104">
        <v>211199093</v>
      </c>
      <c r="AG11" s="104">
        <v>228784557</v>
      </c>
      <c r="AH11" s="103">
        <v>929492213</v>
      </c>
      <c r="AI11" s="106">
        <v>929499218</v>
      </c>
      <c r="AJ11" s="100">
        <v>27721</v>
      </c>
      <c r="AK11" s="104">
        <v>85357</v>
      </c>
      <c r="AL11" s="103">
        <v>113078</v>
      </c>
      <c r="AM11" s="100">
        <v>0</v>
      </c>
      <c r="AN11" s="104">
        <v>805506</v>
      </c>
      <c r="AO11" s="104">
        <v>3067398</v>
      </c>
      <c r="AP11" s="104">
        <v>6213434</v>
      </c>
      <c r="AQ11" s="104">
        <v>15559970</v>
      </c>
      <c r="AR11" s="104">
        <v>36915167</v>
      </c>
      <c r="AS11" s="103">
        <v>62561475</v>
      </c>
      <c r="AT11" s="106">
        <v>62674553</v>
      </c>
      <c r="AU11" s="100">
        <v>8478271</v>
      </c>
      <c r="AV11" s="104">
        <v>24129752</v>
      </c>
      <c r="AW11" s="103">
        <v>32608023</v>
      </c>
      <c r="AX11" s="100">
        <v>0</v>
      </c>
      <c r="AY11" s="104">
        <v>97525585</v>
      </c>
      <c r="AZ11" s="104">
        <v>107409949</v>
      </c>
      <c r="BA11" s="104">
        <v>68273346</v>
      </c>
      <c r="BB11" s="104">
        <v>63084178</v>
      </c>
      <c r="BC11" s="104">
        <v>63101959</v>
      </c>
      <c r="BD11" s="103">
        <v>399395017</v>
      </c>
      <c r="BE11" s="106">
        <v>432003040</v>
      </c>
      <c r="BF11" s="100">
        <v>571587</v>
      </c>
      <c r="BG11" s="104">
        <v>1863339</v>
      </c>
      <c r="BH11" s="102">
        <v>2434926</v>
      </c>
      <c r="BI11" s="101">
        <v>0</v>
      </c>
      <c r="BJ11" s="104">
        <v>7007857</v>
      </c>
      <c r="BK11" s="104">
        <v>7739272</v>
      </c>
      <c r="BL11" s="104">
        <v>4475469</v>
      </c>
      <c r="BM11" s="104">
        <v>4448429</v>
      </c>
      <c r="BN11" s="104">
        <v>3401866</v>
      </c>
      <c r="BO11" s="103">
        <v>27072893</v>
      </c>
      <c r="BP11" s="106">
        <v>29507819</v>
      </c>
      <c r="BQ11" s="100">
        <v>6279485</v>
      </c>
      <c r="BR11" s="104">
        <v>6808499</v>
      </c>
      <c r="BS11" s="103">
        <v>13087984</v>
      </c>
      <c r="BT11" s="100">
        <v>0</v>
      </c>
      <c r="BU11" s="104">
        <v>51196152</v>
      </c>
      <c r="BV11" s="104">
        <v>55691677</v>
      </c>
      <c r="BW11" s="104">
        <v>48555395</v>
      </c>
      <c r="BX11" s="104">
        <v>48685917</v>
      </c>
      <c r="BY11" s="104">
        <v>41028259</v>
      </c>
      <c r="BZ11" s="103">
        <v>245157400</v>
      </c>
      <c r="CA11" s="106">
        <v>258245384</v>
      </c>
      <c r="CB11" s="100">
        <v>2929762</v>
      </c>
      <c r="CC11" s="104">
        <v>9424971</v>
      </c>
      <c r="CD11" s="103">
        <v>12354733</v>
      </c>
      <c r="CE11" s="100">
        <v>0</v>
      </c>
      <c r="CF11" s="104">
        <v>230809639</v>
      </c>
      <c r="CG11" s="104">
        <v>260404662</v>
      </c>
      <c r="CH11" s="104">
        <v>188841506</v>
      </c>
      <c r="CI11" s="104">
        <v>129738221</v>
      </c>
      <c r="CJ11" s="104">
        <v>67650126</v>
      </c>
      <c r="CK11" s="103">
        <v>877444154</v>
      </c>
      <c r="CL11" s="106">
        <v>889798887</v>
      </c>
      <c r="CM11" s="100">
        <v>0</v>
      </c>
      <c r="CN11" s="104">
        <v>9912</v>
      </c>
      <c r="CO11" s="103">
        <v>9912</v>
      </c>
      <c r="CP11" s="101">
        <v>0</v>
      </c>
      <c r="CQ11" s="104">
        <v>195081508</v>
      </c>
      <c r="CR11" s="104">
        <v>210725275</v>
      </c>
      <c r="CS11" s="104">
        <v>148592997</v>
      </c>
      <c r="CT11" s="104">
        <v>102208141</v>
      </c>
      <c r="CU11" s="104">
        <v>54864824</v>
      </c>
      <c r="CV11" s="103">
        <v>711472745</v>
      </c>
      <c r="CW11" s="106">
        <v>711482657</v>
      </c>
      <c r="CX11" s="100">
        <v>2929762</v>
      </c>
      <c r="CY11" s="104">
        <v>9415059</v>
      </c>
      <c r="CZ11" s="103">
        <v>12344821</v>
      </c>
      <c r="DA11" s="100">
        <v>0</v>
      </c>
      <c r="DB11" s="104">
        <v>35728131</v>
      </c>
      <c r="DC11" s="104">
        <v>49679387</v>
      </c>
      <c r="DD11" s="104">
        <v>40248509</v>
      </c>
      <c r="DE11" s="104">
        <v>27530080</v>
      </c>
      <c r="DF11" s="104">
        <v>12785302</v>
      </c>
      <c r="DG11" s="103">
        <v>165971409</v>
      </c>
      <c r="DH11" s="106">
        <v>178316230</v>
      </c>
      <c r="DI11" s="100">
        <v>116490</v>
      </c>
      <c r="DJ11" s="104">
        <v>763568</v>
      </c>
      <c r="DK11" s="102">
        <v>880058</v>
      </c>
      <c r="DL11" s="101">
        <v>0</v>
      </c>
      <c r="DM11" s="104">
        <v>17181827</v>
      </c>
      <c r="DN11" s="104">
        <v>34649280</v>
      </c>
      <c r="DO11" s="104">
        <v>60694276</v>
      </c>
      <c r="DP11" s="104">
        <v>56645216</v>
      </c>
      <c r="DQ11" s="104">
        <v>33150447</v>
      </c>
      <c r="DR11" s="103">
        <v>202321046</v>
      </c>
      <c r="DS11" s="106">
        <v>203201104</v>
      </c>
      <c r="DT11" s="100">
        <v>116490</v>
      </c>
      <c r="DU11" s="104">
        <v>763568</v>
      </c>
      <c r="DV11" s="103">
        <v>880058</v>
      </c>
      <c r="DW11" s="100">
        <v>0</v>
      </c>
      <c r="DX11" s="104">
        <v>15283905</v>
      </c>
      <c r="DY11" s="104">
        <v>29926487</v>
      </c>
      <c r="DZ11" s="104">
        <v>54102082</v>
      </c>
      <c r="EA11" s="104">
        <v>48927823</v>
      </c>
      <c r="EB11" s="104">
        <v>27395141</v>
      </c>
      <c r="EC11" s="103">
        <v>175635438</v>
      </c>
      <c r="ED11" s="106">
        <v>176515496</v>
      </c>
      <c r="EE11" s="100">
        <v>0</v>
      </c>
      <c r="EF11" s="102">
        <v>0</v>
      </c>
      <c r="EG11" s="103">
        <v>0</v>
      </c>
      <c r="EH11" s="100">
        <v>0</v>
      </c>
      <c r="EI11" s="104">
        <v>1897922</v>
      </c>
      <c r="EJ11" s="104">
        <v>4722793</v>
      </c>
      <c r="EK11" s="104">
        <v>6592194</v>
      </c>
      <c r="EL11" s="104">
        <v>7717393</v>
      </c>
      <c r="EM11" s="104">
        <v>5755306</v>
      </c>
      <c r="EN11" s="102">
        <v>26685608</v>
      </c>
      <c r="EO11" s="106">
        <v>26685608</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06">
        <v>0</v>
      </c>
      <c r="FE11" s="104">
        <v>0</v>
      </c>
      <c r="FF11" s="104">
        <v>0</v>
      </c>
      <c r="FG11" s="104">
        <v>0</v>
      </c>
      <c r="FH11" s="104">
        <v>0</v>
      </c>
      <c r="FI11" s="104">
        <v>0</v>
      </c>
      <c r="FJ11" s="103">
        <v>0</v>
      </c>
      <c r="FK11" s="106">
        <v>0</v>
      </c>
      <c r="FL11" s="100">
        <v>13542664</v>
      </c>
      <c r="FM11" s="104">
        <v>24786456</v>
      </c>
      <c r="FN11" s="103">
        <v>38329120</v>
      </c>
      <c r="FO11" s="100">
        <v>0</v>
      </c>
      <c r="FP11" s="104">
        <v>51457295</v>
      </c>
      <c r="FQ11" s="104">
        <v>89669619</v>
      </c>
      <c r="FR11" s="104">
        <v>66399382</v>
      </c>
      <c r="FS11" s="104">
        <v>62677880</v>
      </c>
      <c r="FT11" s="104">
        <v>49325208</v>
      </c>
      <c r="FU11" s="103">
        <v>319529384</v>
      </c>
      <c r="FV11" s="106">
        <v>357858504</v>
      </c>
      <c r="FW11" s="105">
        <v>8628013</v>
      </c>
      <c r="FX11" s="104">
        <v>19505963</v>
      </c>
      <c r="FY11" s="102">
        <v>28133976</v>
      </c>
      <c r="FZ11" s="101">
        <v>0</v>
      </c>
      <c r="GA11" s="104">
        <v>43154665</v>
      </c>
      <c r="GB11" s="104">
        <v>82461855</v>
      </c>
      <c r="GC11" s="104">
        <v>62425521</v>
      </c>
      <c r="GD11" s="104">
        <v>59016915</v>
      </c>
      <c r="GE11" s="104">
        <v>47628903</v>
      </c>
      <c r="GF11" s="103">
        <v>294687859</v>
      </c>
      <c r="GG11" s="290">
        <v>322821835</v>
      </c>
      <c r="GH11" s="105">
        <v>950534</v>
      </c>
      <c r="GI11" s="104">
        <v>1440400</v>
      </c>
      <c r="GJ11" s="102">
        <v>2390934</v>
      </c>
      <c r="GK11" s="101">
        <v>0</v>
      </c>
      <c r="GL11" s="104">
        <v>2329314</v>
      </c>
      <c r="GM11" s="104">
        <v>3283073</v>
      </c>
      <c r="GN11" s="104">
        <v>1591424</v>
      </c>
      <c r="GO11" s="104">
        <v>1661453</v>
      </c>
      <c r="GP11" s="104">
        <v>878452</v>
      </c>
      <c r="GQ11" s="103">
        <v>9743716</v>
      </c>
      <c r="GR11" s="106">
        <v>12134650</v>
      </c>
      <c r="GS11" s="100">
        <v>3964117</v>
      </c>
      <c r="GT11" s="104">
        <v>3840093</v>
      </c>
      <c r="GU11" s="103">
        <v>7804210</v>
      </c>
      <c r="GV11" s="100">
        <v>0</v>
      </c>
      <c r="GW11" s="104">
        <v>5973316</v>
      </c>
      <c r="GX11" s="104">
        <v>3924691</v>
      </c>
      <c r="GY11" s="104">
        <v>2382437</v>
      </c>
      <c r="GZ11" s="104">
        <v>1999512</v>
      </c>
      <c r="HA11" s="104">
        <v>817853</v>
      </c>
      <c r="HB11" s="102">
        <v>15097809</v>
      </c>
      <c r="HC11" s="106">
        <v>22902019</v>
      </c>
      <c r="HD11" s="100">
        <v>14191155</v>
      </c>
      <c r="HE11" s="104">
        <v>15973164</v>
      </c>
      <c r="HF11" s="102">
        <v>30164319</v>
      </c>
      <c r="HG11" s="101">
        <v>0</v>
      </c>
      <c r="HH11" s="104">
        <v>161049152</v>
      </c>
      <c r="HI11" s="104">
        <v>142434217</v>
      </c>
      <c r="HJ11" s="104">
        <v>157190039</v>
      </c>
      <c r="HK11" s="104">
        <v>196380769</v>
      </c>
      <c r="HL11" s="104">
        <v>134100102</v>
      </c>
      <c r="HM11" s="103">
        <v>791154279</v>
      </c>
      <c r="HN11" s="99">
        <v>821318598</v>
      </c>
      <c r="HO11" s="105">
        <v>10784401</v>
      </c>
      <c r="HP11" s="104">
        <v>18311642</v>
      </c>
      <c r="HQ11" s="103">
        <v>29096043</v>
      </c>
      <c r="HR11" s="100">
        <v>0</v>
      </c>
      <c r="HS11" s="104">
        <v>144016869</v>
      </c>
      <c r="HT11" s="104">
        <v>118456809</v>
      </c>
      <c r="HU11" s="104">
        <v>80944413</v>
      </c>
      <c r="HV11" s="104">
        <v>59052931</v>
      </c>
      <c r="HW11" s="104">
        <v>39884289</v>
      </c>
      <c r="HX11" s="102">
        <v>442355311</v>
      </c>
      <c r="HY11" s="106">
        <v>471451354</v>
      </c>
      <c r="HZ11" s="118">
        <v>1180970</v>
      </c>
      <c r="IA11" s="119">
        <v>5174095</v>
      </c>
      <c r="IB11" s="120">
        <v>6355065</v>
      </c>
      <c r="IC11" s="131">
        <v>0</v>
      </c>
      <c r="ID11" s="119">
        <v>274457853</v>
      </c>
      <c r="IE11" s="132">
        <v>348185855</v>
      </c>
      <c r="IF11" s="120">
        <v>368137132</v>
      </c>
      <c r="IG11" s="119">
        <v>298839270</v>
      </c>
      <c r="IH11" s="120">
        <v>238008994</v>
      </c>
      <c r="II11" s="133">
        <v>1527629104</v>
      </c>
      <c r="IJ11" s="126">
        <v>1533984169</v>
      </c>
      <c r="IK11" s="215">
        <v>0</v>
      </c>
      <c r="IL11" s="219">
        <v>0</v>
      </c>
      <c r="IM11" s="220">
        <v>0</v>
      </c>
      <c r="IN11" s="127">
        <v>0</v>
      </c>
      <c r="IO11" s="109">
        <v>5741455</v>
      </c>
      <c r="IP11" s="109">
        <v>8549088</v>
      </c>
      <c r="IQ11" s="109">
        <v>13876506</v>
      </c>
      <c r="IR11" s="109">
        <v>26776224</v>
      </c>
      <c r="IS11" s="109">
        <v>30387656</v>
      </c>
      <c r="IT11" s="128">
        <v>85330929</v>
      </c>
      <c r="IU11" s="292">
        <v>85330929</v>
      </c>
      <c r="IV11" s="129">
        <v>0</v>
      </c>
      <c r="IW11" s="109">
        <v>0</v>
      </c>
      <c r="IX11" s="110">
        <v>0</v>
      </c>
      <c r="IY11" s="443">
        <v>0</v>
      </c>
      <c r="IZ11" s="109">
        <v>1379873</v>
      </c>
      <c r="JA11" s="109">
        <v>2579284</v>
      </c>
      <c r="JB11" s="109">
        <v>2518994</v>
      </c>
      <c r="JC11" s="109">
        <v>2634947</v>
      </c>
      <c r="JD11" s="109">
        <v>4057804</v>
      </c>
      <c r="JE11" s="110">
        <v>13170902</v>
      </c>
      <c r="JF11" s="111">
        <v>13170902</v>
      </c>
      <c r="JG11" s="129">
        <v>0</v>
      </c>
      <c r="JH11" s="109">
        <v>0</v>
      </c>
      <c r="JI11" s="128">
        <v>0</v>
      </c>
      <c r="JJ11" s="108">
        <v>0</v>
      </c>
      <c r="JK11" s="109">
        <v>85847595</v>
      </c>
      <c r="JL11" s="109">
        <v>83432590</v>
      </c>
      <c r="JM11" s="109">
        <v>70233513</v>
      </c>
      <c r="JN11" s="109">
        <v>46057300</v>
      </c>
      <c r="JO11" s="109">
        <v>28097096</v>
      </c>
      <c r="JP11" s="110">
        <v>313668094</v>
      </c>
      <c r="JQ11" s="292">
        <v>313668094</v>
      </c>
      <c r="JR11" s="129">
        <v>56439</v>
      </c>
      <c r="JS11" s="109">
        <v>53640</v>
      </c>
      <c r="JT11" s="128">
        <v>110079</v>
      </c>
      <c r="JU11" s="108">
        <v>0</v>
      </c>
      <c r="JV11" s="109">
        <v>13999673</v>
      </c>
      <c r="JW11" s="109">
        <v>24428003</v>
      </c>
      <c r="JX11" s="109">
        <v>32106119</v>
      </c>
      <c r="JY11" s="109">
        <v>18867343</v>
      </c>
      <c r="JZ11" s="109">
        <v>17406461</v>
      </c>
      <c r="KA11" s="110">
        <v>106807599</v>
      </c>
      <c r="KB11" s="292">
        <v>106917678</v>
      </c>
      <c r="KC11" s="217">
        <v>1124531</v>
      </c>
      <c r="KD11" s="213">
        <v>3576393</v>
      </c>
      <c r="KE11" s="110">
        <v>4700924</v>
      </c>
      <c r="KF11" s="108">
        <v>0</v>
      </c>
      <c r="KG11" s="109">
        <v>32890224</v>
      </c>
      <c r="KH11" s="109">
        <v>44431782</v>
      </c>
      <c r="KI11" s="109">
        <v>52884206</v>
      </c>
      <c r="KJ11" s="109">
        <v>35493776</v>
      </c>
      <c r="KK11" s="109">
        <v>21056012</v>
      </c>
      <c r="KL11" s="110">
        <v>186756000</v>
      </c>
      <c r="KM11" s="130">
        <v>191456924</v>
      </c>
      <c r="KN11" s="215">
        <v>0</v>
      </c>
      <c r="KO11" s="219">
        <v>1544062</v>
      </c>
      <c r="KP11" s="220">
        <v>1544062</v>
      </c>
      <c r="KQ11" s="443">
        <v>0</v>
      </c>
      <c r="KR11" s="109">
        <v>123348676</v>
      </c>
      <c r="KS11" s="109">
        <v>163941883</v>
      </c>
      <c r="KT11" s="109">
        <v>159166062</v>
      </c>
      <c r="KU11" s="109">
        <v>110897763</v>
      </c>
      <c r="KV11" s="109">
        <v>77399414</v>
      </c>
      <c r="KW11" s="110">
        <v>634753798</v>
      </c>
      <c r="KX11" s="292">
        <v>636297860</v>
      </c>
      <c r="KY11" s="129">
        <v>0</v>
      </c>
      <c r="KZ11" s="109">
        <v>0</v>
      </c>
      <c r="LA11" s="110">
        <v>0</v>
      </c>
      <c r="LB11" s="443">
        <v>0</v>
      </c>
      <c r="LC11" s="109">
        <v>0</v>
      </c>
      <c r="LD11" s="109">
        <v>0</v>
      </c>
      <c r="LE11" s="109">
        <v>0</v>
      </c>
      <c r="LF11" s="109">
        <v>0</v>
      </c>
      <c r="LG11" s="109">
        <v>0</v>
      </c>
      <c r="LH11" s="110">
        <v>0</v>
      </c>
      <c r="LI11" s="111">
        <v>0</v>
      </c>
      <c r="LJ11" s="129">
        <v>0</v>
      </c>
      <c r="LK11" s="109">
        <v>0</v>
      </c>
      <c r="LL11" s="110">
        <v>0</v>
      </c>
      <c r="LM11" s="443">
        <v>0</v>
      </c>
      <c r="LN11" s="109">
        <v>433088</v>
      </c>
      <c r="LO11" s="109">
        <v>1605404</v>
      </c>
      <c r="LP11" s="109">
        <v>20758505</v>
      </c>
      <c r="LQ11" s="109">
        <v>28970752</v>
      </c>
      <c r="LR11" s="109">
        <v>23132432</v>
      </c>
      <c r="LS11" s="110">
        <v>74900181</v>
      </c>
      <c r="LT11" s="292">
        <v>74900181</v>
      </c>
      <c r="LU11" s="129">
        <v>0</v>
      </c>
      <c r="LV11" s="109">
        <v>0</v>
      </c>
      <c r="LW11" s="110">
        <v>0</v>
      </c>
      <c r="LX11" s="443">
        <v>0</v>
      </c>
      <c r="LY11" s="109">
        <v>10817269</v>
      </c>
      <c r="LZ11" s="109">
        <v>19217821</v>
      </c>
      <c r="MA11" s="109">
        <v>16593227</v>
      </c>
      <c r="MB11" s="109">
        <v>29141165</v>
      </c>
      <c r="MC11" s="109">
        <v>36472119</v>
      </c>
      <c r="MD11" s="110">
        <v>112241601</v>
      </c>
      <c r="ME11" s="111">
        <v>112241601</v>
      </c>
      <c r="MF11" s="129">
        <v>0</v>
      </c>
      <c r="MG11" s="109">
        <v>0</v>
      </c>
      <c r="MH11" s="110">
        <v>0</v>
      </c>
      <c r="MI11" s="443">
        <v>0</v>
      </c>
      <c r="MJ11" s="109">
        <v>75070369</v>
      </c>
      <c r="MK11" s="109">
        <v>139079294</v>
      </c>
      <c r="ML11" s="109">
        <v>488068089</v>
      </c>
      <c r="MM11" s="109">
        <v>780202041</v>
      </c>
      <c r="MN11" s="109">
        <v>555147768</v>
      </c>
      <c r="MO11" s="110">
        <v>2037567561</v>
      </c>
      <c r="MP11" s="130">
        <v>2037567561</v>
      </c>
      <c r="MQ11" s="129">
        <v>0</v>
      </c>
      <c r="MR11" s="109">
        <v>0</v>
      </c>
      <c r="MS11" s="110">
        <v>0</v>
      </c>
      <c r="MT11" s="443">
        <v>0</v>
      </c>
      <c r="MU11" s="109">
        <v>19799842</v>
      </c>
      <c r="MV11" s="109">
        <v>46756008</v>
      </c>
      <c r="MW11" s="109">
        <v>328188654</v>
      </c>
      <c r="MX11" s="109">
        <v>535888050</v>
      </c>
      <c r="MY11" s="109">
        <v>405872367</v>
      </c>
      <c r="MZ11" s="110">
        <v>1336504921</v>
      </c>
      <c r="NA11" s="130">
        <v>1336504921</v>
      </c>
      <c r="NB11" s="129">
        <v>0</v>
      </c>
      <c r="NC11" s="109">
        <v>0</v>
      </c>
      <c r="ND11" s="110">
        <v>0</v>
      </c>
      <c r="NE11" s="443">
        <v>0</v>
      </c>
      <c r="NF11" s="109">
        <v>55120327</v>
      </c>
      <c r="NG11" s="109">
        <v>92323286</v>
      </c>
      <c r="NH11" s="109">
        <v>158900923</v>
      </c>
      <c r="NI11" s="109">
        <v>222934556</v>
      </c>
      <c r="NJ11" s="109">
        <v>120052039</v>
      </c>
      <c r="NK11" s="110">
        <v>649331131</v>
      </c>
      <c r="NL11" s="292">
        <v>649331131</v>
      </c>
      <c r="NM11" s="129">
        <v>0</v>
      </c>
      <c r="NN11" s="109">
        <v>0</v>
      </c>
      <c r="NO11" s="110">
        <v>0</v>
      </c>
      <c r="NP11" s="443">
        <v>0</v>
      </c>
      <c r="NQ11" s="109">
        <v>150200</v>
      </c>
      <c r="NR11" s="109">
        <v>0</v>
      </c>
      <c r="NS11" s="109">
        <v>215373</v>
      </c>
      <c r="NT11" s="109">
        <v>4162746</v>
      </c>
      <c r="NU11" s="109">
        <v>5729292</v>
      </c>
      <c r="NV11" s="110">
        <v>10257611</v>
      </c>
      <c r="NW11" s="111">
        <v>10257611</v>
      </c>
      <c r="NX11" s="129">
        <v>0</v>
      </c>
      <c r="NY11" s="109">
        <v>0</v>
      </c>
      <c r="NZ11" s="110">
        <v>0</v>
      </c>
      <c r="OA11" s="443">
        <v>0</v>
      </c>
      <c r="OB11" s="109">
        <v>0</v>
      </c>
      <c r="OC11" s="109">
        <v>0</v>
      </c>
      <c r="OD11" s="109">
        <v>763139</v>
      </c>
      <c r="OE11" s="109">
        <v>17216689</v>
      </c>
      <c r="OF11" s="109">
        <v>23494070</v>
      </c>
      <c r="OG11" s="110">
        <v>41473898</v>
      </c>
      <c r="OH11" s="111">
        <v>41473898</v>
      </c>
      <c r="OI11" s="129">
        <v>58102506</v>
      </c>
      <c r="OJ11" s="109">
        <v>107327848</v>
      </c>
      <c r="OK11" s="128">
        <v>165430354</v>
      </c>
      <c r="OL11" s="108">
        <v>0</v>
      </c>
      <c r="OM11" s="109">
        <v>1248981190</v>
      </c>
      <c r="ON11" s="109">
        <v>1482176827</v>
      </c>
      <c r="OO11" s="109">
        <v>1713509163</v>
      </c>
      <c r="OP11" s="109">
        <v>1926513915</v>
      </c>
      <c r="OQ11" s="109">
        <v>1490498742</v>
      </c>
      <c r="OR11" s="110">
        <v>7861679837</v>
      </c>
      <c r="OS11" s="130">
        <v>8027110191</v>
      </c>
    </row>
    <row r="12" spans="1:409" ht="21" customHeight="1" x14ac:dyDescent="0.2">
      <c r="B12" s="437" t="s">
        <v>14</v>
      </c>
      <c r="C12" s="100">
        <v>27717961</v>
      </c>
      <c r="D12" s="104">
        <v>76311975</v>
      </c>
      <c r="E12" s="103">
        <v>104029936</v>
      </c>
      <c r="F12" s="99">
        <v>0</v>
      </c>
      <c r="G12" s="104">
        <v>338114251</v>
      </c>
      <c r="H12" s="104">
        <v>538435122</v>
      </c>
      <c r="I12" s="104">
        <v>499577607</v>
      </c>
      <c r="J12" s="104">
        <v>452684346</v>
      </c>
      <c r="K12" s="104">
        <v>304390544</v>
      </c>
      <c r="L12" s="102">
        <v>2133201870</v>
      </c>
      <c r="M12" s="106">
        <v>2237231806</v>
      </c>
      <c r="N12" s="100">
        <v>5478863</v>
      </c>
      <c r="O12" s="104">
        <v>18995501</v>
      </c>
      <c r="P12" s="103">
        <v>24474364</v>
      </c>
      <c r="Q12" s="100">
        <v>0</v>
      </c>
      <c r="R12" s="104">
        <v>92462683</v>
      </c>
      <c r="S12" s="104">
        <v>171983046</v>
      </c>
      <c r="T12" s="104">
        <v>170991152</v>
      </c>
      <c r="U12" s="104">
        <v>181534109</v>
      </c>
      <c r="V12" s="104">
        <v>151254867</v>
      </c>
      <c r="W12" s="103">
        <v>768225857</v>
      </c>
      <c r="X12" s="106">
        <v>792700221</v>
      </c>
      <c r="Y12" s="100">
        <v>0</v>
      </c>
      <c r="Z12" s="104">
        <v>0</v>
      </c>
      <c r="AA12" s="103">
        <v>0</v>
      </c>
      <c r="AB12" s="100">
        <v>0</v>
      </c>
      <c r="AC12" s="104">
        <v>47990456</v>
      </c>
      <c r="AD12" s="104">
        <v>91499393</v>
      </c>
      <c r="AE12" s="104">
        <v>100575870</v>
      </c>
      <c r="AF12" s="104">
        <v>112901875</v>
      </c>
      <c r="AG12" s="104">
        <v>90451559</v>
      </c>
      <c r="AH12" s="103">
        <v>443419153</v>
      </c>
      <c r="AI12" s="106">
        <v>443419153</v>
      </c>
      <c r="AJ12" s="100">
        <v>0</v>
      </c>
      <c r="AK12" s="104">
        <v>47168</v>
      </c>
      <c r="AL12" s="103">
        <v>47168</v>
      </c>
      <c r="AM12" s="100">
        <v>0</v>
      </c>
      <c r="AN12" s="104">
        <v>0</v>
      </c>
      <c r="AO12" s="104">
        <v>972209</v>
      </c>
      <c r="AP12" s="104">
        <v>2983966</v>
      </c>
      <c r="AQ12" s="104">
        <v>9613272</v>
      </c>
      <c r="AR12" s="104">
        <v>14794743</v>
      </c>
      <c r="AS12" s="103">
        <v>28364190</v>
      </c>
      <c r="AT12" s="106">
        <v>28411358</v>
      </c>
      <c r="AU12" s="100">
        <v>2880387</v>
      </c>
      <c r="AV12" s="104">
        <v>13775814</v>
      </c>
      <c r="AW12" s="103">
        <v>16656201</v>
      </c>
      <c r="AX12" s="100">
        <v>0</v>
      </c>
      <c r="AY12" s="104">
        <v>25814652</v>
      </c>
      <c r="AZ12" s="104">
        <v>51269839</v>
      </c>
      <c r="BA12" s="104">
        <v>38308551</v>
      </c>
      <c r="BB12" s="104">
        <v>33117962</v>
      </c>
      <c r="BC12" s="104">
        <v>27816330</v>
      </c>
      <c r="BD12" s="103">
        <v>176327334</v>
      </c>
      <c r="BE12" s="106">
        <v>192983535</v>
      </c>
      <c r="BF12" s="100">
        <v>144197</v>
      </c>
      <c r="BG12" s="104">
        <v>1217497</v>
      </c>
      <c r="BH12" s="102">
        <v>1361694</v>
      </c>
      <c r="BI12" s="101">
        <v>0</v>
      </c>
      <c r="BJ12" s="104">
        <v>1082001</v>
      </c>
      <c r="BK12" s="104">
        <v>3142119</v>
      </c>
      <c r="BL12" s="104">
        <v>2021171</v>
      </c>
      <c r="BM12" s="104">
        <v>1629404</v>
      </c>
      <c r="BN12" s="104">
        <v>933384</v>
      </c>
      <c r="BO12" s="103">
        <v>8808079</v>
      </c>
      <c r="BP12" s="106">
        <v>10169773</v>
      </c>
      <c r="BQ12" s="100">
        <v>2454279</v>
      </c>
      <c r="BR12" s="104">
        <v>3955022</v>
      </c>
      <c r="BS12" s="103">
        <v>6409301</v>
      </c>
      <c r="BT12" s="100">
        <v>0</v>
      </c>
      <c r="BU12" s="104">
        <v>17575574</v>
      </c>
      <c r="BV12" s="104">
        <v>25099486</v>
      </c>
      <c r="BW12" s="104">
        <v>27101594</v>
      </c>
      <c r="BX12" s="104">
        <v>24271596</v>
      </c>
      <c r="BY12" s="104">
        <v>17258851</v>
      </c>
      <c r="BZ12" s="103">
        <v>111307101</v>
      </c>
      <c r="CA12" s="106">
        <v>117716402</v>
      </c>
      <c r="CB12" s="100">
        <v>1926552</v>
      </c>
      <c r="CC12" s="104">
        <v>7816916</v>
      </c>
      <c r="CD12" s="103">
        <v>9743468</v>
      </c>
      <c r="CE12" s="100">
        <v>0</v>
      </c>
      <c r="CF12" s="104">
        <v>99872776</v>
      </c>
      <c r="CG12" s="104">
        <v>160383342</v>
      </c>
      <c r="CH12" s="104">
        <v>131127939</v>
      </c>
      <c r="CI12" s="104">
        <v>84204004</v>
      </c>
      <c r="CJ12" s="104">
        <v>45496286</v>
      </c>
      <c r="CK12" s="103">
        <v>521084347</v>
      </c>
      <c r="CL12" s="106">
        <v>530827815</v>
      </c>
      <c r="CM12" s="100">
        <v>0</v>
      </c>
      <c r="CN12" s="104">
        <v>0</v>
      </c>
      <c r="CO12" s="103">
        <v>0</v>
      </c>
      <c r="CP12" s="101">
        <v>0</v>
      </c>
      <c r="CQ12" s="104">
        <v>92702457</v>
      </c>
      <c r="CR12" s="104">
        <v>135349265</v>
      </c>
      <c r="CS12" s="104">
        <v>111481948</v>
      </c>
      <c r="CT12" s="104">
        <v>70389526</v>
      </c>
      <c r="CU12" s="104">
        <v>40120340</v>
      </c>
      <c r="CV12" s="103">
        <v>450043536</v>
      </c>
      <c r="CW12" s="106">
        <v>450043536</v>
      </c>
      <c r="CX12" s="100">
        <v>1926552</v>
      </c>
      <c r="CY12" s="104">
        <v>7816916</v>
      </c>
      <c r="CZ12" s="103">
        <v>9743468</v>
      </c>
      <c r="DA12" s="100">
        <v>0</v>
      </c>
      <c r="DB12" s="104">
        <v>7170319</v>
      </c>
      <c r="DC12" s="104">
        <v>25034077</v>
      </c>
      <c r="DD12" s="104">
        <v>19645991</v>
      </c>
      <c r="DE12" s="104">
        <v>13814478</v>
      </c>
      <c r="DF12" s="104">
        <v>5375946</v>
      </c>
      <c r="DG12" s="103">
        <v>71040811</v>
      </c>
      <c r="DH12" s="106">
        <v>80784279</v>
      </c>
      <c r="DI12" s="100">
        <v>97059</v>
      </c>
      <c r="DJ12" s="104">
        <v>622846</v>
      </c>
      <c r="DK12" s="102">
        <v>719905</v>
      </c>
      <c r="DL12" s="101">
        <v>0</v>
      </c>
      <c r="DM12" s="104">
        <v>7712936</v>
      </c>
      <c r="DN12" s="104">
        <v>20182610</v>
      </c>
      <c r="DO12" s="104">
        <v>44987000</v>
      </c>
      <c r="DP12" s="104">
        <v>41820029</v>
      </c>
      <c r="DQ12" s="104">
        <v>22508418</v>
      </c>
      <c r="DR12" s="103">
        <v>137210993</v>
      </c>
      <c r="DS12" s="106">
        <v>137930898</v>
      </c>
      <c r="DT12" s="100">
        <v>97059</v>
      </c>
      <c r="DU12" s="104">
        <v>622846</v>
      </c>
      <c r="DV12" s="103">
        <v>719905</v>
      </c>
      <c r="DW12" s="100">
        <v>0</v>
      </c>
      <c r="DX12" s="104">
        <v>7676254</v>
      </c>
      <c r="DY12" s="104">
        <v>19548809</v>
      </c>
      <c r="DZ12" s="104">
        <v>43710606</v>
      </c>
      <c r="EA12" s="104">
        <v>40717425</v>
      </c>
      <c r="EB12" s="104">
        <v>21801776</v>
      </c>
      <c r="EC12" s="103">
        <v>133454870</v>
      </c>
      <c r="ED12" s="106">
        <v>134174775</v>
      </c>
      <c r="EE12" s="100">
        <v>0</v>
      </c>
      <c r="EF12" s="102">
        <v>0</v>
      </c>
      <c r="EG12" s="103">
        <v>0</v>
      </c>
      <c r="EH12" s="100">
        <v>0</v>
      </c>
      <c r="EI12" s="104">
        <v>36682</v>
      </c>
      <c r="EJ12" s="104">
        <v>633801</v>
      </c>
      <c r="EK12" s="104">
        <v>1276394</v>
      </c>
      <c r="EL12" s="104">
        <v>1102604</v>
      </c>
      <c r="EM12" s="104">
        <v>706642</v>
      </c>
      <c r="EN12" s="102">
        <v>3756123</v>
      </c>
      <c r="EO12" s="106">
        <v>3756123</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06">
        <v>0</v>
      </c>
      <c r="FE12" s="104">
        <v>0</v>
      </c>
      <c r="FF12" s="104">
        <v>0</v>
      </c>
      <c r="FG12" s="104">
        <v>0</v>
      </c>
      <c r="FH12" s="104">
        <v>0</v>
      </c>
      <c r="FI12" s="104">
        <v>0</v>
      </c>
      <c r="FJ12" s="103">
        <v>0</v>
      </c>
      <c r="FK12" s="106">
        <v>0</v>
      </c>
      <c r="FL12" s="100">
        <v>7861995</v>
      </c>
      <c r="FM12" s="104">
        <v>23848685</v>
      </c>
      <c r="FN12" s="103">
        <v>31710680</v>
      </c>
      <c r="FO12" s="100">
        <v>0</v>
      </c>
      <c r="FP12" s="104">
        <v>20385991</v>
      </c>
      <c r="FQ12" s="104">
        <v>57375286</v>
      </c>
      <c r="FR12" s="104">
        <v>42464892</v>
      </c>
      <c r="FS12" s="104">
        <v>35792384</v>
      </c>
      <c r="FT12" s="104">
        <v>23522959</v>
      </c>
      <c r="FU12" s="103">
        <v>179541512</v>
      </c>
      <c r="FV12" s="106">
        <v>211252192</v>
      </c>
      <c r="FW12" s="105">
        <v>5032861</v>
      </c>
      <c r="FX12" s="104">
        <v>18466848</v>
      </c>
      <c r="FY12" s="102">
        <v>23499709</v>
      </c>
      <c r="FZ12" s="101">
        <v>0</v>
      </c>
      <c r="GA12" s="104">
        <v>15779035</v>
      </c>
      <c r="GB12" s="104">
        <v>51919911</v>
      </c>
      <c r="GC12" s="104">
        <v>38685836</v>
      </c>
      <c r="GD12" s="104">
        <v>33465798</v>
      </c>
      <c r="GE12" s="104">
        <v>22590419</v>
      </c>
      <c r="GF12" s="103">
        <v>162440999</v>
      </c>
      <c r="GG12" s="290">
        <v>185940708</v>
      </c>
      <c r="GH12" s="105">
        <v>317284</v>
      </c>
      <c r="GI12" s="104">
        <v>1062817</v>
      </c>
      <c r="GJ12" s="102">
        <v>1380101</v>
      </c>
      <c r="GK12" s="101">
        <v>0</v>
      </c>
      <c r="GL12" s="104">
        <v>868318</v>
      </c>
      <c r="GM12" s="104">
        <v>2012369</v>
      </c>
      <c r="GN12" s="104">
        <v>1145515</v>
      </c>
      <c r="GO12" s="104">
        <v>1033711</v>
      </c>
      <c r="GP12" s="104">
        <v>867740</v>
      </c>
      <c r="GQ12" s="103">
        <v>5927653</v>
      </c>
      <c r="GR12" s="106">
        <v>7307754</v>
      </c>
      <c r="GS12" s="100">
        <v>2511850</v>
      </c>
      <c r="GT12" s="104">
        <v>4319020</v>
      </c>
      <c r="GU12" s="103">
        <v>6830870</v>
      </c>
      <c r="GV12" s="100">
        <v>0</v>
      </c>
      <c r="GW12" s="104">
        <v>3738638</v>
      </c>
      <c r="GX12" s="104">
        <v>3443006</v>
      </c>
      <c r="GY12" s="104">
        <v>2633541</v>
      </c>
      <c r="GZ12" s="104">
        <v>1292875</v>
      </c>
      <c r="HA12" s="104">
        <v>64800</v>
      </c>
      <c r="HB12" s="102">
        <v>11172860</v>
      </c>
      <c r="HC12" s="106">
        <v>18003730</v>
      </c>
      <c r="HD12" s="100">
        <v>7099642</v>
      </c>
      <c r="HE12" s="104">
        <v>11449711</v>
      </c>
      <c r="HF12" s="102">
        <v>18549353</v>
      </c>
      <c r="HG12" s="101">
        <v>0</v>
      </c>
      <c r="HH12" s="104">
        <v>60225108</v>
      </c>
      <c r="HI12" s="104">
        <v>53840067</v>
      </c>
      <c r="HJ12" s="104">
        <v>58862425</v>
      </c>
      <c r="HK12" s="104">
        <v>75709581</v>
      </c>
      <c r="HL12" s="104">
        <v>43231190</v>
      </c>
      <c r="HM12" s="103">
        <v>291868371</v>
      </c>
      <c r="HN12" s="99">
        <v>310417724</v>
      </c>
      <c r="HO12" s="105">
        <v>5253850</v>
      </c>
      <c r="HP12" s="104">
        <v>13578316</v>
      </c>
      <c r="HQ12" s="103">
        <v>18832166</v>
      </c>
      <c r="HR12" s="100">
        <v>0</v>
      </c>
      <c r="HS12" s="104">
        <v>57454757</v>
      </c>
      <c r="HT12" s="104">
        <v>74670771</v>
      </c>
      <c r="HU12" s="104">
        <v>51144199</v>
      </c>
      <c r="HV12" s="104">
        <v>33624239</v>
      </c>
      <c r="HW12" s="104">
        <v>18376824</v>
      </c>
      <c r="HX12" s="102">
        <v>235270790</v>
      </c>
      <c r="HY12" s="106">
        <v>254102956</v>
      </c>
      <c r="HZ12" s="118">
        <v>897972</v>
      </c>
      <c r="IA12" s="119">
        <v>3218931</v>
      </c>
      <c r="IB12" s="120">
        <v>4116903</v>
      </c>
      <c r="IC12" s="121">
        <v>0</v>
      </c>
      <c r="ID12" s="122">
        <v>117793860</v>
      </c>
      <c r="IE12" s="123">
        <v>183450521</v>
      </c>
      <c r="IF12" s="124">
        <v>214237380</v>
      </c>
      <c r="IG12" s="122">
        <v>140061652</v>
      </c>
      <c r="IH12" s="124">
        <v>94590959</v>
      </c>
      <c r="II12" s="125">
        <v>750134372</v>
      </c>
      <c r="IJ12" s="126">
        <v>754251275</v>
      </c>
      <c r="IK12" s="215">
        <v>0</v>
      </c>
      <c r="IL12" s="219">
        <v>0</v>
      </c>
      <c r="IM12" s="220">
        <v>0</v>
      </c>
      <c r="IN12" s="127">
        <v>0</v>
      </c>
      <c r="IO12" s="109">
        <v>1950824</v>
      </c>
      <c r="IP12" s="109">
        <v>4602936</v>
      </c>
      <c r="IQ12" s="109">
        <v>5538632</v>
      </c>
      <c r="IR12" s="109">
        <v>8029711</v>
      </c>
      <c r="IS12" s="109">
        <v>9042404</v>
      </c>
      <c r="IT12" s="128">
        <v>29164507</v>
      </c>
      <c r="IU12" s="292">
        <v>29164507</v>
      </c>
      <c r="IV12" s="129">
        <v>0</v>
      </c>
      <c r="IW12" s="109">
        <v>0</v>
      </c>
      <c r="IX12" s="110">
        <v>0</v>
      </c>
      <c r="IY12" s="443">
        <v>0</v>
      </c>
      <c r="IZ12" s="109">
        <v>0</v>
      </c>
      <c r="JA12" s="109">
        <v>0</v>
      </c>
      <c r="JB12" s="109">
        <v>0</v>
      </c>
      <c r="JC12" s="109">
        <v>0</v>
      </c>
      <c r="JD12" s="109">
        <v>0</v>
      </c>
      <c r="JE12" s="110">
        <v>0</v>
      </c>
      <c r="JF12" s="111">
        <v>0</v>
      </c>
      <c r="JG12" s="129">
        <v>0</v>
      </c>
      <c r="JH12" s="109">
        <v>0</v>
      </c>
      <c r="JI12" s="128">
        <v>0</v>
      </c>
      <c r="JJ12" s="108">
        <v>0</v>
      </c>
      <c r="JK12" s="109">
        <v>46655968</v>
      </c>
      <c r="JL12" s="109">
        <v>64856327</v>
      </c>
      <c r="JM12" s="109">
        <v>49467128</v>
      </c>
      <c r="JN12" s="109">
        <v>30055033</v>
      </c>
      <c r="JO12" s="109">
        <v>17419352</v>
      </c>
      <c r="JP12" s="110">
        <v>208453808</v>
      </c>
      <c r="JQ12" s="292">
        <v>208453808</v>
      </c>
      <c r="JR12" s="129">
        <v>0</v>
      </c>
      <c r="JS12" s="109">
        <v>0</v>
      </c>
      <c r="JT12" s="128">
        <v>0</v>
      </c>
      <c r="JU12" s="108">
        <v>0</v>
      </c>
      <c r="JV12" s="109">
        <v>1261363</v>
      </c>
      <c r="JW12" s="109">
        <v>2160277</v>
      </c>
      <c r="JX12" s="109">
        <v>5821491</v>
      </c>
      <c r="JY12" s="109">
        <v>2693585</v>
      </c>
      <c r="JZ12" s="109">
        <v>3232349</v>
      </c>
      <c r="KA12" s="110">
        <v>15169065</v>
      </c>
      <c r="KB12" s="292">
        <v>15169065</v>
      </c>
      <c r="KC12" s="217">
        <v>897972</v>
      </c>
      <c r="KD12" s="213">
        <v>2727473</v>
      </c>
      <c r="KE12" s="110">
        <v>3625445</v>
      </c>
      <c r="KF12" s="108">
        <v>0</v>
      </c>
      <c r="KG12" s="109">
        <v>15222216</v>
      </c>
      <c r="KH12" s="109">
        <v>27827493</v>
      </c>
      <c r="KI12" s="109">
        <v>32683569</v>
      </c>
      <c r="KJ12" s="109">
        <v>21579190</v>
      </c>
      <c r="KK12" s="109">
        <v>9415997</v>
      </c>
      <c r="KL12" s="110">
        <v>106728465</v>
      </c>
      <c r="KM12" s="130">
        <v>110353910</v>
      </c>
      <c r="KN12" s="215">
        <v>0</v>
      </c>
      <c r="KO12" s="219">
        <v>491458</v>
      </c>
      <c r="KP12" s="220">
        <v>491458</v>
      </c>
      <c r="KQ12" s="443">
        <v>0</v>
      </c>
      <c r="KR12" s="109">
        <v>51209904</v>
      </c>
      <c r="KS12" s="109">
        <v>78708038</v>
      </c>
      <c r="KT12" s="109">
        <v>111392982</v>
      </c>
      <c r="KU12" s="109">
        <v>60183866</v>
      </c>
      <c r="KV12" s="109">
        <v>39331109</v>
      </c>
      <c r="KW12" s="110">
        <v>340825899</v>
      </c>
      <c r="KX12" s="292">
        <v>341317357</v>
      </c>
      <c r="KY12" s="129">
        <v>0</v>
      </c>
      <c r="KZ12" s="109">
        <v>0</v>
      </c>
      <c r="LA12" s="110">
        <v>0</v>
      </c>
      <c r="LB12" s="443">
        <v>0</v>
      </c>
      <c r="LC12" s="109">
        <v>0</v>
      </c>
      <c r="LD12" s="109">
        <v>0</v>
      </c>
      <c r="LE12" s="109">
        <v>0</v>
      </c>
      <c r="LF12" s="109">
        <v>0</v>
      </c>
      <c r="LG12" s="109">
        <v>0</v>
      </c>
      <c r="LH12" s="110">
        <v>0</v>
      </c>
      <c r="LI12" s="111">
        <v>0</v>
      </c>
      <c r="LJ12" s="129">
        <v>0</v>
      </c>
      <c r="LK12" s="109">
        <v>0</v>
      </c>
      <c r="LL12" s="110">
        <v>0</v>
      </c>
      <c r="LM12" s="443">
        <v>0</v>
      </c>
      <c r="LN12" s="109">
        <v>0</v>
      </c>
      <c r="LO12" s="109">
        <v>182059</v>
      </c>
      <c r="LP12" s="109">
        <v>3232763</v>
      </c>
      <c r="LQ12" s="109">
        <v>7711625</v>
      </c>
      <c r="LR12" s="109">
        <v>3950617</v>
      </c>
      <c r="LS12" s="110">
        <v>15077064</v>
      </c>
      <c r="LT12" s="292">
        <v>15077064</v>
      </c>
      <c r="LU12" s="129">
        <v>0</v>
      </c>
      <c r="LV12" s="109">
        <v>0</v>
      </c>
      <c r="LW12" s="110">
        <v>0</v>
      </c>
      <c r="LX12" s="443">
        <v>0</v>
      </c>
      <c r="LY12" s="109">
        <v>1493585</v>
      </c>
      <c r="LZ12" s="109">
        <v>5113391</v>
      </c>
      <c r="MA12" s="109">
        <v>6100815</v>
      </c>
      <c r="MB12" s="109">
        <v>9808642</v>
      </c>
      <c r="MC12" s="109">
        <v>12199131</v>
      </c>
      <c r="MD12" s="110">
        <v>34715564</v>
      </c>
      <c r="ME12" s="111">
        <v>34715564</v>
      </c>
      <c r="MF12" s="129">
        <v>0</v>
      </c>
      <c r="MG12" s="109">
        <v>0</v>
      </c>
      <c r="MH12" s="110">
        <v>0</v>
      </c>
      <c r="MI12" s="443">
        <v>0</v>
      </c>
      <c r="MJ12" s="109">
        <v>19592982</v>
      </c>
      <c r="MK12" s="109">
        <v>66577142</v>
      </c>
      <c r="ML12" s="109">
        <v>321191323</v>
      </c>
      <c r="MM12" s="109">
        <v>531963847</v>
      </c>
      <c r="MN12" s="109">
        <v>359323505</v>
      </c>
      <c r="MO12" s="110">
        <v>1298648799</v>
      </c>
      <c r="MP12" s="130">
        <v>1298648799</v>
      </c>
      <c r="MQ12" s="129">
        <v>0</v>
      </c>
      <c r="MR12" s="109">
        <v>0</v>
      </c>
      <c r="MS12" s="110">
        <v>0</v>
      </c>
      <c r="MT12" s="443">
        <v>0</v>
      </c>
      <c r="MU12" s="109">
        <v>2307359</v>
      </c>
      <c r="MV12" s="109">
        <v>9279353</v>
      </c>
      <c r="MW12" s="109">
        <v>221086232</v>
      </c>
      <c r="MX12" s="109">
        <v>369609048</v>
      </c>
      <c r="MY12" s="109">
        <v>252375522</v>
      </c>
      <c r="MZ12" s="110">
        <v>854657514</v>
      </c>
      <c r="NA12" s="130">
        <v>854657514</v>
      </c>
      <c r="NB12" s="129">
        <v>0</v>
      </c>
      <c r="NC12" s="109">
        <v>0</v>
      </c>
      <c r="ND12" s="110">
        <v>0</v>
      </c>
      <c r="NE12" s="443">
        <v>0</v>
      </c>
      <c r="NF12" s="109">
        <v>17285623</v>
      </c>
      <c r="NG12" s="109">
        <v>56881148</v>
      </c>
      <c r="NH12" s="109">
        <v>96491767</v>
      </c>
      <c r="NI12" s="109">
        <v>125883912</v>
      </c>
      <c r="NJ12" s="109">
        <v>68283223</v>
      </c>
      <c r="NK12" s="110">
        <v>364825673</v>
      </c>
      <c r="NL12" s="292">
        <v>364825673</v>
      </c>
      <c r="NM12" s="129">
        <v>0</v>
      </c>
      <c r="NN12" s="109">
        <v>0</v>
      </c>
      <c r="NO12" s="110">
        <v>0</v>
      </c>
      <c r="NP12" s="443">
        <v>0</v>
      </c>
      <c r="NQ12" s="109">
        <v>0</v>
      </c>
      <c r="NR12" s="109">
        <v>0</v>
      </c>
      <c r="NS12" s="109">
        <v>299472</v>
      </c>
      <c r="NT12" s="109">
        <v>6549674</v>
      </c>
      <c r="NU12" s="109">
        <v>5715829</v>
      </c>
      <c r="NV12" s="110">
        <v>12564975</v>
      </c>
      <c r="NW12" s="111">
        <v>12564975</v>
      </c>
      <c r="NX12" s="129">
        <v>0</v>
      </c>
      <c r="NY12" s="109">
        <v>0</v>
      </c>
      <c r="NZ12" s="110">
        <v>0</v>
      </c>
      <c r="OA12" s="443">
        <v>0</v>
      </c>
      <c r="OB12" s="109">
        <v>0</v>
      </c>
      <c r="OC12" s="109">
        <v>416641</v>
      </c>
      <c r="OD12" s="109">
        <v>3313852</v>
      </c>
      <c r="OE12" s="109">
        <v>29921213</v>
      </c>
      <c r="OF12" s="109">
        <v>32948931</v>
      </c>
      <c r="OG12" s="110">
        <v>66600637</v>
      </c>
      <c r="OH12" s="111">
        <v>66600637</v>
      </c>
      <c r="OI12" s="129">
        <v>28615933</v>
      </c>
      <c r="OJ12" s="109">
        <v>79530906</v>
      </c>
      <c r="OK12" s="128">
        <v>108146839</v>
      </c>
      <c r="OL12" s="108">
        <v>0</v>
      </c>
      <c r="OM12" s="109">
        <v>475501093</v>
      </c>
      <c r="ON12" s="109">
        <v>788462785</v>
      </c>
      <c r="OO12" s="109">
        <v>1035006310</v>
      </c>
      <c r="OP12" s="109">
        <v>1124709845</v>
      </c>
      <c r="OQ12" s="109">
        <v>758305008</v>
      </c>
      <c r="OR12" s="110">
        <v>4181985041</v>
      </c>
      <c r="OS12" s="130">
        <v>4290131880</v>
      </c>
    </row>
    <row r="13" spans="1:409" ht="21" customHeight="1" x14ac:dyDescent="0.2">
      <c r="B13" s="437" t="s">
        <v>7</v>
      </c>
      <c r="C13" s="100">
        <v>15862032</v>
      </c>
      <c r="D13" s="104">
        <v>19844071</v>
      </c>
      <c r="E13" s="103">
        <v>35706103</v>
      </c>
      <c r="F13" s="99">
        <v>0</v>
      </c>
      <c r="G13" s="104">
        <v>370698609</v>
      </c>
      <c r="H13" s="104">
        <v>344148734</v>
      </c>
      <c r="I13" s="104">
        <v>277140078</v>
      </c>
      <c r="J13" s="104">
        <v>279874888</v>
      </c>
      <c r="K13" s="104">
        <v>210438076</v>
      </c>
      <c r="L13" s="99">
        <v>1482300385</v>
      </c>
      <c r="M13" s="106">
        <v>1518006488</v>
      </c>
      <c r="N13" s="100">
        <v>2277194</v>
      </c>
      <c r="O13" s="104">
        <v>2372859</v>
      </c>
      <c r="P13" s="103">
        <v>4650053</v>
      </c>
      <c r="Q13" s="100">
        <v>0</v>
      </c>
      <c r="R13" s="104">
        <v>87242364</v>
      </c>
      <c r="S13" s="104">
        <v>98365453</v>
      </c>
      <c r="T13" s="104">
        <v>92660109</v>
      </c>
      <c r="U13" s="104">
        <v>117988548</v>
      </c>
      <c r="V13" s="104">
        <v>111399685</v>
      </c>
      <c r="W13" s="103">
        <v>507656159</v>
      </c>
      <c r="X13" s="106">
        <v>512306212</v>
      </c>
      <c r="Y13" s="100">
        <v>0</v>
      </c>
      <c r="Z13" s="104">
        <v>0</v>
      </c>
      <c r="AA13" s="103">
        <v>0</v>
      </c>
      <c r="AB13" s="100">
        <v>0</v>
      </c>
      <c r="AC13" s="104">
        <v>48156123</v>
      </c>
      <c r="AD13" s="104">
        <v>54603095</v>
      </c>
      <c r="AE13" s="104">
        <v>58364526</v>
      </c>
      <c r="AF13" s="104">
        <v>76916194</v>
      </c>
      <c r="AG13" s="104">
        <v>67653827</v>
      </c>
      <c r="AH13" s="103">
        <v>305693765</v>
      </c>
      <c r="AI13" s="106">
        <v>305693765</v>
      </c>
      <c r="AJ13" s="100">
        <v>0</v>
      </c>
      <c r="AK13" s="104">
        <v>0</v>
      </c>
      <c r="AL13" s="103">
        <v>0</v>
      </c>
      <c r="AM13" s="100">
        <v>0</v>
      </c>
      <c r="AN13" s="104">
        <v>345511</v>
      </c>
      <c r="AO13" s="104">
        <v>2696711</v>
      </c>
      <c r="AP13" s="104">
        <v>3607282</v>
      </c>
      <c r="AQ13" s="104">
        <v>8469356</v>
      </c>
      <c r="AR13" s="104">
        <v>13045725</v>
      </c>
      <c r="AS13" s="103">
        <v>28164585</v>
      </c>
      <c r="AT13" s="106">
        <v>28164585</v>
      </c>
      <c r="AU13" s="100">
        <v>454919</v>
      </c>
      <c r="AV13" s="104">
        <v>1030531</v>
      </c>
      <c r="AW13" s="103">
        <v>1485450</v>
      </c>
      <c r="AX13" s="100">
        <v>0</v>
      </c>
      <c r="AY13" s="104">
        <v>21535372</v>
      </c>
      <c r="AZ13" s="104">
        <v>23706077</v>
      </c>
      <c r="BA13" s="104">
        <v>16265195</v>
      </c>
      <c r="BB13" s="104">
        <v>16946209</v>
      </c>
      <c r="BC13" s="104">
        <v>20700005</v>
      </c>
      <c r="BD13" s="103">
        <v>99152858</v>
      </c>
      <c r="BE13" s="106">
        <v>100638308</v>
      </c>
      <c r="BF13" s="100">
        <v>151115</v>
      </c>
      <c r="BG13" s="104">
        <v>294815</v>
      </c>
      <c r="BH13" s="102">
        <v>445930</v>
      </c>
      <c r="BI13" s="101">
        <v>0</v>
      </c>
      <c r="BJ13" s="104">
        <v>2412259</v>
      </c>
      <c r="BK13" s="104">
        <v>3267283</v>
      </c>
      <c r="BL13" s="104">
        <v>2062720</v>
      </c>
      <c r="BM13" s="104">
        <v>1936817</v>
      </c>
      <c r="BN13" s="104">
        <v>1005314</v>
      </c>
      <c r="BO13" s="103">
        <v>10684393</v>
      </c>
      <c r="BP13" s="106">
        <v>11130323</v>
      </c>
      <c r="BQ13" s="100">
        <v>1671160</v>
      </c>
      <c r="BR13" s="104">
        <v>1047513</v>
      </c>
      <c r="BS13" s="103">
        <v>2718673</v>
      </c>
      <c r="BT13" s="100">
        <v>0</v>
      </c>
      <c r="BU13" s="104">
        <v>14793099</v>
      </c>
      <c r="BV13" s="104">
        <v>14092287</v>
      </c>
      <c r="BW13" s="104">
        <v>12360386</v>
      </c>
      <c r="BX13" s="104">
        <v>13719972</v>
      </c>
      <c r="BY13" s="104">
        <v>8994814</v>
      </c>
      <c r="BZ13" s="103">
        <v>63960558</v>
      </c>
      <c r="CA13" s="106">
        <v>66679231</v>
      </c>
      <c r="CB13" s="100">
        <v>1001053</v>
      </c>
      <c r="CC13" s="104">
        <v>2356826</v>
      </c>
      <c r="CD13" s="103">
        <v>3357879</v>
      </c>
      <c r="CE13" s="100">
        <v>0</v>
      </c>
      <c r="CF13" s="104">
        <v>104407923</v>
      </c>
      <c r="CG13" s="104">
        <v>86537959</v>
      </c>
      <c r="CH13" s="104">
        <v>55164514</v>
      </c>
      <c r="CI13" s="104">
        <v>35082431</v>
      </c>
      <c r="CJ13" s="104">
        <v>18986229</v>
      </c>
      <c r="CK13" s="103">
        <v>300179056</v>
      </c>
      <c r="CL13" s="106">
        <v>303536935</v>
      </c>
      <c r="CM13" s="100">
        <v>0</v>
      </c>
      <c r="CN13" s="104">
        <v>0</v>
      </c>
      <c r="CO13" s="103">
        <v>0</v>
      </c>
      <c r="CP13" s="101">
        <v>0</v>
      </c>
      <c r="CQ13" s="104">
        <v>88986011</v>
      </c>
      <c r="CR13" s="104">
        <v>71953951</v>
      </c>
      <c r="CS13" s="104">
        <v>43595548</v>
      </c>
      <c r="CT13" s="104">
        <v>29428557</v>
      </c>
      <c r="CU13" s="104">
        <v>16794814</v>
      </c>
      <c r="CV13" s="103">
        <v>250758881</v>
      </c>
      <c r="CW13" s="106">
        <v>250758881</v>
      </c>
      <c r="CX13" s="100">
        <v>1001053</v>
      </c>
      <c r="CY13" s="104">
        <v>2356826</v>
      </c>
      <c r="CZ13" s="103">
        <v>3357879</v>
      </c>
      <c r="DA13" s="100">
        <v>0</v>
      </c>
      <c r="DB13" s="104">
        <v>15421912</v>
      </c>
      <c r="DC13" s="104">
        <v>14584008</v>
      </c>
      <c r="DD13" s="104">
        <v>11568966</v>
      </c>
      <c r="DE13" s="104">
        <v>5653874</v>
      </c>
      <c r="DF13" s="104">
        <v>2191415</v>
      </c>
      <c r="DG13" s="103">
        <v>49420175</v>
      </c>
      <c r="DH13" s="106">
        <v>52778054</v>
      </c>
      <c r="DI13" s="100">
        <v>13938</v>
      </c>
      <c r="DJ13" s="104">
        <v>45385</v>
      </c>
      <c r="DK13" s="102">
        <v>59323</v>
      </c>
      <c r="DL13" s="101">
        <v>0</v>
      </c>
      <c r="DM13" s="104">
        <v>13789421</v>
      </c>
      <c r="DN13" s="104">
        <v>20681314</v>
      </c>
      <c r="DO13" s="104">
        <v>27933178</v>
      </c>
      <c r="DP13" s="104">
        <v>22675825</v>
      </c>
      <c r="DQ13" s="104">
        <v>13422049</v>
      </c>
      <c r="DR13" s="103">
        <v>98501787</v>
      </c>
      <c r="DS13" s="106">
        <v>98561110</v>
      </c>
      <c r="DT13" s="100">
        <v>13938</v>
      </c>
      <c r="DU13" s="104">
        <v>45385</v>
      </c>
      <c r="DV13" s="103">
        <v>59323</v>
      </c>
      <c r="DW13" s="100">
        <v>0</v>
      </c>
      <c r="DX13" s="104">
        <v>12643534</v>
      </c>
      <c r="DY13" s="104">
        <v>19275061</v>
      </c>
      <c r="DZ13" s="104">
        <v>26160176</v>
      </c>
      <c r="EA13" s="104">
        <v>21025664</v>
      </c>
      <c r="EB13" s="104">
        <v>12283195</v>
      </c>
      <c r="EC13" s="103">
        <v>91387630</v>
      </c>
      <c r="ED13" s="106">
        <v>91446953</v>
      </c>
      <c r="EE13" s="100">
        <v>0</v>
      </c>
      <c r="EF13" s="102">
        <v>0</v>
      </c>
      <c r="EG13" s="103">
        <v>0</v>
      </c>
      <c r="EH13" s="100">
        <v>0</v>
      </c>
      <c r="EI13" s="104">
        <v>1145887</v>
      </c>
      <c r="EJ13" s="104">
        <v>1406253</v>
      </c>
      <c r="EK13" s="104">
        <v>1773002</v>
      </c>
      <c r="EL13" s="104">
        <v>1650161</v>
      </c>
      <c r="EM13" s="104">
        <v>1138854</v>
      </c>
      <c r="EN13" s="102">
        <v>7114157</v>
      </c>
      <c r="EO13" s="106">
        <v>7114157</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06">
        <v>0</v>
      </c>
      <c r="FE13" s="104">
        <v>0</v>
      </c>
      <c r="FF13" s="104">
        <v>0</v>
      </c>
      <c r="FG13" s="104">
        <v>0</v>
      </c>
      <c r="FH13" s="104">
        <v>0</v>
      </c>
      <c r="FI13" s="104">
        <v>0</v>
      </c>
      <c r="FJ13" s="103">
        <v>0</v>
      </c>
      <c r="FK13" s="106">
        <v>0</v>
      </c>
      <c r="FL13" s="100">
        <v>4461958</v>
      </c>
      <c r="FM13" s="104">
        <v>6454649</v>
      </c>
      <c r="FN13" s="103">
        <v>10916607</v>
      </c>
      <c r="FO13" s="100">
        <v>0</v>
      </c>
      <c r="FP13" s="104">
        <v>16551632</v>
      </c>
      <c r="FQ13" s="104">
        <v>32685975</v>
      </c>
      <c r="FR13" s="104">
        <v>20382804</v>
      </c>
      <c r="FS13" s="104">
        <v>18861383</v>
      </c>
      <c r="FT13" s="104">
        <v>13887353</v>
      </c>
      <c r="FU13" s="103">
        <v>102369147</v>
      </c>
      <c r="FV13" s="106">
        <v>113285754</v>
      </c>
      <c r="FW13" s="105">
        <v>1707439</v>
      </c>
      <c r="FX13" s="104">
        <v>3589860</v>
      </c>
      <c r="FY13" s="102">
        <v>5297299</v>
      </c>
      <c r="FZ13" s="101">
        <v>0</v>
      </c>
      <c r="GA13" s="104">
        <v>12672851</v>
      </c>
      <c r="GB13" s="104">
        <v>29774483</v>
      </c>
      <c r="GC13" s="104">
        <v>19286459</v>
      </c>
      <c r="GD13" s="104">
        <v>17662711</v>
      </c>
      <c r="GE13" s="104">
        <v>13444299</v>
      </c>
      <c r="GF13" s="103">
        <v>92840803</v>
      </c>
      <c r="GG13" s="290">
        <v>98138102</v>
      </c>
      <c r="GH13" s="105">
        <v>320659</v>
      </c>
      <c r="GI13" s="104">
        <v>424188</v>
      </c>
      <c r="GJ13" s="102">
        <v>744847</v>
      </c>
      <c r="GK13" s="101">
        <v>0</v>
      </c>
      <c r="GL13" s="104">
        <v>1451750</v>
      </c>
      <c r="GM13" s="104">
        <v>427212</v>
      </c>
      <c r="GN13" s="104">
        <v>518635</v>
      </c>
      <c r="GO13" s="104">
        <v>414472</v>
      </c>
      <c r="GP13" s="104">
        <v>81171</v>
      </c>
      <c r="GQ13" s="103">
        <v>2893240</v>
      </c>
      <c r="GR13" s="106">
        <v>3638087</v>
      </c>
      <c r="GS13" s="100">
        <v>2433860</v>
      </c>
      <c r="GT13" s="104">
        <v>2440601</v>
      </c>
      <c r="GU13" s="103">
        <v>4874461</v>
      </c>
      <c r="GV13" s="100">
        <v>0</v>
      </c>
      <c r="GW13" s="104">
        <v>2427031</v>
      </c>
      <c r="GX13" s="104">
        <v>2484280</v>
      </c>
      <c r="GY13" s="104">
        <v>577710</v>
      </c>
      <c r="GZ13" s="104">
        <v>784200</v>
      </c>
      <c r="HA13" s="104">
        <v>361883</v>
      </c>
      <c r="HB13" s="102">
        <v>6635104</v>
      </c>
      <c r="HC13" s="106">
        <v>11509565</v>
      </c>
      <c r="HD13" s="100">
        <v>5900117</v>
      </c>
      <c r="HE13" s="104">
        <v>4574714</v>
      </c>
      <c r="HF13" s="102">
        <v>10474831</v>
      </c>
      <c r="HG13" s="101">
        <v>0</v>
      </c>
      <c r="HH13" s="104">
        <v>80265124</v>
      </c>
      <c r="HI13" s="104">
        <v>58850783</v>
      </c>
      <c r="HJ13" s="104">
        <v>52942775</v>
      </c>
      <c r="HK13" s="104">
        <v>65172205</v>
      </c>
      <c r="HL13" s="104">
        <v>40237208</v>
      </c>
      <c r="HM13" s="103">
        <v>297468095</v>
      </c>
      <c r="HN13" s="99">
        <v>307942926</v>
      </c>
      <c r="HO13" s="105">
        <v>2207772</v>
      </c>
      <c r="HP13" s="104">
        <v>4039638</v>
      </c>
      <c r="HQ13" s="103">
        <v>6247410</v>
      </c>
      <c r="HR13" s="100">
        <v>0</v>
      </c>
      <c r="HS13" s="104">
        <v>68442145</v>
      </c>
      <c r="HT13" s="104">
        <v>47027250</v>
      </c>
      <c r="HU13" s="104">
        <v>28056698</v>
      </c>
      <c r="HV13" s="104">
        <v>20094496</v>
      </c>
      <c r="HW13" s="104">
        <v>12505552</v>
      </c>
      <c r="HX13" s="102">
        <v>176126141</v>
      </c>
      <c r="HY13" s="106">
        <v>182373551</v>
      </c>
      <c r="HZ13" s="118">
        <v>97500</v>
      </c>
      <c r="IA13" s="119">
        <v>420465</v>
      </c>
      <c r="IB13" s="120">
        <v>517965</v>
      </c>
      <c r="IC13" s="131">
        <v>0</v>
      </c>
      <c r="ID13" s="119">
        <v>99147252</v>
      </c>
      <c r="IE13" s="132">
        <v>102622568</v>
      </c>
      <c r="IF13" s="120">
        <v>92789125</v>
      </c>
      <c r="IG13" s="119">
        <v>68098893</v>
      </c>
      <c r="IH13" s="120">
        <v>42473096</v>
      </c>
      <c r="II13" s="133">
        <v>405130934</v>
      </c>
      <c r="IJ13" s="126">
        <v>405648899</v>
      </c>
      <c r="IK13" s="215">
        <v>0</v>
      </c>
      <c r="IL13" s="219">
        <v>0</v>
      </c>
      <c r="IM13" s="220">
        <v>0</v>
      </c>
      <c r="IN13" s="127">
        <v>0</v>
      </c>
      <c r="IO13" s="109">
        <v>599878</v>
      </c>
      <c r="IP13" s="109">
        <v>1255673</v>
      </c>
      <c r="IQ13" s="109">
        <v>482924</v>
      </c>
      <c r="IR13" s="109">
        <v>2330151</v>
      </c>
      <c r="IS13" s="109">
        <v>2462700</v>
      </c>
      <c r="IT13" s="128">
        <v>7131326</v>
      </c>
      <c r="IU13" s="292">
        <v>7131326</v>
      </c>
      <c r="IV13" s="129">
        <v>0</v>
      </c>
      <c r="IW13" s="109">
        <v>0</v>
      </c>
      <c r="IX13" s="110">
        <v>0</v>
      </c>
      <c r="IY13" s="443">
        <v>0</v>
      </c>
      <c r="IZ13" s="109">
        <v>0</v>
      </c>
      <c r="JA13" s="109">
        <v>0</v>
      </c>
      <c r="JB13" s="109">
        <v>0</v>
      </c>
      <c r="JC13" s="109">
        <v>0</v>
      </c>
      <c r="JD13" s="109">
        <v>0</v>
      </c>
      <c r="JE13" s="110">
        <v>0</v>
      </c>
      <c r="JF13" s="111">
        <v>0</v>
      </c>
      <c r="JG13" s="129">
        <v>0</v>
      </c>
      <c r="JH13" s="109">
        <v>0</v>
      </c>
      <c r="JI13" s="128">
        <v>0</v>
      </c>
      <c r="JJ13" s="108">
        <v>0</v>
      </c>
      <c r="JK13" s="109">
        <v>49630461</v>
      </c>
      <c r="JL13" s="109">
        <v>39994804</v>
      </c>
      <c r="JM13" s="109">
        <v>24195150</v>
      </c>
      <c r="JN13" s="109">
        <v>11553602</v>
      </c>
      <c r="JO13" s="109">
        <v>5773398</v>
      </c>
      <c r="JP13" s="110">
        <v>131147415</v>
      </c>
      <c r="JQ13" s="292">
        <v>131147415</v>
      </c>
      <c r="JR13" s="129">
        <v>0</v>
      </c>
      <c r="JS13" s="109">
        <v>0</v>
      </c>
      <c r="JT13" s="128">
        <v>0</v>
      </c>
      <c r="JU13" s="108">
        <v>0</v>
      </c>
      <c r="JV13" s="109">
        <v>7758132</v>
      </c>
      <c r="JW13" s="109">
        <v>9845065</v>
      </c>
      <c r="JX13" s="109">
        <v>13204069</v>
      </c>
      <c r="JY13" s="109">
        <v>6452997</v>
      </c>
      <c r="JZ13" s="109">
        <v>3135969</v>
      </c>
      <c r="KA13" s="110">
        <v>40396232</v>
      </c>
      <c r="KB13" s="292">
        <v>40396232</v>
      </c>
      <c r="KC13" s="217">
        <v>97500</v>
      </c>
      <c r="KD13" s="213">
        <v>166484</v>
      </c>
      <c r="KE13" s="110">
        <v>263984</v>
      </c>
      <c r="KF13" s="108">
        <v>0</v>
      </c>
      <c r="KG13" s="109">
        <v>6016394</v>
      </c>
      <c r="KH13" s="109">
        <v>5969047</v>
      </c>
      <c r="KI13" s="109">
        <v>8478127</v>
      </c>
      <c r="KJ13" s="109">
        <v>5095361</v>
      </c>
      <c r="KK13" s="109">
        <v>2452280</v>
      </c>
      <c r="KL13" s="110">
        <v>28011209</v>
      </c>
      <c r="KM13" s="130">
        <v>28275193</v>
      </c>
      <c r="KN13" s="215">
        <v>0</v>
      </c>
      <c r="KO13" s="219">
        <v>253981</v>
      </c>
      <c r="KP13" s="220">
        <v>253981</v>
      </c>
      <c r="KQ13" s="443">
        <v>0</v>
      </c>
      <c r="KR13" s="109">
        <v>32892859</v>
      </c>
      <c r="KS13" s="109">
        <v>42473666</v>
      </c>
      <c r="KT13" s="109">
        <v>42997344</v>
      </c>
      <c r="KU13" s="109">
        <v>39764693</v>
      </c>
      <c r="KV13" s="109">
        <v>21565630</v>
      </c>
      <c r="KW13" s="110">
        <v>179694192</v>
      </c>
      <c r="KX13" s="292">
        <v>179948173</v>
      </c>
      <c r="KY13" s="129">
        <v>0</v>
      </c>
      <c r="KZ13" s="109">
        <v>0</v>
      </c>
      <c r="LA13" s="110">
        <v>0</v>
      </c>
      <c r="LB13" s="443">
        <v>0</v>
      </c>
      <c r="LC13" s="109">
        <v>0</v>
      </c>
      <c r="LD13" s="109">
        <v>0</v>
      </c>
      <c r="LE13" s="109">
        <v>0</v>
      </c>
      <c r="LF13" s="109">
        <v>0</v>
      </c>
      <c r="LG13" s="109">
        <v>0</v>
      </c>
      <c r="LH13" s="110">
        <v>0</v>
      </c>
      <c r="LI13" s="111">
        <v>0</v>
      </c>
      <c r="LJ13" s="129">
        <v>0</v>
      </c>
      <c r="LK13" s="109">
        <v>0</v>
      </c>
      <c r="LL13" s="110">
        <v>0</v>
      </c>
      <c r="LM13" s="443">
        <v>0</v>
      </c>
      <c r="LN13" s="109">
        <v>0</v>
      </c>
      <c r="LO13" s="109">
        <v>0</v>
      </c>
      <c r="LP13" s="109">
        <v>0</v>
      </c>
      <c r="LQ13" s="109">
        <v>0</v>
      </c>
      <c r="LR13" s="109">
        <v>0</v>
      </c>
      <c r="LS13" s="110">
        <v>0</v>
      </c>
      <c r="LT13" s="292">
        <v>0</v>
      </c>
      <c r="LU13" s="129">
        <v>0</v>
      </c>
      <c r="LV13" s="109">
        <v>0</v>
      </c>
      <c r="LW13" s="110">
        <v>0</v>
      </c>
      <c r="LX13" s="443">
        <v>0</v>
      </c>
      <c r="LY13" s="109">
        <v>2249528</v>
      </c>
      <c r="LZ13" s="109">
        <v>3084313</v>
      </c>
      <c r="MA13" s="109">
        <v>3431511</v>
      </c>
      <c r="MB13" s="109">
        <v>2902089</v>
      </c>
      <c r="MC13" s="109">
        <v>7083119</v>
      </c>
      <c r="MD13" s="110">
        <v>18750560</v>
      </c>
      <c r="ME13" s="111">
        <v>18750560</v>
      </c>
      <c r="MF13" s="129">
        <v>0</v>
      </c>
      <c r="MG13" s="109">
        <v>0</v>
      </c>
      <c r="MH13" s="110">
        <v>0</v>
      </c>
      <c r="MI13" s="443">
        <v>0</v>
      </c>
      <c r="MJ13" s="109">
        <v>46069169</v>
      </c>
      <c r="MK13" s="109">
        <v>72140805</v>
      </c>
      <c r="ML13" s="109">
        <v>239265361</v>
      </c>
      <c r="MM13" s="109">
        <v>354135773</v>
      </c>
      <c r="MN13" s="109">
        <v>211447298</v>
      </c>
      <c r="MO13" s="110">
        <v>923058406</v>
      </c>
      <c r="MP13" s="130">
        <v>923058406</v>
      </c>
      <c r="MQ13" s="129">
        <v>0</v>
      </c>
      <c r="MR13" s="109">
        <v>0</v>
      </c>
      <c r="MS13" s="110">
        <v>0</v>
      </c>
      <c r="MT13" s="443">
        <v>0</v>
      </c>
      <c r="MU13" s="109">
        <v>4674485</v>
      </c>
      <c r="MV13" s="109">
        <v>11795034</v>
      </c>
      <c r="MW13" s="109">
        <v>156787754</v>
      </c>
      <c r="MX13" s="109">
        <v>255340966</v>
      </c>
      <c r="MY13" s="109">
        <v>173613862</v>
      </c>
      <c r="MZ13" s="110">
        <v>602212101</v>
      </c>
      <c r="NA13" s="130">
        <v>602212101</v>
      </c>
      <c r="NB13" s="129">
        <v>0</v>
      </c>
      <c r="NC13" s="109">
        <v>0</v>
      </c>
      <c r="ND13" s="110">
        <v>0</v>
      </c>
      <c r="NE13" s="443">
        <v>0</v>
      </c>
      <c r="NF13" s="109">
        <v>41394684</v>
      </c>
      <c r="NG13" s="109">
        <v>60345771</v>
      </c>
      <c r="NH13" s="109">
        <v>81806748</v>
      </c>
      <c r="NI13" s="109">
        <v>97365582</v>
      </c>
      <c r="NJ13" s="109">
        <v>37176294</v>
      </c>
      <c r="NK13" s="110">
        <v>318089079</v>
      </c>
      <c r="NL13" s="292">
        <v>318089079</v>
      </c>
      <c r="NM13" s="129">
        <v>0</v>
      </c>
      <c r="NN13" s="109">
        <v>0</v>
      </c>
      <c r="NO13" s="110">
        <v>0</v>
      </c>
      <c r="NP13" s="443">
        <v>0</v>
      </c>
      <c r="NQ13" s="109">
        <v>0</v>
      </c>
      <c r="NR13" s="109">
        <v>0</v>
      </c>
      <c r="NS13" s="109">
        <v>0</v>
      </c>
      <c r="NT13" s="109">
        <v>340083</v>
      </c>
      <c r="NU13" s="109">
        <v>657142</v>
      </c>
      <c r="NV13" s="110">
        <v>997225</v>
      </c>
      <c r="NW13" s="111">
        <v>997225</v>
      </c>
      <c r="NX13" s="129">
        <v>0</v>
      </c>
      <c r="NY13" s="109">
        <v>0</v>
      </c>
      <c r="NZ13" s="110">
        <v>0</v>
      </c>
      <c r="OA13" s="443">
        <v>0</v>
      </c>
      <c r="OB13" s="109">
        <v>0</v>
      </c>
      <c r="OC13" s="109">
        <v>0</v>
      </c>
      <c r="OD13" s="109">
        <v>670859</v>
      </c>
      <c r="OE13" s="109">
        <v>1089142</v>
      </c>
      <c r="OF13" s="109">
        <v>0</v>
      </c>
      <c r="OG13" s="110">
        <v>1760001</v>
      </c>
      <c r="OH13" s="111">
        <v>1760001</v>
      </c>
      <c r="OI13" s="129">
        <v>15959532</v>
      </c>
      <c r="OJ13" s="109">
        <v>20264536</v>
      </c>
      <c r="OK13" s="128">
        <v>36224068</v>
      </c>
      <c r="OL13" s="108">
        <v>0</v>
      </c>
      <c r="OM13" s="109">
        <v>515915030</v>
      </c>
      <c r="ON13" s="109">
        <v>518912107</v>
      </c>
      <c r="OO13" s="109">
        <v>609194564</v>
      </c>
      <c r="OP13" s="109">
        <v>702109554</v>
      </c>
      <c r="OQ13" s="109">
        <v>464358470</v>
      </c>
      <c r="OR13" s="110">
        <v>2810489725</v>
      </c>
      <c r="OS13" s="130">
        <v>2846713793</v>
      </c>
    </row>
    <row r="14" spans="1:409" ht="21" customHeight="1" x14ac:dyDescent="0.2">
      <c r="B14" s="437" t="s">
        <v>8</v>
      </c>
      <c r="C14" s="100">
        <v>13875753</v>
      </c>
      <c r="D14" s="104">
        <v>17479879</v>
      </c>
      <c r="E14" s="103">
        <v>31355632</v>
      </c>
      <c r="F14" s="99">
        <v>0</v>
      </c>
      <c r="G14" s="104">
        <v>153143320</v>
      </c>
      <c r="H14" s="104">
        <v>212881225</v>
      </c>
      <c r="I14" s="104">
        <v>193270678</v>
      </c>
      <c r="J14" s="104">
        <v>177647112</v>
      </c>
      <c r="K14" s="104">
        <v>135510489</v>
      </c>
      <c r="L14" s="99">
        <v>872452824</v>
      </c>
      <c r="M14" s="106">
        <v>903808456</v>
      </c>
      <c r="N14" s="100">
        <v>2500420</v>
      </c>
      <c r="O14" s="104">
        <v>3401164</v>
      </c>
      <c r="P14" s="103">
        <v>5901584</v>
      </c>
      <c r="Q14" s="100">
        <v>0</v>
      </c>
      <c r="R14" s="104">
        <v>39834586</v>
      </c>
      <c r="S14" s="104">
        <v>64857507</v>
      </c>
      <c r="T14" s="104">
        <v>61514075</v>
      </c>
      <c r="U14" s="104">
        <v>70932847</v>
      </c>
      <c r="V14" s="104">
        <v>76150094</v>
      </c>
      <c r="W14" s="103">
        <v>313289109</v>
      </c>
      <c r="X14" s="106">
        <v>319190693</v>
      </c>
      <c r="Y14" s="100">
        <v>0</v>
      </c>
      <c r="Z14" s="104">
        <v>0</v>
      </c>
      <c r="AA14" s="103">
        <v>0</v>
      </c>
      <c r="AB14" s="100">
        <v>0</v>
      </c>
      <c r="AC14" s="104">
        <v>19305209</v>
      </c>
      <c r="AD14" s="104">
        <v>35671846</v>
      </c>
      <c r="AE14" s="104">
        <v>39220705</v>
      </c>
      <c r="AF14" s="104">
        <v>46918237</v>
      </c>
      <c r="AG14" s="104">
        <v>50505258</v>
      </c>
      <c r="AH14" s="103">
        <v>191621255</v>
      </c>
      <c r="AI14" s="106">
        <v>191621255</v>
      </c>
      <c r="AJ14" s="100">
        <v>0</v>
      </c>
      <c r="AK14" s="104">
        <v>0</v>
      </c>
      <c r="AL14" s="103">
        <v>0</v>
      </c>
      <c r="AM14" s="100">
        <v>0</v>
      </c>
      <c r="AN14" s="104">
        <v>287417</v>
      </c>
      <c r="AO14" s="104">
        <v>990801</v>
      </c>
      <c r="AP14" s="104">
        <v>1427288</v>
      </c>
      <c r="AQ14" s="104">
        <v>3343910</v>
      </c>
      <c r="AR14" s="104">
        <v>6429326</v>
      </c>
      <c r="AS14" s="103">
        <v>12478742</v>
      </c>
      <c r="AT14" s="106">
        <v>12478742</v>
      </c>
      <c r="AU14" s="100">
        <v>1261648</v>
      </c>
      <c r="AV14" s="104">
        <v>2090503</v>
      </c>
      <c r="AW14" s="103">
        <v>3352151</v>
      </c>
      <c r="AX14" s="100">
        <v>0</v>
      </c>
      <c r="AY14" s="104">
        <v>10790816</v>
      </c>
      <c r="AZ14" s="104">
        <v>16881762</v>
      </c>
      <c r="BA14" s="104">
        <v>11499048</v>
      </c>
      <c r="BB14" s="104">
        <v>10697353</v>
      </c>
      <c r="BC14" s="104">
        <v>12175363</v>
      </c>
      <c r="BD14" s="103">
        <v>62044342</v>
      </c>
      <c r="BE14" s="106">
        <v>65396493</v>
      </c>
      <c r="BF14" s="100">
        <v>324124</v>
      </c>
      <c r="BG14" s="104">
        <v>721784</v>
      </c>
      <c r="BH14" s="102">
        <v>1045908</v>
      </c>
      <c r="BI14" s="101">
        <v>0</v>
      </c>
      <c r="BJ14" s="104">
        <v>2763565</v>
      </c>
      <c r="BK14" s="104">
        <v>3694863</v>
      </c>
      <c r="BL14" s="104">
        <v>1856838</v>
      </c>
      <c r="BM14" s="104">
        <v>2119758</v>
      </c>
      <c r="BN14" s="104">
        <v>1083615</v>
      </c>
      <c r="BO14" s="103">
        <v>11518639</v>
      </c>
      <c r="BP14" s="106">
        <v>12564547</v>
      </c>
      <c r="BQ14" s="100">
        <v>914648</v>
      </c>
      <c r="BR14" s="104">
        <v>588877</v>
      </c>
      <c r="BS14" s="103">
        <v>1503525</v>
      </c>
      <c r="BT14" s="100">
        <v>0</v>
      </c>
      <c r="BU14" s="104">
        <v>6687579</v>
      </c>
      <c r="BV14" s="104">
        <v>7618235</v>
      </c>
      <c r="BW14" s="104">
        <v>7510196</v>
      </c>
      <c r="BX14" s="104">
        <v>7853589</v>
      </c>
      <c r="BY14" s="104">
        <v>5956532</v>
      </c>
      <c r="BZ14" s="103">
        <v>35626131</v>
      </c>
      <c r="CA14" s="106">
        <v>37129656</v>
      </c>
      <c r="CB14" s="100">
        <v>1776418</v>
      </c>
      <c r="CC14" s="104">
        <v>3480014</v>
      </c>
      <c r="CD14" s="103">
        <v>5256432</v>
      </c>
      <c r="CE14" s="100">
        <v>0</v>
      </c>
      <c r="CF14" s="104">
        <v>42093499</v>
      </c>
      <c r="CG14" s="104">
        <v>59248362</v>
      </c>
      <c r="CH14" s="104">
        <v>44436759</v>
      </c>
      <c r="CI14" s="104">
        <v>33525084</v>
      </c>
      <c r="CJ14" s="104">
        <v>16768760</v>
      </c>
      <c r="CK14" s="103">
        <v>196072464</v>
      </c>
      <c r="CL14" s="106">
        <v>201328896</v>
      </c>
      <c r="CM14" s="100">
        <v>0</v>
      </c>
      <c r="CN14" s="104">
        <v>0</v>
      </c>
      <c r="CO14" s="103">
        <v>0</v>
      </c>
      <c r="CP14" s="101">
        <v>0</v>
      </c>
      <c r="CQ14" s="104">
        <v>34464005</v>
      </c>
      <c r="CR14" s="104">
        <v>48489542</v>
      </c>
      <c r="CS14" s="104">
        <v>36756929</v>
      </c>
      <c r="CT14" s="104">
        <v>27785602</v>
      </c>
      <c r="CU14" s="104">
        <v>14719574</v>
      </c>
      <c r="CV14" s="103">
        <v>162215652</v>
      </c>
      <c r="CW14" s="106">
        <v>162215652</v>
      </c>
      <c r="CX14" s="100">
        <v>1776418</v>
      </c>
      <c r="CY14" s="104">
        <v>3480014</v>
      </c>
      <c r="CZ14" s="103">
        <v>5256432</v>
      </c>
      <c r="DA14" s="100">
        <v>0</v>
      </c>
      <c r="DB14" s="104">
        <v>7629494</v>
      </c>
      <c r="DC14" s="104">
        <v>10758820</v>
      </c>
      <c r="DD14" s="104">
        <v>7679830</v>
      </c>
      <c r="DE14" s="104">
        <v>5739482</v>
      </c>
      <c r="DF14" s="104">
        <v>2049186</v>
      </c>
      <c r="DG14" s="103">
        <v>33856812</v>
      </c>
      <c r="DH14" s="106">
        <v>39113244</v>
      </c>
      <c r="DI14" s="100">
        <v>0</v>
      </c>
      <c r="DJ14" s="104">
        <v>373864</v>
      </c>
      <c r="DK14" s="102">
        <v>373864</v>
      </c>
      <c r="DL14" s="101">
        <v>0</v>
      </c>
      <c r="DM14" s="104">
        <v>4539857</v>
      </c>
      <c r="DN14" s="104">
        <v>12243661</v>
      </c>
      <c r="DO14" s="104">
        <v>26784568</v>
      </c>
      <c r="DP14" s="104">
        <v>17804784</v>
      </c>
      <c r="DQ14" s="104">
        <v>7416272</v>
      </c>
      <c r="DR14" s="103">
        <v>68789142</v>
      </c>
      <c r="DS14" s="106">
        <v>69163006</v>
      </c>
      <c r="DT14" s="100">
        <v>0</v>
      </c>
      <c r="DU14" s="104">
        <v>373864</v>
      </c>
      <c r="DV14" s="103">
        <v>373864</v>
      </c>
      <c r="DW14" s="100">
        <v>0</v>
      </c>
      <c r="DX14" s="104">
        <v>4520891</v>
      </c>
      <c r="DY14" s="104">
        <v>11477159</v>
      </c>
      <c r="DZ14" s="104">
        <v>26499230</v>
      </c>
      <c r="EA14" s="104">
        <v>17265714</v>
      </c>
      <c r="EB14" s="104">
        <v>7274344</v>
      </c>
      <c r="EC14" s="103">
        <v>67037338</v>
      </c>
      <c r="ED14" s="106">
        <v>67411202</v>
      </c>
      <c r="EE14" s="100">
        <v>0</v>
      </c>
      <c r="EF14" s="102">
        <v>0</v>
      </c>
      <c r="EG14" s="103">
        <v>0</v>
      </c>
      <c r="EH14" s="100">
        <v>0</v>
      </c>
      <c r="EI14" s="104">
        <v>18966</v>
      </c>
      <c r="EJ14" s="104">
        <v>766502</v>
      </c>
      <c r="EK14" s="104">
        <v>285338</v>
      </c>
      <c r="EL14" s="104">
        <v>539070</v>
      </c>
      <c r="EM14" s="104">
        <v>141928</v>
      </c>
      <c r="EN14" s="102">
        <v>1751804</v>
      </c>
      <c r="EO14" s="106">
        <v>1751804</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06">
        <v>0</v>
      </c>
      <c r="FE14" s="104">
        <v>0</v>
      </c>
      <c r="FF14" s="104">
        <v>0</v>
      </c>
      <c r="FG14" s="104">
        <v>0</v>
      </c>
      <c r="FH14" s="104">
        <v>0</v>
      </c>
      <c r="FI14" s="104">
        <v>0</v>
      </c>
      <c r="FJ14" s="103">
        <v>0</v>
      </c>
      <c r="FK14" s="106">
        <v>0</v>
      </c>
      <c r="FL14" s="100">
        <v>3763412</v>
      </c>
      <c r="FM14" s="104">
        <v>4928745</v>
      </c>
      <c r="FN14" s="103">
        <v>8692157</v>
      </c>
      <c r="FO14" s="100">
        <v>0</v>
      </c>
      <c r="FP14" s="104">
        <v>9876647</v>
      </c>
      <c r="FQ14" s="104">
        <v>22761887</v>
      </c>
      <c r="FR14" s="104">
        <v>15789079</v>
      </c>
      <c r="FS14" s="104">
        <v>12828958</v>
      </c>
      <c r="FT14" s="104">
        <v>9556687</v>
      </c>
      <c r="FU14" s="103">
        <v>70813258</v>
      </c>
      <c r="FV14" s="106">
        <v>79505415</v>
      </c>
      <c r="FW14" s="105">
        <v>2436548</v>
      </c>
      <c r="FX14" s="104">
        <v>4050853</v>
      </c>
      <c r="FY14" s="102">
        <v>6487401</v>
      </c>
      <c r="FZ14" s="101">
        <v>0</v>
      </c>
      <c r="GA14" s="104">
        <v>7906395</v>
      </c>
      <c r="GB14" s="104">
        <v>21320056</v>
      </c>
      <c r="GC14" s="104">
        <v>14452797</v>
      </c>
      <c r="GD14" s="104">
        <v>12205364</v>
      </c>
      <c r="GE14" s="104">
        <v>9239391</v>
      </c>
      <c r="GF14" s="103">
        <v>65124003</v>
      </c>
      <c r="GG14" s="290">
        <v>71611404</v>
      </c>
      <c r="GH14" s="105">
        <v>191200</v>
      </c>
      <c r="GI14" s="104">
        <v>208584</v>
      </c>
      <c r="GJ14" s="102">
        <v>399784</v>
      </c>
      <c r="GK14" s="101">
        <v>0</v>
      </c>
      <c r="GL14" s="104">
        <v>650109</v>
      </c>
      <c r="GM14" s="104">
        <v>651520</v>
      </c>
      <c r="GN14" s="104">
        <v>441974</v>
      </c>
      <c r="GO14" s="104">
        <v>401605</v>
      </c>
      <c r="GP14" s="104">
        <v>125100</v>
      </c>
      <c r="GQ14" s="103">
        <v>2270308</v>
      </c>
      <c r="GR14" s="106">
        <v>2670092</v>
      </c>
      <c r="GS14" s="100">
        <v>1135664</v>
      </c>
      <c r="GT14" s="104">
        <v>669308</v>
      </c>
      <c r="GU14" s="103">
        <v>1804972</v>
      </c>
      <c r="GV14" s="100">
        <v>0</v>
      </c>
      <c r="GW14" s="104">
        <v>1320143</v>
      </c>
      <c r="GX14" s="104">
        <v>790311</v>
      </c>
      <c r="GY14" s="104">
        <v>894308</v>
      </c>
      <c r="GZ14" s="104">
        <v>221989</v>
      </c>
      <c r="HA14" s="104">
        <v>192196</v>
      </c>
      <c r="HB14" s="102">
        <v>3418947</v>
      </c>
      <c r="HC14" s="106">
        <v>5223919</v>
      </c>
      <c r="HD14" s="100">
        <v>3102781</v>
      </c>
      <c r="HE14" s="104">
        <v>1826272</v>
      </c>
      <c r="HF14" s="102">
        <v>4929053</v>
      </c>
      <c r="HG14" s="101">
        <v>0</v>
      </c>
      <c r="HH14" s="104">
        <v>28823976</v>
      </c>
      <c r="HI14" s="104">
        <v>24806144</v>
      </c>
      <c r="HJ14" s="104">
        <v>25643823</v>
      </c>
      <c r="HK14" s="104">
        <v>30121377</v>
      </c>
      <c r="HL14" s="104">
        <v>17824591</v>
      </c>
      <c r="HM14" s="103">
        <v>127219911</v>
      </c>
      <c r="HN14" s="99">
        <v>132148964</v>
      </c>
      <c r="HO14" s="105">
        <v>2732722</v>
      </c>
      <c r="HP14" s="104">
        <v>3469820</v>
      </c>
      <c r="HQ14" s="103">
        <v>6202542</v>
      </c>
      <c r="HR14" s="100">
        <v>0</v>
      </c>
      <c r="HS14" s="104">
        <v>27974755</v>
      </c>
      <c r="HT14" s="104">
        <v>28963664</v>
      </c>
      <c r="HU14" s="104">
        <v>19102374</v>
      </c>
      <c r="HV14" s="104">
        <v>12434062</v>
      </c>
      <c r="HW14" s="104">
        <v>7794085</v>
      </c>
      <c r="HX14" s="102">
        <v>96268940</v>
      </c>
      <c r="HY14" s="106">
        <v>102471482</v>
      </c>
      <c r="HZ14" s="118">
        <v>434987</v>
      </c>
      <c r="IA14" s="119">
        <v>1008618</v>
      </c>
      <c r="IB14" s="120">
        <v>1443605</v>
      </c>
      <c r="IC14" s="121">
        <v>0</v>
      </c>
      <c r="ID14" s="122">
        <v>55338652</v>
      </c>
      <c r="IE14" s="123">
        <v>69575136</v>
      </c>
      <c r="IF14" s="124">
        <v>67981536</v>
      </c>
      <c r="IG14" s="122">
        <v>59803816</v>
      </c>
      <c r="IH14" s="124">
        <v>29552477</v>
      </c>
      <c r="II14" s="125">
        <v>282251617</v>
      </c>
      <c r="IJ14" s="126">
        <v>283695222</v>
      </c>
      <c r="IK14" s="215">
        <v>0</v>
      </c>
      <c r="IL14" s="219">
        <v>0</v>
      </c>
      <c r="IM14" s="220">
        <v>0</v>
      </c>
      <c r="IN14" s="127">
        <v>0</v>
      </c>
      <c r="IO14" s="109">
        <v>609662</v>
      </c>
      <c r="IP14" s="109">
        <v>785542</v>
      </c>
      <c r="IQ14" s="109">
        <v>229511</v>
      </c>
      <c r="IR14" s="109">
        <v>1340896</v>
      </c>
      <c r="IS14" s="109">
        <v>335306</v>
      </c>
      <c r="IT14" s="128">
        <v>3300917</v>
      </c>
      <c r="IU14" s="292">
        <v>3300917</v>
      </c>
      <c r="IV14" s="129">
        <v>0</v>
      </c>
      <c r="IW14" s="109">
        <v>0</v>
      </c>
      <c r="IX14" s="110">
        <v>0</v>
      </c>
      <c r="IY14" s="443">
        <v>0</v>
      </c>
      <c r="IZ14" s="109">
        <v>75393</v>
      </c>
      <c r="JA14" s="109">
        <v>121151</v>
      </c>
      <c r="JB14" s="109">
        <v>0</v>
      </c>
      <c r="JC14" s="109">
        <v>38538</v>
      </c>
      <c r="JD14" s="109">
        <v>132129</v>
      </c>
      <c r="JE14" s="110">
        <v>367211</v>
      </c>
      <c r="JF14" s="111">
        <v>367211</v>
      </c>
      <c r="JG14" s="129">
        <v>0</v>
      </c>
      <c r="JH14" s="109">
        <v>0</v>
      </c>
      <c r="JI14" s="128">
        <v>0</v>
      </c>
      <c r="JJ14" s="108">
        <v>0</v>
      </c>
      <c r="JK14" s="109">
        <v>27691774</v>
      </c>
      <c r="JL14" s="109">
        <v>36295498</v>
      </c>
      <c r="JM14" s="109">
        <v>21127859</v>
      </c>
      <c r="JN14" s="109">
        <v>12183634</v>
      </c>
      <c r="JO14" s="109">
        <v>7046874</v>
      </c>
      <c r="JP14" s="110">
        <v>104345639</v>
      </c>
      <c r="JQ14" s="292">
        <v>104345639</v>
      </c>
      <c r="JR14" s="129">
        <v>0</v>
      </c>
      <c r="JS14" s="109">
        <v>0</v>
      </c>
      <c r="JT14" s="128">
        <v>0</v>
      </c>
      <c r="JU14" s="108">
        <v>0</v>
      </c>
      <c r="JV14" s="109">
        <v>556944</v>
      </c>
      <c r="JW14" s="109">
        <v>1030377</v>
      </c>
      <c r="JX14" s="109">
        <v>845352</v>
      </c>
      <c r="JY14" s="109">
        <v>2018275</v>
      </c>
      <c r="JZ14" s="109">
        <v>1204891</v>
      </c>
      <c r="KA14" s="110">
        <v>5655839</v>
      </c>
      <c r="KB14" s="292">
        <v>5655839</v>
      </c>
      <c r="KC14" s="217">
        <v>434987</v>
      </c>
      <c r="KD14" s="213">
        <v>1008618</v>
      </c>
      <c r="KE14" s="110">
        <v>1443605</v>
      </c>
      <c r="KF14" s="108">
        <v>0</v>
      </c>
      <c r="KG14" s="109">
        <v>9217466</v>
      </c>
      <c r="KH14" s="109">
        <v>9221549</v>
      </c>
      <c r="KI14" s="109">
        <v>11581340</v>
      </c>
      <c r="KJ14" s="109">
        <v>8518723</v>
      </c>
      <c r="KK14" s="109">
        <v>3682874</v>
      </c>
      <c r="KL14" s="110">
        <v>42221952</v>
      </c>
      <c r="KM14" s="130">
        <v>43665557</v>
      </c>
      <c r="KN14" s="215">
        <v>0</v>
      </c>
      <c r="KO14" s="219">
        <v>0</v>
      </c>
      <c r="KP14" s="220">
        <v>0</v>
      </c>
      <c r="KQ14" s="443">
        <v>0</v>
      </c>
      <c r="KR14" s="109">
        <v>14933858</v>
      </c>
      <c r="KS14" s="109">
        <v>17497079</v>
      </c>
      <c r="KT14" s="109">
        <v>23786087</v>
      </c>
      <c r="KU14" s="109">
        <v>20629078</v>
      </c>
      <c r="KV14" s="109">
        <v>10035908</v>
      </c>
      <c r="KW14" s="110">
        <v>86882010</v>
      </c>
      <c r="KX14" s="292">
        <v>86882010</v>
      </c>
      <c r="KY14" s="129">
        <v>0</v>
      </c>
      <c r="KZ14" s="109">
        <v>0</v>
      </c>
      <c r="LA14" s="110">
        <v>0</v>
      </c>
      <c r="LB14" s="443">
        <v>0</v>
      </c>
      <c r="LC14" s="109">
        <v>223883</v>
      </c>
      <c r="LD14" s="109">
        <v>1383410</v>
      </c>
      <c r="LE14" s="109">
        <v>2806150</v>
      </c>
      <c r="LF14" s="109">
        <v>4087843</v>
      </c>
      <c r="LG14" s="109">
        <v>2310399</v>
      </c>
      <c r="LH14" s="110">
        <v>10811685</v>
      </c>
      <c r="LI14" s="111">
        <v>10811685</v>
      </c>
      <c r="LJ14" s="129">
        <v>0</v>
      </c>
      <c r="LK14" s="109">
        <v>0</v>
      </c>
      <c r="LL14" s="110">
        <v>0</v>
      </c>
      <c r="LM14" s="443">
        <v>0</v>
      </c>
      <c r="LN14" s="109">
        <v>0</v>
      </c>
      <c r="LO14" s="109">
        <v>233901</v>
      </c>
      <c r="LP14" s="109">
        <v>2426394</v>
      </c>
      <c r="LQ14" s="109">
        <v>7132437</v>
      </c>
      <c r="LR14" s="109">
        <v>2658395</v>
      </c>
      <c r="LS14" s="110">
        <v>12451127</v>
      </c>
      <c r="LT14" s="292">
        <v>12451127</v>
      </c>
      <c r="LU14" s="129">
        <v>0</v>
      </c>
      <c r="LV14" s="109">
        <v>0</v>
      </c>
      <c r="LW14" s="110">
        <v>0</v>
      </c>
      <c r="LX14" s="443">
        <v>0</v>
      </c>
      <c r="LY14" s="109">
        <v>2029672</v>
      </c>
      <c r="LZ14" s="109">
        <v>3006629</v>
      </c>
      <c r="MA14" s="109">
        <v>5178843</v>
      </c>
      <c r="MB14" s="109">
        <v>3854392</v>
      </c>
      <c r="MC14" s="109">
        <v>2145701</v>
      </c>
      <c r="MD14" s="110">
        <v>16215237</v>
      </c>
      <c r="ME14" s="111">
        <v>16215237</v>
      </c>
      <c r="MF14" s="129">
        <v>0</v>
      </c>
      <c r="MG14" s="109">
        <v>0</v>
      </c>
      <c r="MH14" s="110">
        <v>0</v>
      </c>
      <c r="MI14" s="443">
        <v>0</v>
      </c>
      <c r="MJ14" s="109">
        <v>19260166</v>
      </c>
      <c r="MK14" s="109">
        <v>42403600</v>
      </c>
      <c r="ML14" s="109">
        <v>159579352</v>
      </c>
      <c r="MM14" s="109">
        <v>169818263</v>
      </c>
      <c r="MN14" s="109">
        <v>108025006</v>
      </c>
      <c r="MO14" s="110">
        <v>499086387</v>
      </c>
      <c r="MP14" s="130">
        <v>499086387</v>
      </c>
      <c r="MQ14" s="129">
        <v>0</v>
      </c>
      <c r="MR14" s="109">
        <v>0</v>
      </c>
      <c r="MS14" s="110">
        <v>0</v>
      </c>
      <c r="MT14" s="443">
        <v>0</v>
      </c>
      <c r="MU14" s="109">
        <v>3602386</v>
      </c>
      <c r="MV14" s="109">
        <v>15633325</v>
      </c>
      <c r="MW14" s="109">
        <v>99892891</v>
      </c>
      <c r="MX14" s="109">
        <v>116266454</v>
      </c>
      <c r="MY14" s="109">
        <v>75145677</v>
      </c>
      <c r="MZ14" s="110">
        <v>310540733</v>
      </c>
      <c r="NA14" s="130">
        <v>310540733</v>
      </c>
      <c r="NB14" s="129">
        <v>0</v>
      </c>
      <c r="NC14" s="109">
        <v>0</v>
      </c>
      <c r="ND14" s="110">
        <v>0</v>
      </c>
      <c r="NE14" s="443">
        <v>0</v>
      </c>
      <c r="NF14" s="109">
        <v>15144744</v>
      </c>
      <c r="NG14" s="109">
        <v>26532691</v>
      </c>
      <c r="NH14" s="109">
        <v>58912310</v>
      </c>
      <c r="NI14" s="109">
        <v>51433044</v>
      </c>
      <c r="NJ14" s="109">
        <v>30202319</v>
      </c>
      <c r="NK14" s="110">
        <v>182225108</v>
      </c>
      <c r="NL14" s="292">
        <v>182225108</v>
      </c>
      <c r="NM14" s="129">
        <v>0</v>
      </c>
      <c r="NN14" s="109">
        <v>0</v>
      </c>
      <c r="NO14" s="110">
        <v>0</v>
      </c>
      <c r="NP14" s="443">
        <v>0</v>
      </c>
      <c r="NQ14" s="109">
        <v>0</v>
      </c>
      <c r="NR14" s="109">
        <v>0</v>
      </c>
      <c r="NS14" s="109">
        <v>0</v>
      </c>
      <c r="NT14" s="109">
        <v>0</v>
      </c>
      <c r="NU14" s="109">
        <v>0</v>
      </c>
      <c r="NV14" s="110">
        <v>0</v>
      </c>
      <c r="NW14" s="111">
        <v>0</v>
      </c>
      <c r="NX14" s="129">
        <v>0</v>
      </c>
      <c r="NY14" s="109">
        <v>0</v>
      </c>
      <c r="NZ14" s="110">
        <v>0</v>
      </c>
      <c r="OA14" s="443">
        <v>0</v>
      </c>
      <c r="OB14" s="109">
        <v>513036</v>
      </c>
      <c r="OC14" s="109">
        <v>237584</v>
      </c>
      <c r="OD14" s="109">
        <v>774151</v>
      </c>
      <c r="OE14" s="109">
        <v>2118765</v>
      </c>
      <c r="OF14" s="109">
        <v>2677010</v>
      </c>
      <c r="OG14" s="110">
        <v>6320546</v>
      </c>
      <c r="OH14" s="111">
        <v>6320546</v>
      </c>
      <c r="OI14" s="129">
        <v>14310740</v>
      </c>
      <c r="OJ14" s="109">
        <v>18488497</v>
      </c>
      <c r="OK14" s="128">
        <v>32799237</v>
      </c>
      <c r="OL14" s="108">
        <v>0</v>
      </c>
      <c r="OM14" s="109">
        <v>227742138</v>
      </c>
      <c r="ON14" s="109">
        <v>324859961</v>
      </c>
      <c r="OO14" s="109">
        <v>420831566</v>
      </c>
      <c r="OP14" s="109">
        <v>407269191</v>
      </c>
      <c r="OQ14" s="109">
        <v>273087972</v>
      </c>
      <c r="OR14" s="110">
        <v>1653790828</v>
      </c>
      <c r="OS14" s="130">
        <v>1686590065</v>
      </c>
    </row>
    <row r="15" spans="1:409" ht="21" customHeight="1" x14ac:dyDescent="0.2">
      <c r="B15" s="437" t="s">
        <v>9</v>
      </c>
      <c r="C15" s="100">
        <v>12058296</v>
      </c>
      <c r="D15" s="104">
        <v>15895698</v>
      </c>
      <c r="E15" s="103">
        <v>27953994</v>
      </c>
      <c r="F15" s="101">
        <v>0</v>
      </c>
      <c r="G15" s="104">
        <v>157063078</v>
      </c>
      <c r="H15" s="104">
        <v>153360001</v>
      </c>
      <c r="I15" s="104">
        <v>164741125</v>
      </c>
      <c r="J15" s="104">
        <v>169960072</v>
      </c>
      <c r="K15" s="104">
        <v>138086138</v>
      </c>
      <c r="L15" s="99">
        <v>783210414</v>
      </c>
      <c r="M15" s="106">
        <v>811164408</v>
      </c>
      <c r="N15" s="100">
        <v>2227189</v>
      </c>
      <c r="O15" s="104">
        <v>3543622</v>
      </c>
      <c r="P15" s="103">
        <v>5770811</v>
      </c>
      <c r="Q15" s="100">
        <v>0</v>
      </c>
      <c r="R15" s="104">
        <v>46203833</v>
      </c>
      <c r="S15" s="104">
        <v>50106750</v>
      </c>
      <c r="T15" s="104">
        <v>58032313</v>
      </c>
      <c r="U15" s="104">
        <v>71910780</v>
      </c>
      <c r="V15" s="104">
        <v>73235693</v>
      </c>
      <c r="W15" s="103">
        <v>299489369</v>
      </c>
      <c r="X15" s="106">
        <v>305260180</v>
      </c>
      <c r="Y15" s="100">
        <v>0</v>
      </c>
      <c r="Z15" s="104">
        <v>0</v>
      </c>
      <c r="AA15" s="103">
        <v>0</v>
      </c>
      <c r="AB15" s="100">
        <v>0</v>
      </c>
      <c r="AC15" s="104">
        <v>21460840</v>
      </c>
      <c r="AD15" s="104">
        <v>25238495</v>
      </c>
      <c r="AE15" s="104">
        <v>35691275</v>
      </c>
      <c r="AF15" s="104">
        <v>45678569</v>
      </c>
      <c r="AG15" s="104">
        <v>46259766</v>
      </c>
      <c r="AH15" s="103">
        <v>174328945</v>
      </c>
      <c r="AI15" s="106">
        <v>174328945</v>
      </c>
      <c r="AJ15" s="100">
        <v>0</v>
      </c>
      <c r="AK15" s="104">
        <v>0</v>
      </c>
      <c r="AL15" s="103">
        <v>0</v>
      </c>
      <c r="AM15" s="100">
        <v>0</v>
      </c>
      <c r="AN15" s="104">
        <v>99569</v>
      </c>
      <c r="AO15" s="104">
        <v>318478</v>
      </c>
      <c r="AP15" s="104">
        <v>990192</v>
      </c>
      <c r="AQ15" s="104">
        <v>3645309</v>
      </c>
      <c r="AR15" s="104">
        <v>6753097</v>
      </c>
      <c r="AS15" s="103">
        <v>11806645</v>
      </c>
      <c r="AT15" s="106">
        <v>11806645</v>
      </c>
      <c r="AU15" s="100">
        <v>1138942</v>
      </c>
      <c r="AV15" s="104">
        <v>2427764</v>
      </c>
      <c r="AW15" s="103">
        <v>3566706</v>
      </c>
      <c r="AX15" s="100">
        <v>0</v>
      </c>
      <c r="AY15" s="104">
        <v>15546580</v>
      </c>
      <c r="AZ15" s="104">
        <v>14677924</v>
      </c>
      <c r="BA15" s="104">
        <v>11196184</v>
      </c>
      <c r="BB15" s="104">
        <v>11666312</v>
      </c>
      <c r="BC15" s="104">
        <v>12290731</v>
      </c>
      <c r="BD15" s="103">
        <v>65377731</v>
      </c>
      <c r="BE15" s="106">
        <v>68944437</v>
      </c>
      <c r="BF15" s="100">
        <v>127933</v>
      </c>
      <c r="BG15" s="104">
        <v>447366</v>
      </c>
      <c r="BH15" s="102">
        <v>575299</v>
      </c>
      <c r="BI15" s="101">
        <v>0</v>
      </c>
      <c r="BJ15" s="104">
        <v>1319651</v>
      </c>
      <c r="BK15" s="104">
        <v>1799404</v>
      </c>
      <c r="BL15" s="104">
        <v>1306784</v>
      </c>
      <c r="BM15" s="104">
        <v>1385177</v>
      </c>
      <c r="BN15" s="104">
        <v>878670</v>
      </c>
      <c r="BO15" s="103">
        <v>6689686</v>
      </c>
      <c r="BP15" s="106">
        <v>7264985</v>
      </c>
      <c r="BQ15" s="100">
        <v>960314</v>
      </c>
      <c r="BR15" s="104">
        <v>668492</v>
      </c>
      <c r="BS15" s="103">
        <v>1628806</v>
      </c>
      <c r="BT15" s="100">
        <v>0</v>
      </c>
      <c r="BU15" s="104">
        <v>7777193</v>
      </c>
      <c r="BV15" s="104">
        <v>8072449</v>
      </c>
      <c r="BW15" s="104">
        <v>8847878</v>
      </c>
      <c r="BX15" s="104">
        <v>9535413</v>
      </c>
      <c r="BY15" s="104">
        <v>7053429</v>
      </c>
      <c r="BZ15" s="103">
        <v>41286362</v>
      </c>
      <c r="CA15" s="106">
        <v>42915168</v>
      </c>
      <c r="CB15" s="100">
        <v>1126887</v>
      </c>
      <c r="CC15" s="104">
        <v>3642162</v>
      </c>
      <c r="CD15" s="103">
        <v>4769049</v>
      </c>
      <c r="CE15" s="100">
        <v>0</v>
      </c>
      <c r="CF15" s="104">
        <v>34653660</v>
      </c>
      <c r="CG15" s="104">
        <v>32788548</v>
      </c>
      <c r="CH15" s="104">
        <v>29235701</v>
      </c>
      <c r="CI15" s="104">
        <v>21622775</v>
      </c>
      <c r="CJ15" s="104">
        <v>7620760</v>
      </c>
      <c r="CK15" s="103">
        <v>125921444</v>
      </c>
      <c r="CL15" s="106">
        <v>130690493</v>
      </c>
      <c r="CM15" s="100">
        <v>0</v>
      </c>
      <c r="CN15" s="104">
        <v>0</v>
      </c>
      <c r="CO15" s="103">
        <v>0</v>
      </c>
      <c r="CP15" s="101">
        <v>0</v>
      </c>
      <c r="CQ15" s="104">
        <v>28109275</v>
      </c>
      <c r="CR15" s="104">
        <v>25513931</v>
      </c>
      <c r="CS15" s="104">
        <v>22758598</v>
      </c>
      <c r="CT15" s="104">
        <v>15483013</v>
      </c>
      <c r="CU15" s="104">
        <v>5409651</v>
      </c>
      <c r="CV15" s="103">
        <v>97274468</v>
      </c>
      <c r="CW15" s="106">
        <v>97274468</v>
      </c>
      <c r="CX15" s="100">
        <v>1126887</v>
      </c>
      <c r="CY15" s="104">
        <v>3642162</v>
      </c>
      <c r="CZ15" s="103">
        <v>4769049</v>
      </c>
      <c r="DA15" s="100">
        <v>0</v>
      </c>
      <c r="DB15" s="104">
        <v>6544385</v>
      </c>
      <c r="DC15" s="104">
        <v>7274617</v>
      </c>
      <c r="DD15" s="104">
        <v>6477103</v>
      </c>
      <c r="DE15" s="104">
        <v>6139762</v>
      </c>
      <c r="DF15" s="104">
        <v>2211109</v>
      </c>
      <c r="DG15" s="103">
        <v>28646976</v>
      </c>
      <c r="DH15" s="106">
        <v>33416025</v>
      </c>
      <c r="DI15" s="100">
        <v>22378</v>
      </c>
      <c r="DJ15" s="104">
        <v>259311</v>
      </c>
      <c r="DK15" s="102">
        <v>281689</v>
      </c>
      <c r="DL15" s="101">
        <v>0</v>
      </c>
      <c r="DM15" s="104">
        <v>5362984</v>
      </c>
      <c r="DN15" s="104">
        <v>8035238</v>
      </c>
      <c r="DO15" s="104">
        <v>16120722</v>
      </c>
      <c r="DP15" s="104">
        <v>13101223</v>
      </c>
      <c r="DQ15" s="104">
        <v>8488995</v>
      </c>
      <c r="DR15" s="103">
        <v>51109162</v>
      </c>
      <c r="DS15" s="106">
        <v>51390851</v>
      </c>
      <c r="DT15" s="100">
        <v>22378</v>
      </c>
      <c r="DU15" s="104">
        <v>186575</v>
      </c>
      <c r="DV15" s="103">
        <v>208953</v>
      </c>
      <c r="DW15" s="100">
        <v>0</v>
      </c>
      <c r="DX15" s="104">
        <v>4511926</v>
      </c>
      <c r="DY15" s="104">
        <v>7188199</v>
      </c>
      <c r="DZ15" s="104">
        <v>13384263</v>
      </c>
      <c r="EA15" s="104">
        <v>10619330</v>
      </c>
      <c r="EB15" s="104">
        <v>7642080</v>
      </c>
      <c r="EC15" s="103">
        <v>43345798</v>
      </c>
      <c r="ED15" s="106">
        <v>43554751</v>
      </c>
      <c r="EE15" s="100">
        <v>0</v>
      </c>
      <c r="EF15" s="102">
        <v>72736</v>
      </c>
      <c r="EG15" s="103">
        <v>72736</v>
      </c>
      <c r="EH15" s="100">
        <v>0</v>
      </c>
      <c r="EI15" s="104">
        <v>851058</v>
      </c>
      <c r="EJ15" s="104">
        <v>847039</v>
      </c>
      <c r="EK15" s="104">
        <v>2736459</v>
      </c>
      <c r="EL15" s="104">
        <v>2481893</v>
      </c>
      <c r="EM15" s="104">
        <v>846915</v>
      </c>
      <c r="EN15" s="102">
        <v>7763364</v>
      </c>
      <c r="EO15" s="106">
        <v>7836100</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06">
        <v>0</v>
      </c>
      <c r="FE15" s="104">
        <v>0</v>
      </c>
      <c r="FF15" s="104">
        <v>0</v>
      </c>
      <c r="FG15" s="104">
        <v>0</v>
      </c>
      <c r="FH15" s="104">
        <v>0</v>
      </c>
      <c r="FI15" s="104">
        <v>0</v>
      </c>
      <c r="FJ15" s="103">
        <v>0</v>
      </c>
      <c r="FK15" s="106">
        <v>0</v>
      </c>
      <c r="FL15" s="100">
        <v>3243430</v>
      </c>
      <c r="FM15" s="104">
        <v>3722104</v>
      </c>
      <c r="FN15" s="103">
        <v>6965534</v>
      </c>
      <c r="FO15" s="100">
        <v>0</v>
      </c>
      <c r="FP15" s="104">
        <v>10198709</v>
      </c>
      <c r="FQ15" s="104">
        <v>13412270</v>
      </c>
      <c r="FR15" s="104">
        <v>11118392</v>
      </c>
      <c r="FS15" s="104">
        <v>11320080</v>
      </c>
      <c r="FT15" s="104">
        <v>8818788</v>
      </c>
      <c r="FU15" s="103">
        <v>54868239</v>
      </c>
      <c r="FV15" s="106">
        <v>61833773</v>
      </c>
      <c r="FW15" s="105">
        <v>1874557</v>
      </c>
      <c r="FX15" s="104">
        <v>2966142</v>
      </c>
      <c r="FY15" s="102">
        <v>4840699</v>
      </c>
      <c r="FZ15" s="101">
        <v>0</v>
      </c>
      <c r="GA15" s="104">
        <v>7940630</v>
      </c>
      <c r="GB15" s="104">
        <v>12390638</v>
      </c>
      <c r="GC15" s="104">
        <v>10271340</v>
      </c>
      <c r="GD15" s="104">
        <v>10629674</v>
      </c>
      <c r="GE15" s="104">
        <v>8580088</v>
      </c>
      <c r="GF15" s="103">
        <v>49812370</v>
      </c>
      <c r="GG15" s="290">
        <v>54653069</v>
      </c>
      <c r="GH15" s="105">
        <v>390438</v>
      </c>
      <c r="GI15" s="104">
        <v>62964</v>
      </c>
      <c r="GJ15" s="102">
        <v>453402</v>
      </c>
      <c r="GK15" s="101">
        <v>0</v>
      </c>
      <c r="GL15" s="104">
        <v>448523</v>
      </c>
      <c r="GM15" s="104">
        <v>496949</v>
      </c>
      <c r="GN15" s="104">
        <v>251832</v>
      </c>
      <c r="GO15" s="104">
        <v>182920</v>
      </c>
      <c r="GP15" s="104">
        <v>212800</v>
      </c>
      <c r="GQ15" s="103">
        <v>1593024</v>
      </c>
      <c r="GR15" s="106">
        <v>2046426</v>
      </c>
      <c r="GS15" s="100">
        <v>978435</v>
      </c>
      <c r="GT15" s="104">
        <v>692998</v>
      </c>
      <c r="GU15" s="103">
        <v>1671433</v>
      </c>
      <c r="GV15" s="100">
        <v>0</v>
      </c>
      <c r="GW15" s="104">
        <v>1809556</v>
      </c>
      <c r="GX15" s="104">
        <v>524683</v>
      </c>
      <c r="GY15" s="104">
        <v>595220</v>
      </c>
      <c r="GZ15" s="104">
        <v>507486</v>
      </c>
      <c r="HA15" s="104">
        <v>25900</v>
      </c>
      <c r="HB15" s="102">
        <v>3462845</v>
      </c>
      <c r="HC15" s="106">
        <v>5134278</v>
      </c>
      <c r="HD15" s="100">
        <v>3243327</v>
      </c>
      <c r="HE15" s="104">
        <v>1727875</v>
      </c>
      <c r="HF15" s="102">
        <v>4971202</v>
      </c>
      <c r="HG15" s="101">
        <v>0</v>
      </c>
      <c r="HH15" s="104">
        <v>33269101</v>
      </c>
      <c r="HI15" s="104">
        <v>30281615</v>
      </c>
      <c r="HJ15" s="104">
        <v>35941001</v>
      </c>
      <c r="HK15" s="104">
        <v>40926470</v>
      </c>
      <c r="HL15" s="104">
        <v>32797837</v>
      </c>
      <c r="HM15" s="103">
        <v>173216024</v>
      </c>
      <c r="HN15" s="99">
        <v>178187226</v>
      </c>
      <c r="HO15" s="105">
        <v>2195085</v>
      </c>
      <c r="HP15" s="104">
        <v>3000624</v>
      </c>
      <c r="HQ15" s="103">
        <v>5195709</v>
      </c>
      <c r="HR15" s="100">
        <v>0</v>
      </c>
      <c r="HS15" s="104">
        <v>27374791</v>
      </c>
      <c r="HT15" s="104">
        <v>18735580</v>
      </c>
      <c r="HU15" s="104">
        <v>14292996</v>
      </c>
      <c r="HV15" s="104">
        <v>11078744</v>
      </c>
      <c r="HW15" s="104">
        <v>7124065</v>
      </c>
      <c r="HX15" s="102">
        <v>78606176</v>
      </c>
      <c r="HY15" s="106">
        <v>83801885</v>
      </c>
      <c r="HZ15" s="115">
        <v>379890</v>
      </c>
      <c r="IA15" s="134">
        <v>904299</v>
      </c>
      <c r="IB15" s="116">
        <v>1284189</v>
      </c>
      <c r="IC15" s="131">
        <v>0</v>
      </c>
      <c r="ID15" s="119">
        <v>31146983</v>
      </c>
      <c r="IE15" s="132">
        <v>40762776</v>
      </c>
      <c r="IF15" s="120">
        <v>50106477</v>
      </c>
      <c r="IG15" s="119">
        <v>42735034</v>
      </c>
      <c r="IH15" s="120">
        <v>24510412</v>
      </c>
      <c r="II15" s="133">
        <v>189261682</v>
      </c>
      <c r="IJ15" s="117">
        <v>190545871</v>
      </c>
      <c r="IK15" s="215">
        <v>0</v>
      </c>
      <c r="IL15" s="219">
        <v>0</v>
      </c>
      <c r="IM15" s="220">
        <v>0</v>
      </c>
      <c r="IN15" s="127">
        <v>0</v>
      </c>
      <c r="IO15" s="109">
        <v>0</v>
      </c>
      <c r="IP15" s="109">
        <v>608363</v>
      </c>
      <c r="IQ15" s="109">
        <v>428456</v>
      </c>
      <c r="IR15" s="109">
        <v>2898721</v>
      </c>
      <c r="IS15" s="109">
        <v>1249790</v>
      </c>
      <c r="IT15" s="128">
        <v>5185330</v>
      </c>
      <c r="IU15" s="292">
        <v>5185330</v>
      </c>
      <c r="IV15" s="129">
        <v>0</v>
      </c>
      <c r="IW15" s="109">
        <v>0</v>
      </c>
      <c r="IX15" s="110">
        <v>0</v>
      </c>
      <c r="IY15" s="443">
        <v>0</v>
      </c>
      <c r="IZ15" s="109">
        <v>0</v>
      </c>
      <c r="JA15" s="109">
        <v>0</v>
      </c>
      <c r="JB15" s="109">
        <v>0</v>
      </c>
      <c r="JC15" s="109">
        <v>0</v>
      </c>
      <c r="JD15" s="109">
        <v>0</v>
      </c>
      <c r="JE15" s="110">
        <v>0</v>
      </c>
      <c r="JF15" s="111">
        <v>0</v>
      </c>
      <c r="JG15" s="129">
        <v>0</v>
      </c>
      <c r="JH15" s="109">
        <v>0</v>
      </c>
      <c r="JI15" s="128">
        <v>0</v>
      </c>
      <c r="JJ15" s="108">
        <v>0</v>
      </c>
      <c r="JK15" s="109">
        <v>19135155</v>
      </c>
      <c r="JL15" s="109">
        <v>13413085</v>
      </c>
      <c r="JM15" s="109">
        <v>16040591</v>
      </c>
      <c r="JN15" s="109">
        <v>9632940</v>
      </c>
      <c r="JO15" s="109">
        <v>4018567</v>
      </c>
      <c r="JP15" s="110">
        <v>62240338</v>
      </c>
      <c r="JQ15" s="292">
        <v>62240338</v>
      </c>
      <c r="JR15" s="129">
        <v>0</v>
      </c>
      <c r="JS15" s="109">
        <v>0</v>
      </c>
      <c r="JT15" s="128">
        <v>0</v>
      </c>
      <c r="JU15" s="108">
        <v>0</v>
      </c>
      <c r="JV15" s="109">
        <v>160072</v>
      </c>
      <c r="JW15" s="109">
        <v>660887</v>
      </c>
      <c r="JX15" s="109">
        <v>867100</v>
      </c>
      <c r="JY15" s="109">
        <v>0</v>
      </c>
      <c r="JZ15" s="109">
        <v>1011919</v>
      </c>
      <c r="KA15" s="110">
        <v>2699978</v>
      </c>
      <c r="KB15" s="292">
        <v>2699978</v>
      </c>
      <c r="KC15" s="217">
        <v>379890</v>
      </c>
      <c r="KD15" s="213">
        <v>645641</v>
      </c>
      <c r="KE15" s="110">
        <v>1025531</v>
      </c>
      <c r="KF15" s="108">
        <v>0</v>
      </c>
      <c r="KG15" s="109">
        <v>3515845</v>
      </c>
      <c r="KH15" s="109">
        <v>5345029</v>
      </c>
      <c r="KI15" s="109">
        <v>4620212</v>
      </c>
      <c r="KJ15" s="109">
        <v>5805106</v>
      </c>
      <c r="KK15" s="109">
        <v>3493463</v>
      </c>
      <c r="KL15" s="110">
        <v>22779655</v>
      </c>
      <c r="KM15" s="130">
        <v>23805186</v>
      </c>
      <c r="KN15" s="215">
        <v>0</v>
      </c>
      <c r="KO15" s="219">
        <v>258658</v>
      </c>
      <c r="KP15" s="220">
        <v>258658</v>
      </c>
      <c r="KQ15" s="443">
        <v>0</v>
      </c>
      <c r="KR15" s="109">
        <v>7307740</v>
      </c>
      <c r="KS15" s="109">
        <v>18988568</v>
      </c>
      <c r="KT15" s="109">
        <v>24094119</v>
      </c>
      <c r="KU15" s="109">
        <v>18960548</v>
      </c>
      <c r="KV15" s="109">
        <v>7401688</v>
      </c>
      <c r="KW15" s="110">
        <v>76752663</v>
      </c>
      <c r="KX15" s="292">
        <v>77011321</v>
      </c>
      <c r="KY15" s="129">
        <v>0</v>
      </c>
      <c r="KZ15" s="109">
        <v>0</v>
      </c>
      <c r="LA15" s="110">
        <v>0</v>
      </c>
      <c r="LB15" s="443">
        <v>0</v>
      </c>
      <c r="LC15" s="109">
        <v>367368</v>
      </c>
      <c r="LD15" s="109">
        <v>760785</v>
      </c>
      <c r="LE15" s="109">
        <v>1494041</v>
      </c>
      <c r="LF15" s="109">
        <v>1753080</v>
      </c>
      <c r="LG15" s="109">
        <v>1298092</v>
      </c>
      <c r="LH15" s="110">
        <v>5673366</v>
      </c>
      <c r="LI15" s="111">
        <v>5673366</v>
      </c>
      <c r="LJ15" s="129">
        <v>0</v>
      </c>
      <c r="LK15" s="109">
        <v>0</v>
      </c>
      <c r="LL15" s="110">
        <v>0</v>
      </c>
      <c r="LM15" s="443">
        <v>0</v>
      </c>
      <c r="LN15" s="109">
        <v>0</v>
      </c>
      <c r="LO15" s="109">
        <v>0</v>
      </c>
      <c r="LP15" s="109">
        <v>0</v>
      </c>
      <c r="LQ15" s="109">
        <v>329808</v>
      </c>
      <c r="LR15" s="109">
        <v>0</v>
      </c>
      <c r="LS15" s="110">
        <v>329808</v>
      </c>
      <c r="LT15" s="292">
        <v>329808</v>
      </c>
      <c r="LU15" s="129">
        <v>0</v>
      </c>
      <c r="LV15" s="109">
        <v>0</v>
      </c>
      <c r="LW15" s="110">
        <v>0</v>
      </c>
      <c r="LX15" s="443">
        <v>0</v>
      </c>
      <c r="LY15" s="109">
        <v>660803</v>
      </c>
      <c r="LZ15" s="109">
        <v>986059</v>
      </c>
      <c r="MA15" s="109">
        <v>2561958</v>
      </c>
      <c r="MB15" s="109">
        <v>3354831</v>
      </c>
      <c r="MC15" s="109">
        <v>6036893</v>
      </c>
      <c r="MD15" s="110">
        <v>13600544</v>
      </c>
      <c r="ME15" s="111">
        <v>13600544</v>
      </c>
      <c r="MF15" s="129">
        <v>0</v>
      </c>
      <c r="MG15" s="109">
        <v>0</v>
      </c>
      <c r="MH15" s="110">
        <v>0</v>
      </c>
      <c r="MI15" s="443">
        <v>0</v>
      </c>
      <c r="MJ15" s="109">
        <v>7991372</v>
      </c>
      <c r="MK15" s="109">
        <v>16906035</v>
      </c>
      <c r="ML15" s="109">
        <v>90664646</v>
      </c>
      <c r="MM15" s="109">
        <v>143077674</v>
      </c>
      <c r="MN15" s="109">
        <v>111675077</v>
      </c>
      <c r="MO15" s="110">
        <v>370314804</v>
      </c>
      <c r="MP15" s="130">
        <v>370314804</v>
      </c>
      <c r="MQ15" s="129">
        <v>0</v>
      </c>
      <c r="MR15" s="109">
        <v>0</v>
      </c>
      <c r="MS15" s="110">
        <v>0</v>
      </c>
      <c r="MT15" s="443">
        <v>0</v>
      </c>
      <c r="MU15" s="109">
        <v>1159076</v>
      </c>
      <c r="MV15" s="109">
        <v>1234636</v>
      </c>
      <c r="MW15" s="109">
        <v>57892462</v>
      </c>
      <c r="MX15" s="109">
        <v>100935449</v>
      </c>
      <c r="MY15" s="109">
        <v>85358800</v>
      </c>
      <c r="MZ15" s="110">
        <v>246580423</v>
      </c>
      <c r="NA15" s="130">
        <v>246580423</v>
      </c>
      <c r="NB15" s="129">
        <v>0</v>
      </c>
      <c r="NC15" s="109">
        <v>0</v>
      </c>
      <c r="ND15" s="110">
        <v>0</v>
      </c>
      <c r="NE15" s="443">
        <v>0</v>
      </c>
      <c r="NF15" s="109">
        <v>6832296</v>
      </c>
      <c r="NG15" s="109">
        <v>15365044</v>
      </c>
      <c r="NH15" s="109">
        <v>32669535</v>
      </c>
      <c r="NI15" s="109">
        <v>40952849</v>
      </c>
      <c r="NJ15" s="109">
        <v>24133753</v>
      </c>
      <c r="NK15" s="110">
        <v>119953477</v>
      </c>
      <c r="NL15" s="292">
        <v>119953477</v>
      </c>
      <c r="NM15" s="129">
        <v>0</v>
      </c>
      <c r="NN15" s="109">
        <v>0</v>
      </c>
      <c r="NO15" s="110">
        <v>0</v>
      </c>
      <c r="NP15" s="443">
        <v>0</v>
      </c>
      <c r="NQ15" s="109">
        <v>0</v>
      </c>
      <c r="NR15" s="109">
        <v>0</v>
      </c>
      <c r="NS15" s="109">
        <v>0</v>
      </c>
      <c r="NT15" s="109">
        <v>0</v>
      </c>
      <c r="NU15" s="109">
        <v>0</v>
      </c>
      <c r="NV15" s="110">
        <v>0</v>
      </c>
      <c r="NW15" s="111">
        <v>0</v>
      </c>
      <c r="NX15" s="129">
        <v>0</v>
      </c>
      <c r="NY15" s="109">
        <v>0</v>
      </c>
      <c r="NZ15" s="110">
        <v>0</v>
      </c>
      <c r="OA15" s="443">
        <v>0</v>
      </c>
      <c r="OB15" s="109">
        <v>0</v>
      </c>
      <c r="OC15" s="109">
        <v>306355</v>
      </c>
      <c r="OD15" s="109">
        <v>102649</v>
      </c>
      <c r="OE15" s="109">
        <v>1189376</v>
      </c>
      <c r="OF15" s="109">
        <v>2182524</v>
      </c>
      <c r="OG15" s="110">
        <v>3780904</v>
      </c>
      <c r="OH15" s="111">
        <v>3780904</v>
      </c>
      <c r="OI15" s="129">
        <v>12438186</v>
      </c>
      <c r="OJ15" s="109">
        <v>16799997</v>
      </c>
      <c r="OK15" s="128">
        <v>29238183</v>
      </c>
      <c r="OL15" s="108">
        <v>0</v>
      </c>
      <c r="OM15" s="109">
        <v>196201433</v>
      </c>
      <c r="ON15" s="109">
        <v>211028812</v>
      </c>
      <c r="OO15" s="109">
        <v>305512248</v>
      </c>
      <c r="OP15" s="109">
        <v>355772780</v>
      </c>
      <c r="OQ15" s="109">
        <v>274271627</v>
      </c>
      <c r="OR15" s="110">
        <v>1342786900</v>
      </c>
      <c r="OS15" s="130">
        <v>1372025083</v>
      </c>
    </row>
    <row r="16" spans="1:409" ht="21" customHeight="1" x14ac:dyDescent="0.2">
      <c r="B16" s="437" t="s">
        <v>10</v>
      </c>
      <c r="C16" s="100">
        <v>26832905</v>
      </c>
      <c r="D16" s="104">
        <v>44145709</v>
      </c>
      <c r="E16" s="103">
        <v>70978614</v>
      </c>
      <c r="F16" s="155">
        <v>0</v>
      </c>
      <c r="G16" s="104">
        <v>343695271</v>
      </c>
      <c r="H16" s="104">
        <v>288871248</v>
      </c>
      <c r="I16" s="104">
        <v>264378138</v>
      </c>
      <c r="J16" s="104">
        <v>259773571</v>
      </c>
      <c r="K16" s="104">
        <v>211335112</v>
      </c>
      <c r="L16" s="99">
        <v>1368053340</v>
      </c>
      <c r="M16" s="106">
        <v>1439031954</v>
      </c>
      <c r="N16" s="100">
        <v>6892528</v>
      </c>
      <c r="O16" s="104">
        <v>13479702</v>
      </c>
      <c r="P16" s="103">
        <v>20372230</v>
      </c>
      <c r="Q16" s="100">
        <v>0</v>
      </c>
      <c r="R16" s="104">
        <v>109198101</v>
      </c>
      <c r="S16" s="104">
        <v>95536002</v>
      </c>
      <c r="T16" s="104">
        <v>96380584</v>
      </c>
      <c r="U16" s="104">
        <v>112946260</v>
      </c>
      <c r="V16" s="104">
        <v>117449442</v>
      </c>
      <c r="W16" s="103">
        <v>531510389</v>
      </c>
      <c r="X16" s="106">
        <v>551882619</v>
      </c>
      <c r="Y16" s="100">
        <v>0</v>
      </c>
      <c r="Z16" s="104">
        <v>0</v>
      </c>
      <c r="AA16" s="103">
        <v>0</v>
      </c>
      <c r="AB16" s="100">
        <v>0</v>
      </c>
      <c r="AC16" s="104">
        <v>52469769</v>
      </c>
      <c r="AD16" s="104">
        <v>49581203</v>
      </c>
      <c r="AE16" s="104">
        <v>61602050</v>
      </c>
      <c r="AF16" s="104">
        <v>75169651</v>
      </c>
      <c r="AG16" s="104">
        <v>72055339</v>
      </c>
      <c r="AH16" s="103">
        <v>310878012</v>
      </c>
      <c r="AI16" s="106">
        <v>310878012</v>
      </c>
      <c r="AJ16" s="100">
        <v>0</v>
      </c>
      <c r="AK16" s="104">
        <v>21014</v>
      </c>
      <c r="AL16" s="103">
        <v>21014</v>
      </c>
      <c r="AM16" s="100">
        <v>0</v>
      </c>
      <c r="AN16" s="104">
        <v>339949</v>
      </c>
      <c r="AO16" s="104">
        <v>1554737</v>
      </c>
      <c r="AP16" s="104">
        <v>2279204</v>
      </c>
      <c r="AQ16" s="104">
        <v>5078178</v>
      </c>
      <c r="AR16" s="104">
        <v>11988261</v>
      </c>
      <c r="AS16" s="103">
        <v>21240329</v>
      </c>
      <c r="AT16" s="106">
        <v>21261343</v>
      </c>
      <c r="AU16" s="100">
        <v>4032620</v>
      </c>
      <c r="AV16" s="104">
        <v>8778728</v>
      </c>
      <c r="AW16" s="103">
        <v>12811348</v>
      </c>
      <c r="AX16" s="100">
        <v>0</v>
      </c>
      <c r="AY16" s="104">
        <v>35458334</v>
      </c>
      <c r="AZ16" s="104">
        <v>24944407</v>
      </c>
      <c r="BA16" s="104">
        <v>15818301</v>
      </c>
      <c r="BB16" s="104">
        <v>16471474</v>
      </c>
      <c r="BC16" s="104">
        <v>19223377</v>
      </c>
      <c r="BD16" s="103">
        <v>111915893</v>
      </c>
      <c r="BE16" s="106">
        <v>124727241</v>
      </c>
      <c r="BF16" s="100">
        <v>707508</v>
      </c>
      <c r="BG16" s="104">
        <v>1485066</v>
      </c>
      <c r="BH16" s="102">
        <v>2192574</v>
      </c>
      <c r="BI16" s="101">
        <v>0</v>
      </c>
      <c r="BJ16" s="104">
        <v>3064506</v>
      </c>
      <c r="BK16" s="104">
        <v>3265098</v>
      </c>
      <c r="BL16" s="104">
        <v>2274198</v>
      </c>
      <c r="BM16" s="104">
        <v>1200815</v>
      </c>
      <c r="BN16" s="104">
        <v>1666933</v>
      </c>
      <c r="BO16" s="103">
        <v>11471550</v>
      </c>
      <c r="BP16" s="106">
        <v>13664124</v>
      </c>
      <c r="BQ16" s="100">
        <v>2152400</v>
      </c>
      <c r="BR16" s="104">
        <v>3194894</v>
      </c>
      <c r="BS16" s="103">
        <v>5347294</v>
      </c>
      <c r="BT16" s="100">
        <v>0</v>
      </c>
      <c r="BU16" s="104">
        <v>17865543</v>
      </c>
      <c r="BV16" s="104">
        <v>16190557</v>
      </c>
      <c r="BW16" s="104">
        <v>14406831</v>
      </c>
      <c r="BX16" s="104">
        <v>15026142</v>
      </c>
      <c r="BY16" s="104">
        <v>12515532</v>
      </c>
      <c r="BZ16" s="103">
        <v>76004605</v>
      </c>
      <c r="CA16" s="106">
        <v>81351899</v>
      </c>
      <c r="CB16" s="100">
        <v>1229074</v>
      </c>
      <c r="CC16" s="104">
        <v>4330555</v>
      </c>
      <c r="CD16" s="103">
        <v>5559629</v>
      </c>
      <c r="CE16" s="100">
        <v>0</v>
      </c>
      <c r="CF16" s="104">
        <v>100886238</v>
      </c>
      <c r="CG16" s="104">
        <v>77169689</v>
      </c>
      <c r="CH16" s="104">
        <v>56783713</v>
      </c>
      <c r="CI16" s="104">
        <v>37569863</v>
      </c>
      <c r="CJ16" s="104">
        <v>18693734</v>
      </c>
      <c r="CK16" s="103">
        <v>291103237</v>
      </c>
      <c r="CL16" s="106">
        <v>296662866</v>
      </c>
      <c r="CM16" s="100">
        <v>0</v>
      </c>
      <c r="CN16" s="104">
        <v>0</v>
      </c>
      <c r="CO16" s="103">
        <v>0</v>
      </c>
      <c r="CP16" s="101">
        <v>0</v>
      </c>
      <c r="CQ16" s="104">
        <v>86104536</v>
      </c>
      <c r="CR16" s="104">
        <v>63959703</v>
      </c>
      <c r="CS16" s="104">
        <v>49036169</v>
      </c>
      <c r="CT16" s="104">
        <v>31623244</v>
      </c>
      <c r="CU16" s="104">
        <v>15926305</v>
      </c>
      <c r="CV16" s="103">
        <v>246649957</v>
      </c>
      <c r="CW16" s="106">
        <v>246649957</v>
      </c>
      <c r="CX16" s="100">
        <v>1229074</v>
      </c>
      <c r="CY16" s="104">
        <v>4330555</v>
      </c>
      <c r="CZ16" s="103">
        <v>5559629</v>
      </c>
      <c r="DA16" s="100">
        <v>0</v>
      </c>
      <c r="DB16" s="104">
        <v>14781702</v>
      </c>
      <c r="DC16" s="104">
        <v>13209986</v>
      </c>
      <c r="DD16" s="104">
        <v>7747544</v>
      </c>
      <c r="DE16" s="104">
        <v>5946619</v>
      </c>
      <c r="DF16" s="104">
        <v>2767429</v>
      </c>
      <c r="DG16" s="103">
        <v>44453280</v>
      </c>
      <c r="DH16" s="106">
        <v>50012909</v>
      </c>
      <c r="DI16" s="100">
        <v>140188</v>
      </c>
      <c r="DJ16" s="104">
        <v>936127</v>
      </c>
      <c r="DK16" s="102">
        <v>1076315</v>
      </c>
      <c r="DL16" s="101">
        <v>0</v>
      </c>
      <c r="DM16" s="104">
        <v>11409099</v>
      </c>
      <c r="DN16" s="104">
        <v>14474885</v>
      </c>
      <c r="DO16" s="104">
        <v>22777280</v>
      </c>
      <c r="DP16" s="104">
        <v>20324793</v>
      </c>
      <c r="DQ16" s="104">
        <v>11819720</v>
      </c>
      <c r="DR16" s="103">
        <v>80805777</v>
      </c>
      <c r="DS16" s="106">
        <v>81882092</v>
      </c>
      <c r="DT16" s="100">
        <v>140188</v>
      </c>
      <c r="DU16" s="104">
        <v>819375</v>
      </c>
      <c r="DV16" s="103">
        <v>959563</v>
      </c>
      <c r="DW16" s="100">
        <v>0</v>
      </c>
      <c r="DX16" s="104">
        <v>10694097</v>
      </c>
      <c r="DY16" s="104">
        <v>13683926</v>
      </c>
      <c r="DZ16" s="104">
        <v>21552942</v>
      </c>
      <c r="EA16" s="104">
        <v>19084138</v>
      </c>
      <c r="EB16" s="104">
        <v>10898453</v>
      </c>
      <c r="EC16" s="103">
        <v>75913556</v>
      </c>
      <c r="ED16" s="106">
        <v>76873119</v>
      </c>
      <c r="EE16" s="100">
        <v>0</v>
      </c>
      <c r="EF16" s="102">
        <v>116752</v>
      </c>
      <c r="EG16" s="103">
        <v>116752</v>
      </c>
      <c r="EH16" s="100">
        <v>0</v>
      </c>
      <c r="EI16" s="104">
        <v>715002</v>
      </c>
      <c r="EJ16" s="104">
        <v>790959</v>
      </c>
      <c r="EK16" s="104">
        <v>1224338</v>
      </c>
      <c r="EL16" s="104">
        <v>1240655</v>
      </c>
      <c r="EM16" s="104">
        <v>921267</v>
      </c>
      <c r="EN16" s="102">
        <v>4892221</v>
      </c>
      <c r="EO16" s="106">
        <v>5008973</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06">
        <v>0</v>
      </c>
      <c r="FE16" s="104">
        <v>0</v>
      </c>
      <c r="FF16" s="104">
        <v>0</v>
      </c>
      <c r="FG16" s="104">
        <v>0</v>
      </c>
      <c r="FH16" s="104">
        <v>0</v>
      </c>
      <c r="FI16" s="104">
        <v>0</v>
      </c>
      <c r="FJ16" s="103">
        <v>0</v>
      </c>
      <c r="FK16" s="106">
        <v>0</v>
      </c>
      <c r="FL16" s="100">
        <v>8140795</v>
      </c>
      <c r="FM16" s="104">
        <v>10692443</v>
      </c>
      <c r="FN16" s="103">
        <v>18833238</v>
      </c>
      <c r="FO16" s="100">
        <v>0</v>
      </c>
      <c r="FP16" s="104">
        <v>19243259</v>
      </c>
      <c r="FQ16" s="104">
        <v>25469901</v>
      </c>
      <c r="FR16" s="104">
        <v>19352290</v>
      </c>
      <c r="FS16" s="104">
        <v>17358328</v>
      </c>
      <c r="FT16" s="104">
        <v>14978295</v>
      </c>
      <c r="FU16" s="103">
        <v>96402073</v>
      </c>
      <c r="FV16" s="106">
        <v>115235311</v>
      </c>
      <c r="FW16" s="105">
        <v>5112917</v>
      </c>
      <c r="FX16" s="104">
        <v>8936252</v>
      </c>
      <c r="FY16" s="102">
        <v>14049169</v>
      </c>
      <c r="FZ16" s="101">
        <v>0</v>
      </c>
      <c r="GA16" s="104">
        <v>16267153</v>
      </c>
      <c r="GB16" s="104">
        <v>24135239</v>
      </c>
      <c r="GC16" s="104">
        <v>18058658</v>
      </c>
      <c r="GD16" s="104">
        <v>16733901</v>
      </c>
      <c r="GE16" s="104">
        <v>14466627</v>
      </c>
      <c r="GF16" s="103">
        <v>89661578</v>
      </c>
      <c r="GG16" s="290">
        <v>103710747</v>
      </c>
      <c r="GH16" s="105">
        <v>231456</v>
      </c>
      <c r="GI16" s="104">
        <v>250119</v>
      </c>
      <c r="GJ16" s="102">
        <v>481575</v>
      </c>
      <c r="GK16" s="101">
        <v>0</v>
      </c>
      <c r="GL16" s="104">
        <v>1229400</v>
      </c>
      <c r="GM16" s="104">
        <v>547192</v>
      </c>
      <c r="GN16" s="104">
        <v>333012</v>
      </c>
      <c r="GO16" s="104">
        <v>516157</v>
      </c>
      <c r="GP16" s="104">
        <v>193158</v>
      </c>
      <c r="GQ16" s="103">
        <v>2818919</v>
      </c>
      <c r="GR16" s="106">
        <v>3300494</v>
      </c>
      <c r="GS16" s="100">
        <v>2796422</v>
      </c>
      <c r="GT16" s="104">
        <v>1506072</v>
      </c>
      <c r="GU16" s="103">
        <v>4302494</v>
      </c>
      <c r="GV16" s="100">
        <v>0</v>
      </c>
      <c r="GW16" s="104">
        <v>1746706</v>
      </c>
      <c r="GX16" s="104">
        <v>787470</v>
      </c>
      <c r="GY16" s="104">
        <v>960620</v>
      </c>
      <c r="GZ16" s="104">
        <v>108270</v>
      </c>
      <c r="HA16" s="104">
        <v>318510</v>
      </c>
      <c r="HB16" s="102">
        <v>3921576</v>
      </c>
      <c r="HC16" s="106">
        <v>8224070</v>
      </c>
      <c r="HD16" s="100">
        <v>4435892</v>
      </c>
      <c r="HE16" s="104">
        <v>6672994</v>
      </c>
      <c r="HF16" s="102">
        <v>11108886</v>
      </c>
      <c r="HG16" s="101">
        <v>0</v>
      </c>
      <c r="HH16" s="104">
        <v>49550747</v>
      </c>
      <c r="HI16" s="104">
        <v>46150716</v>
      </c>
      <c r="HJ16" s="104">
        <v>47394379</v>
      </c>
      <c r="HK16" s="104">
        <v>55709947</v>
      </c>
      <c r="HL16" s="104">
        <v>37278578</v>
      </c>
      <c r="HM16" s="103">
        <v>236084367</v>
      </c>
      <c r="HN16" s="99">
        <v>247193253</v>
      </c>
      <c r="HO16" s="105">
        <v>5994428</v>
      </c>
      <c r="HP16" s="104">
        <v>8033888</v>
      </c>
      <c r="HQ16" s="103">
        <v>14028316</v>
      </c>
      <c r="HR16" s="100">
        <v>0</v>
      </c>
      <c r="HS16" s="104">
        <v>53407827</v>
      </c>
      <c r="HT16" s="104">
        <v>30070055</v>
      </c>
      <c r="HU16" s="104">
        <v>21689892</v>
      </c>
      <c r="HV16" s="104">
        <v>15864380</v>
      </c>
      <c r="HW16" s="104">
        <v>11115343</v>
      </c>
      <c r="HX16" s="102">
        <v>132147497</v>
      </c>
      <c r="HY16" s="106">
        <v>146175813</v>
      </c>
      <c r="HZ16" s="135">
        <v>633473</v>
      </c>
      <c r="IA16" s="122">
        <v>2311125</v>
      </c>
      <c r="IB16" s="135">
        <v>2944598</v>
      </c>
      <c r="IC16" s="121">
        <v>0</v>
      </c>
      <c r="ID16" s="122">
        <v>74014666</v>
      </c>
      <c r="IE16" s="123">
        <v>80225665</v>
      </c>
      <c r="IF16" s="124">
        <v>83819257</v>
      </c>
      <c r="IG16" s="122">
        <v>80181918</v>
      </c>
      <c r="IH16" s="124">
        <v>69838045</v>
      </c>
      <c r="II16" s="125">
        <v>388079551</v>
      </c>
      <c r="IJ16" s="135">
        <v>391024149</v>
      </c>
      <c r="IK16" s="215">
        <v>0</v>
      </c>
      <c r="IL16" s="219">
        <v>0</v>
      </c>
      <c r="IM16" s="220">
        <v>0</v>
      </c>
      <c r="IN16" s="127">
        <v>0</v>
      </c>
      <c r="IO16" s="109">
        <v>990205</v>
      </c>
      <c r="IP16" s="109">
        <v>2334236</v>
      </c>
      <c r="IQ16" s="109">
        <v>2722832</v>
      </c>
      <c r="IR16" s="109">
        <v>4705039</v>
      </c>
      <c r="IS16" s="109">
        <v>5057144</v>
      </c>
      <c r="IT16" s="128">
        <v>15809456</v>
      </c>
      <c r="IU16" s="292">
        <v>15809456</v>
      </c>
      <c r="IV16" s="129">
        <v>0</v>
      </c>
      <c r="IW16" s="109">
        <v>0</v>
      </c>
      <c r="IX16" s="110">
        <v>0</v>
      </c>
      <c r="IY16" s="443">
        <v>0</v>
      </c>
      <c r="IZ16" s="109">
        <v>188891</v>
      </c>
      <c r="JA16" s="109">
        <v>69905</v>
      </c>
      <c r="JB16" s="109">
        <v>89225</v>
      </c>
      <c r="JC16" s="109">
        <v>326565</v>
      </c>
      <c r="JD16" s="109">
        <v>224956</v>
      </c>
      <c r="JE16" s="110">
        <v>899542</v>
      </c>
      <c r="JF16" s="111">
        <v>899542</v>
      </c>
      <c r="JG16" s="129">
        <v>0</v>
      </c>
      <c r="JH16" s="109">
        <v>0</v>
      </c>
      <c r="JI16" s="128">
        <v>0</v>
      </c>
      <c r="JJ16" s="108">
        <v>0</v>
      </c>
      <c r="JK16" s="109">
        <v>25028021</v>
      </c>
      <c r="JL16" s="109">
        <v>16162157</v>
      </c>
      <c r="JM16" s="109">
        <v>11848496</v>
      </c>
      <c r="JN16" s="109">
        <v>6212012</v>
      </c>
      <c r="JO16" s="109">
        <v>2805766</v>
      </c>
      <c r="JP16" s="110">
        <v>62056452</v>
      </c>
      <c r="JQ16" s="292">
        <v>62056452</v>
      </c>
      <c r="JR16" s="129">
        <v>0</v>
      </c>
      <c r="JS16" s="109">
        <v>34681</v>
      </c>
      <c r="JT16" s="128">
        <v>34681</v>
      </c>
      <c r="JU16" s="108">
        <v>0</v>
      </c>
      <c r="JV16" s="109">
        <v>312228</v>
      </c>
      <c r="JW16" s="109">
        <v>1144939</v>
      </c>
      <c r="JX16" s="109">
        <v>3486271</v>
      </c>
      <c r="JY16" s="109">
        <v>1422486</v>
      </c>
      <c r="JZ16" s="109">
        <v>1702264</v>
      </c>
      <c r="KA16" s="110">
        <v>8068188</v>
      </c>
      <c r="KB16" s="292">
        <v>8102869</v>
      </c>
      <c r="KC16" s="217">
        <v>633473</v>
      </c>
      <c r="KD16" s="213">
        <v>1510479</v>
      </c>
      <c r="KE16" s="110">
        <v>2143952</v>
      </c>
      <c r="KF16" s="108">
        <v>0</v>
      </c>
      <c r="KG16" s="109">
        <v>12667171</v>
      </c>
      <c r="KH16" s="109">
        <v>14061749</v>
      </c>
      <c r="KI16" s="109">
        <v>18426338</v>
      </c>
      <c r="KJ16" s="109">
        <v>14367444</v>
      </c>
      <c r="KK16" s="109">
        <v>12761228</v>
      </c>
      <c r="KL16" s="110">
        <v>72283930</v>
      </c>
      <c r="KM16" s="130">
        <v>74427882</v>
      </c>
      <c r="KN16" s="215">
        <v>0</v>
      </c>
      <c r="KO16" s="219">
        <v>765965</v>
      </c>
      <c r="KP16" s="220">
        <v>765965</v>
      </c>
      <c r="KQ16" s="443">
        <v>0</v>
      </c>
      <c r="KR16" s="109">
        <v>24974183</v>
      </c>
      <c r="KS16" s="109">
        <v>33391764</v>
      </c>
      <c r="KT16" s="109">
        <v>31585308</v>
      </c>
      <c r="KU16" s="109">
        <v>26853324</v>
      </c>
      <c r="KV16" s="109">
        <v>22947830</v>
      </c>
      <c r="KW16" s="110">
        <v>139752409</v>
      </c>
      <c r="KX16" s="292">
        <v>140518374</v>
      </c>
      <c r="KY16" s="129">
        <v>0</v>
      </c>
      <c r="KZ16" s="109">
        <v>0</v>
      </c>
      <c r="LA16" s="110">
        <v>0</v>
      </c>
      <c r="LB16" s="443">
        <v>0</v>
      </c>
      <c r="LC16" s="109">
        <v>6224508</v>
      </c>
      <c r="LD16" s="109">
        <v>4177394</v>
      </c>
      <c r="LE16" s="109">
        <v>5828747</v>
      </c>
      <c r="LF16" s="109">
        <v>6655103</v>
      </c>
      <c r="LG16" s="109">
        <v>8270965</v>
      </c>
      <c r="LH16" s="110">
        <v>31156717</v>
      </c>
      <c r="LI16" s="111">
        <v>31156717</v>
      </c>
      <c r="LJ16" s="129">
        <v>0</v>
      </c>
      <c r="LK16" s="109">
        <v>0</v>
      </c>
      <c r="LL16" s="110">
        <v>0</v>
      </c>
      <c r="LM16" s="443">
        <v>0</v>
      </c>
      <c r="LN16" s="109">
        <v>0</v>
      </c>
      <c r="LO16" s="109">
        <v>212983</v>
      </c>
      <c r="LP16" s="109">
        <v>1024764</v>
      </c>
      <c r="LQ16" s="109">
        <v>4844664</v>
      </c>
      <c r="LR16" s="109">
        <v>6712106</v>
      </c>
      <c r="LS16" s="110">
        <v>12794517</v>
      </c>
      <c r="LT16" s="292">
        <v>12794517</v>
      </c>
      <c r="LU16" s="129">
        <v>0</v>
      </c>
      <c r="LV16" s="109">
        <v>0</v>
      </c>
      <c r="LW16" s="110">
        <v>0</v>
      </c>
      <c r="LX16" s="443">
        <v>0</v>
      </c>
      <c r="LY16" s="109">
        <v>3629459</v>
      </c>
      <c r="LZ16" s="109">
        <v>8670538</v>
      </c>
      <c r="MA16" s="109">
        <v>8807276</v>
      </c>
      <c r="MB16" s="109">
        <v>14795281</v>
      </c>
      <c r="MC16" s="109">
        <v>9355786</v>
      </c>
      <c r="MD16" s="110">
        <v>45258340</v>
      </c>
      <c r="ME16" s="111">
        <v>45258340</v>
      </c>
      <c r="MF16" s="129">
        <v>0</v>
      </c>
      <c r="MG16" s="109">
        <v>0</v>
      </c>
      <c r="MH16" s="110">
        <v>0</v>
      </c>
      <c r="MI16" s="443">
        <v>0</v>
      </c>
      <c r="MJ16" s="109">
        <v>28046812</v>
      </c>
      <c r="MK16" s="109">
        <v>44428045</v>
      </c>
      <c r="ML16" s="109">
        <v>127157728</v>
      </c>
      <c r="MM16" s="109">
        <v>221783122</v>
      </c>
      <c r="MN16" s="109">
        <v>187886932</v>
      </c>
      <c r="MO16" s="110">
        <v>609302639</v>
      </c>
      <c r="MP16" s="130">
        <v>609302639</v>
      </c>
      <c r="MQ16" s="129">
        <v>0</v>
      </c>
      <c r="MR16" s="109">
        <v>0</v>
      </c>
      <c r="MS16" s="110">
        <v>0</v>
      </c>
      <c r="MT16" s="443">
        <v>0</v>
      </c>
      <c r="MU16" s="109">
        <v>3472443</v>
      </c>
      <c r="MV16" s="109">
        <v>11788357</v>
      </c>
      <c r="MW16" s="109">
        <v>85604671</v>
      </c>
      <c r="MX16" s="109">
        <v>162410933</v>
      </c>
      <c r="MY16" s="109">
        <v>137768012</v>
      </c>
      <c r="MZ16" s="110">
        <v>401044416</v>
      </c>
      <c r="NA16" s="130">
        <v>401044416</v>
      </c>
      <c r="NB16" s="129">
        <v>0</v>
      </c>
      <c r="NC16" s="109">
        <v>0</v>
      </c>
      <c r="ND16" s="110">
        <v>0</v>
      </c>
      <c r="NE16" s="443">
        <v>0</v>
      </c>
      <c r="NF16" s="109">
        <v>24574369</v>
      </c>
      <c r="NG16" s="109">
        <v>32639688</v>
      </c>
      <c r="NH16" s="109">
        <v>41553057</v>
      </c>
      <c r="NI16" s="109">
        <v>58000392</v>
      </c>
      <c r="NJ16" s="109">
        <v>38125700</v>
      </c>
      <c r="NK16" s="110">
        <v>194893206</v>
      </c>
      <c r="NL16" s="292">
        <v>194893206</v>
      </c>
      <c r="NM16" s="129">
        <v>0</v>
      </c>
      <c r="NN16" s="109">
        <v>0</v>
      </c>
      <c r="NO16" s="110">
        <v>0</v>
      </c>
      <c r="NP16" s="443">
        <v>0</v>
      </c>
      <c r="NQ16" s="109">
        <v>0</v>
      </c>
      <c r="NR16" s="109">
        <v>0</v>
      </c>
      <c r="NS16" s="109">
        <v>0</v>
      </c>
      <c r="NT16" s="109">
        <v>0</v>
      </c>
      <c r="NU16" s="109">
        <v>350051</v>
      </c>
      <c r="NV16" s="110">
        <v>350051</v>
      </c>
      <c r="NW16" s="111">
        <v>350051</v>
      </c>
      <c r="NX16" s="129">
        <v>0</v>
      </c>
      <c r="NY16" s="109">
        <v>0</v>
      </c>
      <c r="NZ16" s="110">
        <v>0</v>
      </c>
      <c r="OA16" s="443">
        <v>0</v>
      </c>
      <c r="OB16" s="109">
        <v>0</v>
      </c>
      <c r="OC16" s="109">
        <v>0</v>
      </c>
      <c r="OD16" s="109">
        <v>0</v>
      </c>
      <c r="OE16" s="109">
        <v>1371797</v>
      </c>
      <c r="OF16" s="109">
        <v>11643169</v>
      </c>
      <c r="OG16" s="110">
        <v>13014966</v>
      </c>
      <c r="OH16" s="111">
        <v>13014966</v>
      </c>
      <c r="OI16" s="129">
        <v>27466378</v>
      </c>
      <c r="OJ16" s="109">
        <v>46456834</v>
      </c>
      <c r="OK16" s="128">
        <v>73923212</v>
      </c>
      <c r="OL16" s="108">
        <v>0</v>
      </c>
      <c r="OM16" s="109">
        <v>445756749</v>
      </c>
      <c r="ON16" s="109">
        <v>413524958</v>
      </c>
      <c r="OO16" s="109">
        <v>475355123</v>
      </c>
      <c r="OP16" s="109">
        <v>561738611</v>
      </c>
      <c r="OQ16" s="109">
        <v>469060089</v>
      </c>
      <c r="OR16" s="110">
        <v>2365435530</v>
      </c>
      <c r="OS16" s="130">
        <v>2439358742</v>
      </c>
    </row>
    <row r="17" spans="2:409" ht="21" customHeight="1" x14ac:dyDescent="0.2">
      <c r="B17" s="437" t="s">
        <v>11</v>
      </c>
      <c r="C17" s="100">
        <v>12261101</v>
      </c>
      <c r="D17" s="104">
        <v>16147714</v>
      </c>
      <c r="E17" s="154">
        <v>28408815</v>
      </c>
      <c r="F17" s="101">
        <v>0</v>
      </c>
      <c r="G17" s="104">
        <v>160873896</v>
      </c>
      <c r="H17" s="104">
        <v>143765723</v>
      </c>
      <c r="I17" s="104">
        <v>141311948</v>
      </c>
      <c r="J17" s="104">
        <v>154410841</v>
      </c>
      <c r="K17" s="104">
        <v>94352014</v>
      </c>
      <c r="L17" s="99">
        <v>694714422</v>
      </c>
      <c r="M17" s="106">
        <v>723123237</v>
      </c>
      <c r="N17" s="100">
        <v>1676610</v>
      </c>
      <c r="O17" s="104">
        <v>2596805</v>
      </c>
      <c r="P17" s="103">
        <v>4273415</v>
      </c>
      <c r="Q17" s="100">
        <v>0</v>
      </c>
      <c r="R17" s="104">
        <v>39186771</v>
      </c>
      <c r="S17" s="104">
        <v>40727967</v>
      </c>
      <c r="T17" s="104">
        <v>43606723</v>
      </c>
      <c r="U17" s="104">
        <v>54515090</v>
      </c>
      <c r="V17" s="104">
        <v>48149322</v>
      </c>
      <c r="W17" s="103">
        <v>226185873</v>
      </c>
      <c r="X17" s="106">
        <v>230459288</v>
      </c>
      <c r="Y17" s="100">
        <v>0</v>
      </c>
      <c r="Z17" s="104">
        <v>0</v>
      </c>
      <c r="AA17" s="103">
        <v>0</v>
      </c>
      <c r="AB17" s="100">
        <v>0</v>
      </c>
      <c r="AC17" s="104">
        <v>19028661</v>
      </c>
      <c r="AD17" s="104">
        <v>23036400</v>
      </c>
      <c r="AE17" s="104">
        <v>25558708</v>
      </c>
      <c r="AF17" s="104">
        <v>31898148</v>
      </c>
      <c r="AG17" s="104">
        <v>31426455</v>
      </c>
      <c r="AH17" s="103">
        <v>130948372</v>
      </c>
      <c r="AI17" s="106">
        <v>130948372</v>
      </c>
      <c r="AJ17" s="100">
        <v>0</v>
      </c>
      <c r="AK17" s="104">
        <v>0</v>
      </c>
      <c r="AL17" s="103">
        <v>0</v>
      </c>
      <c r="AM17" s="100">
        <v>0</v>
      </c>
      <c r="AN17" s="104">
        <v>206478</v>
      </c>
      <c r="AO17" s="104">
        <v>437564</v>
      </c>
      <c r="AP17" s="104">
        <v>1373205</v>
      </c>
      <c r="AQ17" s="104">
        <v>4139803</v>
      </c>
      <c r="AR17" s="104">
        <v>4220284</v>
      </c>
      <c r="AS17" s="103">
        <v>10377334</v>
      </c>
      <c r="AT17" s="106">
        <v>10377334</v>
      </c>
      <c r="AU17" s="100">
        <v>1069223</v>
      </c>
      <c r="AV17" s="104">
        <v>1939270</v>
      </c>
      <c r="AW17" s="103">
        <v>3008493</v>
      </c>
      <c r="AX17" s="100">
        <v>0</v>
      </c>
      <c r="AY17" s="104">
        <v>13316309</v>
      </c>
      <c r="AZ17" s="104">
        <v>10252285</v>
      </c>
      <c r="BA17" s="104">
        <v>9815606</v>
      </c>
      <c r="BB17" s="104">
        <v>11123350</v>
      </c>
      <c r="BC17" s="104">
        <v>8271860</v>
      </c>
      <c r="BD17" s="103">
        <v>52779410</v>
      </c>
      <c r="BE17" s="106">
        <v>55787903</v>
      </c>
      <c r="BF17" s="100">
        <v>94819</v>
      </c>
      <c r="BG17" s="104">
        <v>193510</v>
      </c>
      <c r="BH17" s="102">
        <v>288329</v>
      </c>
      <c r="BI17" s="101">
        <v>0</v>
      </c>
      <c r="BJ17" s="104">
        <v>1061982</v>
      </c>
      <c r="BK17" s="104">
        <v>785781</v>
      </c>
      <c r="BL17" s="104">
        <v>1100604</v>
      </c>
      <c r="BM17" s="104">
        <v>984257</v>
      </c>
      <c r="BN17" s="104">
        <v>290114</v>
      </c>
      <c r="BO17" s="103">
        <v>4222738</v>
      </c>
      <c r="BP17" s="106">
        <v>4511067</v>
      </c>
      <c r="BQ17" s="100">
        <v>512568</v>
      </c>
      <c r="BR17" s="104">
        <v>464025</v>
      </c>
      <c r="BS17" s="103">
        <v>976593</v>
      </c>
      <c r="BT17" s="100">
        <v>0</v>
      </c>
      <c r="BU17" s="104">
        <v>5573341</v>
      </c>
      <c r="BV17" s="104">
        <v>6215937</v>
      </c>
      <c r="BW17" s="104">
        <v>5758600</v>
      </c>
      <c r="BX17" s="104">
        <v>6369532</v>
      </c>
      <c r="BY17" s="104">
        <v>3940609</v>
      </c>
      <c r="BZ17" s="103">
        <v>27858019</v>
      </c>
      <c r="CA17" s="106">
        <v>28834612</v>
      </c>
      <c r="CB17" s="100">
        <v>2754279</v>
      </c>
      <c r="CC17" s="104">
        <v>3767828</v>
      </c>
      <c r="CD17" s="103">
        <v>6522107</v>
      </c>
      <c r="CE17" s="100">
        <v>0</v>
      </c>
      <c r="CF17" s="104">
        <v>49734694</v>
      </c>
      <c r="CG17" s="104">
        <v>40692407</v>
      </c>
      <c r="CH17" s="104">
        <v>34780664</v>
      </c>
      <c r="CI17" s="104">
        <v>29396159</v>
      </c>
      <c r="CJ17" s="104">
        <v>12759605</v>
      </c>
      <c r="CK17" s="103">
        <v>167363529</v>
      </c>
      <c r="CL17" s="106">
        <v>173885636</v>
      </c>
      <c r="CM17" s="100">
        <v>0</v>
      </c>
      <c r="CN17" s="104">
        <v>0</v>
      </c>
      <c r="CO17" s="103">
        <v>0</v>
      </c>
      <c r="CP17" s="101">
        <v>0</v>
      </c>
      <c r="CQ17" s="104">
        <v>39833267</v>
      </c>
      <c r="CR17" s="104">
        <v>31740140</v>
      </c>
      <c r="CS17" s="104">
        <v>28080967</v>
      </c>
      <c r="CT17" s="104">
        <v>23136135</v>
      </c>
      <c r="CU17" s="104">
        <v>10649239</v>
      </c>
      <c r="CV17" s="103">
        <v>133439748</v>
      </c>
      <c r="CW17" s="106">
        <v>133439748</v>
      </c>
      <c r="CX17" s="100">
        <v>2754279</v>
      </c>
      <c r="CY17" s="104">
        <v>3767828</v>
      </c>
      <c r="CZ17" s="103">
        <v>6522107</v>
      </c>
      <c r="DA17" s="100">
        <v>0</v>
      </c>
      <c r="DB17" s="104">
        <v>9901427</v>
      </c>
      <c r="DC17" s="104">
        <v>8952267</v>
      </c>
      <c r="DD17" s="104">
        <v>6699697</v>
      </c>
      <c r="DE17" s="104">
        <v>6260024</v>
      </c>
      <c r="DF17" s="104">
        <v>2110366</v>
      </c>
      <c r="DG17" s="103">
        <v>33923781</v>
      </c>
      <c r="DH17" s="106">
        <v>40445888</v>
      </c>
      <c r="DI17" s="100">
        <v>164267</v>
      </c>
      <c r="DJ17" s="104">
        <v>490870</v>
      </c>
      <c r="DK17" s="102">
        <v>655137</v>
      </c>
      <c r="DL17" s="101">
        <v>0</v>
      </c>
      <c r="DM17" s="104">
        <v>5795087</v>
      </c>
      <c r="DN17" s="104">
        <v>5647641</v>
      </c>
      <c r="DO17" s="104">
        <v>13688421</v>
      </c>
      <c r="DP17" s="104">
        <v>10721667</v>
      </c>
      <c r="DQ17" s="104">
        <v>5011950</v>
      </c>
      <c r="DR17" s="103">
        <v>40864766</v>
      </c>
      <c r="DS17" s="106">
        <v>41519903</v>
      </c>
      <c r="DT17" s="100">
        <v>164267</v>
      </c>
      <c r="DU17" s="104">
        <v>399238</v>
      </c>
      <c r="DV17" s="103">
        <v>563505</v>
      </c>
      <c r="DW17" s="100">
        <v>0</v>
      </c>
      <c r="DX17" s="104">
        <v>5475473</v>
      </c>
      <c r="DY17" s="104">
        <v>4998130</v>
      </c>
      <c r="DZ17" s="104">
        <v>13184944</v>
      </c>
      <c r="EA17" s="104">
        <v>10228759</v>
      </c>
      <c r="EB17" s="104">
        <v>4365699</v>
      </c>
      <c r="EC17" s="103">
        <v>38253005</v>
      </c>
      <c r="ED17" s="106">
        <v>38816510</v>
      </c>
      <c r="EE17" s="100">
        <v>0</v>
      </c>
      <c r="EF17" s="102">
        <v>91632</v>
      </c>
      <c r="EG17" s="103">
        <v>91632</v>
      </c>
      <c r="EH17" s="100">
        <v>0</v>
      </c>
      <c r="EI17" s="104">
        <v>319614</v>
      </c>
      <c r="EJ17" s="104">
        <v>649511</v>
      </c>
      <c r="EK17" s="104">
        <v>503477</v>
      </c>
      <c r="EL17" s="104">
        <v>492908</v>
      </c>
      <c r="EM17" s="104">
        <v>646251</v>
      </c>
      <c r="EN17" s="102">
        <v>2611761</v>
      </c>
      <c r="EO17" s="106">
        <v>2703393</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06">
        <v>0</v>
      </c>
      <c r="FE17" s="104">
        <v>0</v>
      </c>
      <c r="FF17" s="104">
        <v>0</v>
      </c>
      <c r="FG17" s="104">
        <v>0</v>
      </c>
      <c r="FH17" s="104">
        <v>0</v>
      </c>
      <c r="FI17" s="104">
        <v>0</v>
      </c>
      <c r="FJ17" s="103">
        <v>0</v>
      </c>
      <c r="FK17" s="106">
        <v>0</v>
      </c>
      <c r="FL17" s="100">
        <v>2803843</v>
      </c>
      <c r="FM17" s="104">
        <v>4003218</v>
      </c>
      <c r="FN17" s="103">
        <v>6807061</v>
      </c>
      <c r="FO17" s="100">
        <v>0</v>
      </c>
      <c r="FP17" s="104">
        <v>8025492</v>
      </c>
      <c r="FQ17" s="104">
        <v>12500585</v>
      </c>
      <c r="FR17" s="104">
        <v>11066473</v>
      </c>
      <c r="FS17" s="104">
        <v>11815231</v>
      </c>
      <c r="FT17" s="104">
        <v>6329240</v>
      </c>
      <c r="FU17" s="103">
        <v>49737021</v>
      </c>
      <c r="FV17" s="106">
        <v>56544082</v>
      </c>
      <c r="FW17" s="105">
        <v>1984105</v>
      </c>
      <c r="FX17" s="104">
        <v>3031056</v>
      </c>
      <c r="FY17" s="102">
        <v>5015161</v>
      </c>
      <c r="FZ17" s="101">
        <v>0</v>
      </c>
      <c r="GA17" s="104">
        <v>6670109</v>
      </c>
      <c r="GB17" s="104">
        <v>11735275</v>
      </c>
      <c r="GC17" s="104">
        <v>10139158</v>
      </c>
      <c r="GD17" s="104">
        <v>10856814</v>
      </c>
      <c r="GE17" s="104">
        <v>6302734</v>
      </c>
      <c r="GF17" s="103">
        <v>45704090</v>
      </c>
      <c r="GG17" s="290">
        <v>50719251</v>
      </c>
      <c r="GH17" s="105">
        <v>135828</v>
      </c>
      <c r="GI17" s="104">
        <v>156168</v>
      </c>
      <c r="GJ17" s="102">
        <v>291996</v>
      </c>
      <c r="GK17" s="101">
        <v>0</v>
      </c>
      <c r="GL17" s="104">
        <v>337009</v>
      </c>
      <c r="GM17" s="104">
        <v>415016</v>
      </c>
      <c r="GN17" s="104">
        <v>205092</v>
      </c>
      <c r="GO17" s="104">
        <v>362672</v>
      </c>
      <c r="GP17" s="104">
        <v>26506</v>
      </c>
      <c r="GQ17" s="103">
        <v>1346295</v>
      </c>
      <c r="GR17" s="106">
        <v>1638291</v>
      </c>
      <c r="GS17" s="100">
        <v>683910</v>
      </c>
      <c r="GT17" s="104">
        <v>815994</v>
      </c>
      <c r="GU17" s="103">
        <v>1499904</v>
      </c>
      <c r="GV17" s="100">
        <v>0</v>
      </c>
      <c r="GW17" s="104">
        <v>1018374</v>
      </c>
      <c r="GX17" s="104">
        <v>350294</v>
      </c>
      <c r="GY17" s="104">
        <v>722223</v>
      </c>
      <c r="GZ17" s="104">
        <v>595745</v>
      </c>
      <c r="HA17" s="104">
        <v>0</v>
      </c>
      <c r="HB17" s="102">
        <v>2686636</v>
      </c>
      <c r="HC17" s="106">
        <v>4186540</v>
      </c>
      <c r="HD17" s="100">
        <v>2253461</v>
      </c>
      <c r="HE17" s="104">
        <v>2335597</v>
      </c>
      <c r="HF17" s="102">
        <v>4589058</v>
      </c>
      <c r="HG17" s="101">
        <v>0</v>
      </c>
      <c r="HH17" s="104">
        <v>30115550</v>
      </c>
      <c r="HI17" s="104">
        <v>27335229</v>
      </c>
      <c r="HJ17" s="104">
        <v>24164644</v>
      </c>
      <c r="HK17" s="104">
        <v>36749017</v>
      </c>
      <c r="HL17" s="104">
        <v>16644475</v>
      </c>
      <c r="HM17" s="103">
        <v>135008915</v>
      </c>
      <c r="HN17" s="99">
        <v>139597973</v>
      </c>
      <c r="HO17" s="105">
        <v>2608641</v>
      </c>
      <c r="HP17" s="104">
        <v>2953396</v>
      </c>
      <c r="HQ17" s="103">
        <v>5562037</v>
      </c>
      <c r="HR17" s="100">
        <v>0</v>
      </c>
      <c r="HS17" s="104">
        <v>28016302</v>
      </c>
      <c r="HT17" s="104">
        <v>16861894</v>
      </c>
      <c r="HU17" s="104">
        <v>14005023</v>
      </c>
      <c r="HV17" s="104">
        <v>11213677</v>
      </c>
      <c r="HW17" s="104">
        <v>5457422</v>
      </c>
      <c r="HX17" s="102">
        <v>75554318</v>
      </c>
      <c r="HY17" s="106">
        <v>81116355</v>
      </c>
      <c r="HZ17" s="118">
        <v>52630</v>
      </c>
      <c r="IA17" s="119">
        <v>1430176</v>
      </c>
      <c r="IB17" s="120">
        <v>1482806</v>
      </c>
      <c r="IC17" s="131">
        <v>0</v>
      </c>
      <c r="ID17" s="119">
        <v>54024010</v>
      </c>
      <c r="IE17" s="132">
        <v>50806048</v>
      </c>
      <c r="IF17" s="120">
        <v>55132547</v>
      </c>
      <c r="IG17" s="119">
        <v>36436640</v>
      </c>
      <c r="IH17" s="120">
        <v>18054105</v>
      </c>
      <c r="II17" s="133">
        <v>214453350</v>
      </c>
      <c r="IJ17" s="126">
        <v>215936156</v>
      </c>
      <c r="IK17" s="215">
        <v>0</v>
      </c>
      <c r="IL17" s="219">
        <v>0</v>
      </c>
      <c r="IM17" s="220">
        <v>0</v>
      </c>
      <c r="IN17" s="127">
        <v>0</v>
      </c>
      <c r="IO17" s="109">
        <v>715807</v>
      </c>
      <c r="IP17" s="109">
        <v>761247</v>
      </c>
      <c r="IQ17" s="109">
        <v>480662</v>
      </c>
      <c r="IR17" s="109">
        <v>945218</v>
      </c>
      <c r="IS17" s="109">
        <v>1063263</v>
      </c>
      <c r="IT17" s="128">
        <v>3966197</v>
      </c>
      <c r="IU17" s="292">
        <v>3966197</v>
      </c>
      <c r="IV17" s="129">
        <v>0</v>
      </c>
      <c r="IW17" s="109">
        <v>0</v>
      </c>
      <c r="IX17" s="110">
        <v>0</v>
      </c>
      <c r="IY17" s="443">
        <v>0</v>
      </c>
      <c r="IZ17" s="109">
        <v>242025</v>
      </c>
      <c r="JA17" s="109">
        <v>265954</v>
      </c>
      <c r="JB17" s="109">
        <v>227292</v>
      </c>
      <c r="JC17" s="109">
        <v>368498</v>
      </c>
      <c r="JD17" s="109">
        <v>207771</v>
      </c>
      <c r="JE17" s="110">
        <v>1311540</v>
      </c>
      <c r="JF17" s="111">
        <v>1311540</v>
      </c>
      <c r="JG17" s="129">
        <v>0</v>
      </c>
      <c r="JH17" s="109">
        <v>0</v>
      </c>
      <c r="JI17" s="128">
        <v>0</v>
      </c>
      <c r="JJ17" s="108">
        <v>0</v>
      </c>
      <c r="JK17" s="109">
        <v>28803476</v>
      </c>
      <c r="JL17" s="109">
        <v>20460249</v>
      </c>
      <c r="JM17" s="109">
        <v>16953153</v>
      </c>
      <c r="JN17" s="109">
        <v>10528729</v>
      </c>
      <c r="JO17" s="109">
        <v>5882473</v>
      </c>
      <c r="JP17" s="110">
        <v>82628080</v>
      </c>
      <c r="JQ17" s="292">
        <v>82628080</v>
      </c>
      <c r="JR17" s="129">
        <v>0</v>
      </c>
      <c r="JS17" s="109">
        <v>0</v>
      </c>
      <c r="JT17" s="128">
        <v>0</v>
      </c>
      <c r="JU17" s="108">
        <v>0</v>
      </c>
      <c r="JV17" s="109">
        <v>1396443</v>
      </c>
      <c r="JW17" s="109">
        <v>1484742</v>
      </c>
      <c r="JX17" s="109">
        <v>1918485</v>
      </c>
      <c r="JY17" s="109">
        <v>183024</v>
      </c>
      <c r="JZ17" s="109">
        <v>127279</v>
      </c>
      <c r="KA17" s="110">
        <v>5109973</v>
      </c>
      <c r="KB17" s="292">
        <v>5109973</v>
      </c>
      <c r="KC17" s="217">
        <v>52630</v>
      </c>
      <c r="KD17" s="213">
        <v>416063</v>
      </c>
      <c r="KE17" s="110">
        <v>468693</v>
      </c>
      <c r="KF17" s="108">
        <v>0</v>
      </c>
      <c r="KG17" s="109">
        <v>5869125</v>
      </c>
      <c r="KH17" s="109">
        <v>6025396</v>
      </c>
      <c r="KI17" s="109">
        <v>9267769</v>
      </c>
      <c r="KJ17" s="109">
        <v>5898082</v>
      </c>
      <c r="KK17" s="109">
        <v>2431670</v>
      </c>
      <c r="KL17" s="110">
        <v>29492042</v>
      </c>
      <c r="KM17" s="130">
        <v>29960735</v>
      </c>
      <c r="KN17" s="215">
        <v>0</v>
      </c>
      <c r="KO17" s="219">
        <v>1014113</v>
      </c>
      <c r="KP17" s="220">
        <v>1014113</v>
      </c>
      <c r="KQ17" s="443">
        <v>0</v>
      </c>
      <c r="KR17" s="109">
        <v>15698255</v>
      </c>
      <c r="KS17" s="109">
        <v>20645728</v>
      </c>
      <c r="KT17" s="109">
        <v>25461413</v>
      </c>
      <c r="KU17" s="109">
        <v>15554122</v>
      </c>
      <c r="KV17" s="109">
        <v>7488099</v>
      </c>
      <c r="KW17" s="110">
        <v>84847617</v>
      </c>
      <c r="KX17" s="292">
        <v>85861730</v>
      </c>
      <c r="KY17" s="129">
        <v>0</v>
      </c>
      <c r="KZ17" s="109">
        <v>0</v>
      </c>
      <c r="LA17" s="110">
        <v>0</v>
      </c>
      <c r="LB17" s="443">
        <v>0</v>
      </c>
      <c r="LC17" s="109">
        <v>0</v>
      </c>
      <c r="LD17" s="109">
        <v>0</v>
      </c>
      <c r="LE17" s="109">
        <v>0</v>
      </c>
      <c r="LF17" s="109">
        <v>0</v>
      </c>
      <c r="LG17" s="109">
        <v>0</v>
      </c>
      <c r="LH17" s="110">
        <v>0</v>
      </c>
      <c r="LI17" s="111">
        <v>0</v>
      </c>
      <c r="LJ17" s="129">
        <v>0</v>
      </c>
      <c r="LK17" s="109">
        <v>0</v>
      </c>
      <c r="LL17" s="110">
        <v>0</v>
      </c>
      <c r="LM17" s="443">
        <v>0</v>
      </c>
      <c r="LN17" s="109">
        <v>0</v>
      </c>
      <c r="LO17" s="109">
        <v>247185</v>
      </c>
      <c r="LP17" s="109">
        <v>0</v>
      </c>
      <c r="LQ17" s="109">
        <v>0</v>
      </c>
      <c r="LR17" s="109">
        <v>0</v>
      </c>
      <c r="LS17" s="110">
        <v>247185</v>
      </c>
      <c r="LT17" s="292">
        <v>247185</v>
      </c>
      <c r="LU17" s="129">
        <v>0</v>
      </c>
      <c r="LV17" s="109">
        <v>0</v>
      </c>
      <c r="LW17" s="110">
        <v>0</v>
      </c>
      <c r="LX17" s="443">
        <v>0</v>
      </c>
      <c r="LY17" s="109">
        <v>1298879</v>
      </c>
      <c r="LZ17" s="109">
        <v>915547</v>
      </c>
      <c r="MA17" s="109">
        <v>823773</v>
      </c>
      <c r="MB17" s="109">
        <v>2958967</v>
      </c>
      <c r="MC17" s="109">
        <v>853550</v>
      </c>
      <c r="MD17" s="110">
        <v>6850716</v>
      </c>
      <c r="ME17" s="111">
        <v>6850716</v>
      </c>
      <c r="MF17" s="129">
        <v>0</v>
      </c>
      <c r="MG17" s="109">
        <v>0</v>
      </c>
      <c r="MH17" s="110">
        <v>0</v>
      </c>
      <c r="MI17" s="443">
        <v>0</v>
      </c>
      <c r="MJ17" s="109">
        <v>15767357</v>
      </c>
      <c r="MK17" s="109">
        <v>28513578</v>
      </c>
      <c r="ML17" s="109">
        <v>93933345</v>
      </c>
      <c r="MM17" s="109">
        <v>153202124</v>
      </c>
      <c r="MN17" s="109">
        <v>102424214</v>
      </c>
      <c r="MO17" s="110">
        <v>393840618</v>
      </c>
      <c r="MP17" s="130">
        <v>393840618</v>
      </c>
      <c r="MQ17" s="129">
        <v>0</v>
      </c>
      <c r="MR17" s="109">
        <v>0</v>
      </c>
      <c r="MS17" s="110">
        <v>0</v>
      </c>
      <c r="MT17" s="443">
        <v>0</v>
      </c>
      <c r="MU17" s="109">
        <v>184698</v>
      </c>
      <c r="MV17" s="109">
        <v>1648369</v>
      </c>
      <c r="MW17" s="109">
        <v>48996671</v>
      </c>
      <c r="MX17" s="109">
        <v>102108008</v>
      </c>
      <c r="MY17" s="109">
        <v>63985462</v>
      </c>
      <c r="MZ17" s="110">
        <v>216923208</v>
      </c>
      <c r="NA17" s="130">
        <v>216923208</v>
      </c>
      <c r="NB17" s="129">
        <v>0</v>
      </c>
      <c r="NC17" s="109">
        <v>0</v>
      </c>
      <c r="ND17" s="110">
        <v>0</v>
      </c>
      <c r="NE17" s="443">
        <v>0</v>
      </c>
      <c r="NF17" s="109">
        <v>14326258</v>
      </c>
      <c r="NG17" s="109">
        <v>25250656</v>
      </c>
      <c r="NH17" s="109">
        <v>41037455</v>
      </c>
      <c r="NI17" s="109">
        <v>46247459</v>
      </c>
      <c r="NJ17" s="109">
        <v>25512247</v>
      </c>
      <c r="NK17" s="110">
        <v>152374075</v>
      </c>
      <c r="NL17" s="292">
        <v>152374075</v>
      </c>
      <c r="NM17" s="129">
        <v>0</v>
      </c>
      <c r="NN17" s="109">
        <v>0</v>
      </c>
      <c r="NO17" s="110">
        <v>0</v>
      </c>
      <c r="NP17" s="443">
        <v>0</v>
      </c>
      <c r="NQ17" s="109">
        <v>0</v>
      </c>
      <c r="NR17" s="109">
        <v>0</v>
      </c>
      <c r="NS17" s="109">
        <v>0</v>
      </c>
      <c r="NT17" s="109">
        <v>0</v>
      </c>
      <c r="NU17" s="109">
        <v>0</v>
      </c>
      <c r="NV17" s="110">
        <v>0</v>
      </c>
      <c r="NW17" s="111">
        <v>0</v>
      </c>
      <c r="NX17" s="129">
        <v>0</v>
      </c>
      <c r="NY17" s="109">
        <v>0</v>
      </c>
      <c r="NZ17" s="110">
        <v>0</v>
      </c>
      <c r="OA17" s="443">
        <v>0</v>
      </c>
      <c r="OB17" s="109">
        <v>1256401</v>
      </c>
      <c r="OC17" s="109">
        <v>1614553</v>
      </c>
      <c r="OD17" s="109">
        <v>3899219</v>
      </c>
      <c r="OE17" s="109">
        <v>4846657</v>
      </c>
      <c r="OF17" s="109">
        <v>12926505</v>
      </c>
      <c r="OG17" s="110">
        <v>24543335</v>
      </c>
      <c r="OH17" s="111">
        <v>24543335</v>
      </c>
      <c r="OI17" s="129">
        <v>12313731</v>
      </c>
      <c r="OJ17" s="109">
        <v>17577890</v>
      </c>
      <c r="OK17" s="128">
        <v>29891621</v>
      </c>
      <c r="OL17" s="108">
        <v>0</v>
      </c>
      <c r="OM17" s="109">
        <v>230665263</v>
      </c>
      <c r="ON17" s="109">
        <v>223085349</v>
      </c>
      <c r="OO17" s="109">
        <v>290377840</v>
      </c>
      <c r="OP17" s="109">
        <v>344049605</v>
      </c>
      <c r="OQ17" s="109">
        <v>214830333</v>
      </c>
      <c r="OR17" s="110">
        <v>1303008390</v>
      </c>
      <c r="OS17" s="130">
        <v>1332900011</v>
      </c>
    </row>
    <row r="18" spans="2:409" ht="21" customHeight="1" x14ac:dyDescent="0.2">
      <c r="B18" s="437" t="s">
        <v>12</v>
      </c>
      <c r="C18" s="100">
        <v>16665798</v>
      </c>
      <c r="D18" s="104">
        <v>33958422</v>
      </c>
      <c r="E18" s="103">
        <v>50624220</v>
      </c>
      <c r="F18" s="99">
        <v>0</v>
      </c>
      <c r="G18" s="104">
        <v>137116320</v>
      </c>
      <c r="H18" s="153">
        <v>165874357</v>
      </c>
      <c r="I18" s="153">
        <v>152715856</v>
      </c>
      <c r="J18" s="153">
        <v>167033176</v>
      </c>
      <c r="K18" s="153">
        <v>116984656</v>
      </c>
      <c r="L18" s="102">
        <v>739724365</v>
      </c>
      <c r="M18" s="106">
        <v>790348585</v>
      </c>
      <c r="N18" s="100">
        <v>3989294</v>
      </c>
      <c r="O18" s="104">
        <v>10596200</v>
      </c>
      <c r="P18" s="103">
        <v>14585494</v>
      </c>
      <c r="Q18" s="100">
        <v>0</v>
      </c>
      <c r="R18" s="104">
        <v>36347642</v>
      </c>
      <c r="S18" s="104">
        <v>51909477</v>
      </c>
      <c r="T18" s="104">
        <v>46917550</v>
      </c>
      <c r="U18" s="104">
        <v>62957177</v>
      </c>
      <c r="V18" s="104">
        <v>60550598</v>
      </c>
      <c r="W18" s="103">
        <v>258682444</v>
      </c>
      <c r="X18" s="106">
        <v>273267938</v>
      </c>
      <c r="Y18" s="100">
        <v>0</v>
      </c>
      <c r="Z18" s="104">
        <v>0</v>
      </c>
      <c r="AA18" s="103">
        <v>0</v>
      </c>
      <c r="AB18" s="100">
        <v>0</v>
      </c>
      <c r="AC18" s="104">
        <v>20468454</v>
      </c>
      <c r="AD18" s="104">
        <v>28187342</v>
      </c>
      <c r="AE18" s="104">
        <v>28982958</v>
      </c>
      <c r="AF18" s="104">
        <v>41892693</v>
      </c>
      <c r="AG18" s="104">
        <v>40331210</v>
      </c>
      <c r="AH18" s="103">
        <v>159862657</v>
      </c>
      <c r="AI18" s="106">
        <v>159862657</v>
      </c>
      <c r="AJ18" s="100">
        <v>0</v>
      </c>
      <c r="AK18" s="104">
        <v>164168</v>
      </c>
      <c r="AL18" s="103">
        <v>164168</v>
      </c>
      <c r="AM18" s="100">
        <v>0</v>
      </c>
      <c r="AN18" s="104">
        <v>105226</v>
      </c>
      <c r="AO18" s="104">
        <v>837189</v>
      </c>
      <c r="AP18" s="104">
        <v>1119981</v>
      </c>
      <c r="AQ18" s="104">
        <v>4041772</v>
      </c>
      <c r="AR18" s="104">
        <v>5409686</v>
      </c>
      <c r="AS18" s="103">
        <v>11513854</v>
      </c>
      <c r="AT18" s="106">
        <v>11678022</v>
      </c>
      <c r="AU18" s="100">
        <v>2940259</v>
      </c>
      <c r="AV18" s="104">
        <v>8349131</v>
      </c>
      <c r="AW18" s="103">
        <v>11289390</v>
      </c>
      <c r="AX18" s="100">
        <v>0</v>
      </c>
      <c r="AY18" s="104">
        <v>10651979</v>
      </c>
      <c r="AZ18" s="104">
        <v>15837722</v>
      </c>
      <c r="BA18" s="104">
        <v>10615918</v>
      </c>
      <c r="BB18" s="104">
        <v>9748026</v>
      </c>
      <c r="BC18" s="104">
        <v>9857750</v>
      </c>
      <c r="BD18" s="103">
        <v>56711395</v>
      </c>
      <c r="BE18" s="106">
        <v>68000785</v>
      </c>
      <c r="BF18" s="100">
        <v>129579</v>
      </c>
      <c r="BG18" s="104">
        <v>774323</v>
      </c>
      <c r="BH18" s="102">
        <v>903902</v>
      </c>
      <c r="BI18" s="101">
        <v>0</v>
      </c>
      <c r="BJ18" s="104">
        <v>479748</v>
      </c>
      <c r="BK18" s="104">
        <v>1693279</v>
      </c>
      <c r="BL18" s="104">
        <v>1022975</v>
      </c>
      <c r="BM18" s="104">
        <v>998302</v>
      </c>
      <c r="BN18" s="104">
        <v>367738</v>
      </c>
      <c r="BO18" s="103">
        <v>4562042</v>
      </c>
      <c r="BP18" s="106">
        <v>5465944</v>
      </c>
      <c r="BQ18" s="100">
        <v>919456</v>
      </c>
      <c r="BR18" s="104">
        <v>1308578</v>
      </c>
      <c r="BS18" s="103">
        <v>2228034</v>
      </c>
      <c r="BT18" s="100">
        <v>0</v>
      </c>
      <c r="BU18" s="104">
        <v>4642235</v>
      </c>
      <c r="BV18" s="104">
        <v>5353945</v>
      </c>
      <c r="BW18" s="104">
        <v>5175718</v>
      </c>
      <c r="BX18" s="104">
        <v>6276384</v>
      </c>
      <c r="BY18" s="104">
        <v>4584214</v>
      </c>
      <c r="BZ18" s="103">
        <v>26032496</v>
      </c>
      <c r="CA18" s="106">
        <v>28260530</v>
      </c>
      <c r="CB18" s="100">
        <v>2576115</v>
      </c>
      <c r="CC18" s="104">
        <v>5836514</v>
      </c>
      <c r="CD18" s="103">
        <v>8412629</v>
      </c>
      <c r="CE18" s="100">
        <v>0</v>
      </c>
      <c r="CF18" s="104">
        <v>44272208</v>
      </c>
      <c r="CG18" s="104">
        <v>47627190</v>
      </c>
      <c r="CH18" s="104">
        <v>41065242</v>
      </c>
      <c r="CI18" s="104">
        <v>31361162</v>
      </c>
      <c r="CJ18" s="104">
        <v>14883983</v>
      </c>
      <c r="CK18" s="103">
        <v>179209785</v>
      </c>
      <c r="CL18" s="106">
        <v>187622414</v>
      </c>
      <c r="CM18" s="100">
        <v>0</v>
      </c>
      <c r="CN18" s="104">
        <v>0</v>
      </c>
      <c r="CO18" s="103">
        <v>0</v>
      </c>
      <c r="CP18" s="101">
        <v>0</v>
      </c>
      <c r="CQ18" s="104">
        <v>37424399</v>
      </c>
      <c r="CR18" s="104">
        <v>36027128</v>
      </c>
      <c r="CS18" s="104">
        <v>30770922</v>
      </c>
      <c r="CT18" s="104">
        <v>24269869</v>
      </c>
      <c r="CU18" s="104">
        <v>12274358</v>
      </c>
      <c r="CV18" s="103">
        <v>140766676</v>
      </c>
      <c r="CW18" s="106">
        <v>140766676</v>
      </c>
      <c r="CX18" s="100">
        <v>2576115</v>
      </c>
      <c r="CY18" s="104">
        <v>5836514</v>
      </c>
      <c r="CZ18" s="103">
        <v>8412629</v>
      </c>
      <c r="DA18" s="100">
        <v>0</v>
      </c>
      <c r="DB18" s="104">
        <v>6847809</v>
      </c>
      <c r="DC18" s="104">
        <v>11600062</v>
      </c>
      <c r="DD18" s="104">
        <v>10294320</v>
      </c>
      <c r="DE18" s="104">
        <v>7091293</v>
      </c>
      <c r="DF18" s="104">
        <v>2609625</v>
      </c>
      <c r="DG18" s="103">
        <v>38443109</v>
      </c>
      <c r="DH18" s="106">
        <v>46855738</v>
      </c>
      <c r="DI18" s="100">
        <v>49940</v>
      </c>
      <c r="DJ18" s="104">
        <v>450915</v>
      </c>
      <c r="DK18" s="102">
        <v>500855</v>
      </c>
      <c r="DL18" s="101">
        <v>0</v>
      </c>
      <c r="DM18" s="104">
        <v>5807166</v>
      </c>
      <c r="DN18" s="104">
        <v>8260270</v>
      </c>
      <c r="DO18" s="104">
        <v>12776355</v>
      </c>
      <c r="DP18" s="104">
        <v>13185082</v>
      </c>
      <c r="DQ18" s="104">
        <v>7949522</v>
      </c>
      <c r="DR18" s="103">
        <v>47978395</v>
      </c>
      <c r="DS18" s="106">
        <v>48479250</v>
      </c>
      <c r="DT18" s="100">
        <v>49940</v>
      </c>
      <c r="DU18" s="104">
        <v>450915</v>
      </c>
      <c r="DV18" s="103">
        <v>500855</v>
      </c>
      <c r="DW18" s="100">
        <v>0</v>
      </c>
      <c r="DX18" s="104">
        <v>5496351</v>
      </c>
      <c r="DY18" s="104">
        <v>7991362</v>
      </c>
      <c r="DZ18" s="104">
        <v>12251277</v>
      </c>
      <c r="EA18" s="104">
        <v>12620162</v>
      </c>
      <c r="EB18" s="104">
        <v>7607371</v>
      </c>
      <c r="EC18" s="103">
        <v>45966523</v>
      </c>
      <c r="ED18" s="106">
        <v>46467378</v>
      </c>
      <c r="EE18" s="100">
        <v>0</v>
      </c>
      <c r="EF18" s="102">
        <v>0</v>
      </c>
      <c r="EG18" s="103">
        <v>0</v>
      </c>
      <c r="EH18" s="100">
        <v>0</v>
      </c>
      <c r="EI18" s="104">
        <v>310815</v>
      </c>
      <c r="EJ18" s="104">
        <v>268908</v>
      </c>
      <c r="EK18" s="104">
        <v>525078</v>
      </c>
      <c r="EL18" s="104">
        <v>564920</v>
      </c>
      <c r="EM18" s="104">
        <v>342151</v>
      </c>
      <c r="EN18" s="102">
        <v>2011872</v>
      </c>
      <c r="EO18" s="106">
        <v>2011872</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06">
        <v>0</v>
      </c>
      <c r="FE18" s="104">
        <v>0</v>
      </c>
      <c r="FF18" s="104">
        <v>0</v>
      </c>
      <c r="FG18" s="104">
        <v>0</v>
      </c>
      <c r="FH18" s="104">
        <v>0</v>
      </c>
      <c r="FI18" s="104">
        <v>0</v>
      </c>
      <c r="FJ18" s="103">
        <v>0</v>
      </c>
      <c r="FK18" s="106">
        <v>0</v>
      </c>
      <c r="FL18" s="100">
        <v>4469997</v>
      </c>
      <c r="FM18" s="104">
        <v>7449243</v>
      </c>
      <c r="FN18" s="103">
        <v>11919240</v>
      </c>
      <c r="FO18" s="100">
        <v>0</v>
      </c>
      <c r="FP18" s="104">
        <v>5175615</v>
      </c>
      <c r="FQ18" s="104">
        <v>15711193</v>
      </c>
      <c r="FR18" s="104">
        <v>12663282</v>
      </c>
      <c r="FS18" s="104">
        <v>12475731</v>
      </c>
      <c r="FT18" s="104">
        <v>8454068</v>
      </c>
      <c r="FU18" s="103">
        <v>54479889</v>
      </c>
      <c r="FV18" s="106">
        <v>66399129</v>
      </c>
      <c r="FW18" s="105">
        <v>2487975</v>
      </c>
      <c r="FX18" s="104">
        <v>5794517</v>
      </c>
      <c r="FY18" s="102">
        <v>8282492</v>
      </c>
      <c r="FZ18" s="101">
        <v>0</v>
      </c>
      <c r="GA18" s="104">
        <v>4055036</v>
      </c>
      <c r="GB18" s="104">
        <v>14390232</v>
      </c>
      <c r="GC18" s="104">
        <v>11311403</v>
      </c>
      <c r="GD18" s="104">
        <v>12054754</v>
      </c>
      <c r="GE18" s="104">
        <v>8271285</v>
      </c>
      <c r="GF18" s="103">
        <v>50082710</v>
      </c>
      <c r="GG18" s="290">
        <v>58365202</v>
      </c>
      <c r="GH18" s="105">
        <v>257834</v>
      </c>
      <c r="GI18" s="104">
        <v>352161</v>
      </c>
      <c r="GJ18" s="102">
        <v>609995</v>
      </c>
      <c r="GK18" s="101">
        <v>0</v>
      </c>
      <c r="GL18" s="104">
        <v>335406</v>
      </c>
      <c r="GM18" s="104">
        <v>650963</v>
      </c>
      <c r="GN18" s="104">
        <v>280291</v>
      </c>
      <c r="GO18" s="104">
        <v>208647</v>
      </c>
      <c r="GP18" s="104">
        <v>151983</v>
      </c>
      <c r="GQ18" s="103">
        <v>1627290</v>
      </c>
      <c r="GR18" s="106">
        <v>2237285</v>
      </c>
      <c r="GS18" s="100">
        <v>1724188</v>
      </c>
      <c r="GT18" s="104">
        <v>1302565</v>
      </c>
      <c r="GU18" s="103">
        <v>3026753</v>
      </c>
      <c r="GV18" s="100">
        <v>0</v>
      </c>
      <c r="GW18" s="104">
        <v>785173</v>
      </c>
      <c r="GX18" s="104">
        <v>669998</v>
      </c>
      <c r="GY18" s="104">
        <v>1071588</v>
      </c>
      <c r="GZ18" s="104">
        <v>212330</v>
      </c>
      <c r="HA18" s="104">
        <v>30800</v>
      </c>
      <c r="HB18" s="102">
        <v>2769889</v>
      </c>
      <c r="HC18" s="106">
        <v>5796642</v>
      </c>
      <c r="HD18" s="100">
        <v>2377904</v>
      </c>
      <c r="HE18" s="104">
        <v>4328126</v>
      </c>
      <c r="HF18" s="102">
        <v>6706030</v>
      </c>
      <c r="HG18" s="101">
        <v>0</v>
      </c>
      <c r="HH18" s="104">
        <v>22652889</v>
      </c>
      <c r="HI18" s="104">
        <v>22734707</v>
      </c>
      <c r="HJ18" s="104">
        <v>24810431</v>
      </c>
      <c r="HK18" s="104">
        <v>35500020</v>
      </c>
      <c r="HL18" s="104">
        <v>18799086</v>
      </c>
      <c r="HM18" s="103">
        <v>124497133</v>
      </c>
      <c r="HN18" s="99">
        <v>131203163</v>
      </c>
      <c r="HO18" s="105">
        <v>3202548</v>
      </c>
      <c r="HP18" s="104">
        <v>5297424</v>
      </c>
      <c r="HQ18" s="103">
        <v>8499972</v>
      </c>
      <c r="HR18" s="100">
        <v>0</v>
      </c>
      <c r="HS18" s="104">
        <v>22860800</v>
      </c>
      <c r="HT18" s="104">
        <v>19631520</v>
      </c>
      <c r="HU18" s="104">
        <v>14482996</v>
      </c>
      <c r="HV18" s="104">
        <v>11554004</v>
      </c>
      <c r="HW18" s="104">
        <v>6347399</v>
      </c>
      <c r="HX18" s="102">
        <v>74876719</v>
      </c>
      <c r="HY18" s="106">
        <v>83376691</v>
      </c>
      <c r="HZ18" s="135">
        <v>0</v>
      </c>
      <c r="IA18" s="122">
        <v>0</v>
      </c>
      <c r="IB18" s="135">
        <v>0</v>
      </c>
      <c r="IC18" s="121">
        <v>0</v>
      </c>
      <c r="ID18" s="122">
        <v>34156755</v>
      </c>
      <c r="IE18" s="123">
        <v>42630564</v>
      </c>
      <c r="IF18" s="124">
        <v>51434262</v>
      </c>
      <c r="IG18" s="122">
        <v>37492444</v>
      </c>
      <c r="IH18" s="124">
        <v>34248550</v>
      </c>
      <c r="II18" s="125">
        <v>199962575</v>
      </c>
      <c r="IJ18" s="135">
        <v>199962575</v>
      </c>
      <c r="IK18" s="215">
        <v>0</v>
      </c>
      <c r="IL18" s="219">
        <v>0</v>
      </c>
      <c r="IM18" s="220">
        <v>0</v>
      </c>
      <c r="IN18" s="127">
        <v>0</v>
      </c>
      <c r="IO18" s="109">
        <v>624468</v>
      </c>
      <c r="IP18" s="109">
        <v>488443</v>
      </c>
      <c r="IQ18" s="109">
        <v>607881</v>
      </c>
      <c r="IR18" s="109">
        <v>272374</v>
      </c>
      <c r="IS18" s="109">
        <v>1792909</v>
      </c>
      <c r="IT18" s="128">
        <v>3786075</v>
      </c>
      <c r="IU18" s="292">
        <v>3786075</v>
      </c>
      <c r="IV18" s="129">
        <v>0</v>
      </c>
      <c r="IW18" s="109">
        <v>0</v>
      </c>
      <c r="IX18" s="110">
        <v>0</v>
      </c>
      <c r="IY18" s="443">
        <v>0</v>
      </c>
      <c r="IZ18" s="109">
        <v>0</v>
      </c>
      <c r="JA18" s="109">
        <v>0</v>
      </c>
      <c r="JB18" s="109">
        <v>0</v>
      </c>
      <c r="JC18" s="109">
        <v>0</v>
      </c>
      <c r="JD18" s="109">
        <v>0</v>
      </c>
      <c r="JE18" s="110">
        <v>0</v>
      </c>
      <c r="JF18" s="111">
        <v>0</v>
      </c>
      <c r="JG18" s="129">
        <v>0</v>
      </c>
      <c r="JH18" s="109">
        <v>0</v>
      </c>
      <c r="JI18" s="128">
        <v>0</v>
      </c>
      <c r="JJ18" s="108">
        <v>0</v>
      </c>
      <c r="JK18" s="109">
        <v>19250114</v>
      </c>
      <c r="JL18" s="109">
        <v>15430888</v>
      </c>
      <c r="JM18" s="109">
        <v>12658092</v>
      </c>
      <c r="JN18" s="109">
        <v>7231425</v>
      </c>
      <c r="JO18" s="109">
        <v>3173615</v>
      </c>
      <c r="JP18" s="110">
        <v>57744134</v>
      </c>
      <c r="JQ18" s="292">
        <v>57744134</v>
      </c>
      <c r="JR18" s="129">
        <v>0</v>
      </c>
      <c r="JS18" s="109">
        <v>0</v>
      </c>
      <c r="JT18" s="128">
        <v>0</v>
      </c>
      <c r="JU18" s="108">
        <v>0</v>
      </c>
      <c r="JV18" s="109">
        <v>679848</v>
      </c>
      <c r="JW18" s="109">
        <v>95595</v>
      </c>
      <c r="JX18" s="109">
        <v>38824</v>
      </c>
      <c r="JY18" s="109">
        <v>113710</v>
      </c>
      <c r="JZ18" s="109">
        <v>278064</v>
      </c>
      <c r="KA18" s="110">
        <v>1206041</v>
      </c>
      <c r="KB18" s="292">
        <v>1206041</v>
      </c>
      <c r="KC18" s="217">
        <v>0</v>
      </c>
      <c r="KD18" s="213">
        <v>0</v>
      </c>
      <c r="KE18" s="110">
        <v>0</v>
      </c>
      <c r="KF18" s="108">
        <v>0</v>
      </c>
      <c r="KG18" s="109">
        <v>3006896</v>
      </c>
      <c r="KH18" s="109">
        <v>8025272</v>
      </c>
      <c r="KI18" s="109">
        <v>13528242</v>
      </c>
      <c r="KJ18" s="109">
        <v>8382927</v>
      </c>
      <c r="KK18" s="109">
        <v>9755465</v>
      </c>
      <c r="KL18" s="110">
        <v>42698802</v>
      </c>
      <c r="KM18" s="130">
        <v>42698802</v>
      </c>
      <c r="KN18" s="215">
        <v>0</v>
      </c>
      <c r="KO18" s="219">
        <v>0</v>
      </c>
      <c r="KP18" s="220">
        <v>0</v>
      </c>
      <c r="KQ18" s="443">
        <v>0</v>
      </c>
      <c r="KR18" s="109">
        <v>9592104</v>
      </c>
      <c r="KS18" s="109">
        <v>13273817</v>
      </c>
      <c r="KT18" s="109">
        <v>12816351</v>
      </c>
      <c r="KU18" s="109">
        <v>8777603</v>
      </c>
      <c r="KV18" s="109">
        <v>11887040</v>
      </c>
      <c r="KW18" s="110">
        <v>56346915</v>
      </c>
      <c r="KX18" s="292">
        <v>56346915</v>
      </c>
      <c r="KY18" s="129">
        <v>0</v>
      </c>
      <c r="KZ18" s="109">
        <v>0</v>
      </c>
      <c r="LA18" s="110">
        <v>0</v>
      </c>
      <c r="LB18" s="443">
        <v>0</v>
      </c>
      <c r="LC18" s="109">
        <v>0</v>
      </c>
      <c r="LD18" s="109">
        <v>1153232</v>
      </c>
      <c r="LE18" s="109">
        <v>1444238</v>
      </c>
      <c r="LF18" s="109">
        <v>3459797</v>
      </c>
      <c r="LG18" s="109">
        <v>834399</v>
      </c>
      <c r="LH18" s="110">
        <v>6891666</v>
      </c>
      <c r="LI18" s="111">
        <v>6891666</v>
      </c>
      <c r="LJ18" s="129">
        <v>0</v>
      </c>
      <c r="LK18" s="109">
        <v>0</v>
      </c>
      <c r="LL18" s="110">
        <v>0</v>
      </c>
      <c r="LM18" s="443">
        <v>0</v>
      </c>
      <c r="LN18" s="109">
        <v>0</v>
      </c>
      <c r="LO18" s="109">
        <v>0</v>
      </c>
      <c r="LP18" s="109">
        <v>2967027</v>
      </c>
      <c r="LQ18" s="109">
        <v>3612075</v>
      </c>
      <c r="LR18" s="109">
        <v>2030408</v>
      </c>
      <c r="LS18" s="110">
        <v>8609510</v>
      </c>
      <c r="LT18" s="292">
        <v>8609510</v>
      </c>
      <c r="LU18" s="129">
        <v>0</v>
      </c>
      <c r="LV18" s="109">
        <v>0</v>
      </c>
      <c r="LW18" s="110">
        <v>0</v>
      </c>
      <c r="LX18" s="443">
        <v>0</v>
      </c>
      <c r="LY18" s="109">
        <v>1003325</v>
      </c>
      <c r="LZ18" s="109">
        <v>4163317</v>
      </c>
      <c r="MA18" s="109">
        <v>7373607</v>
      </c>
      <c r="MB18" s="109">
        <v>5642533</v>
      </c>
      <c r="MC18" s="109">
        <v>4496650</v>
      </c>
      <c r="MD18" s="110">
        <v>22679432</v>
      </c>
      <c r="ME18" s="111">
        <v>22679432</v>
      </c>
      <c r="MF18" s="129">
        <v>0</v>
      </c>
      <c r="MG18" s="109">
        <v>0</v>
      </c>
      <c r="MH18" s="110">
        <v>0</v>
      </c>
      <c r="MI18" s="443">
        <v>0</v>
      </c>
      <c r="MJ18" s="109">
        <v>12294989</v>
      </c>
      <c r="MK18" s="109">
        <v>28240611</v>
      </c>
      <c r="ML18" s="109">
        <v>98350165</v>
      </c>
      <c r="MM18" s="109">
        <v>147850606</v>
      </c>
      <c r="MN18" s="109">
        <v>92278691</v>
      </c>
      <c r="MO18" s="110">
        <v>379015062</v>
      </c>
      <c r="MP18" s="130">
        <v>379015062</v>
      </c>
      <c r="MQ18" s="129">
        <v>0</v>
      </c>
      <c r="MR18" s="109">
        <v>0</v>
      </c>
      <c r="MS18" s="110">
        <v>0</v>
      </c>
      <c r="MT18" s="443">
        <v>0</v>
      </c>
      <c r="MU18" s="109">
        <v>687930</v>
      </c>
      <c r="MV18" s="109">
        <v>4701705</v>
      </c>
      <c r="MW18" s="109">
        <v>53082184</v>
      </c>
      <c r="MX18" s="109">
        <v>91183351</v>
      </c>
      <c r="MY18" s="109">
        <v>62478197</v>
      </c>
      <c r="MZ18" s="110">
        <v>212133367</v>
      </c>
      <c r="NA18" s="130">
        <v>212133367</v>
      </c>
      <c r="NB18" s="129">
        <v>0</v>
      </c>
      <c r="NC18" s="109">
        <v>0</v>
      </c>
      <c r="ND18" s="110">
        <v>0</v>
      </c>
      <c r="NE18" s="443">
        <v>0</v>
      </c>
      <c r="NF18" s="109">
        <v>11607059</v>
      </c>
      <c r="NG18" s="109">
        <v>23250321</v>
      </c>
      <c r="NH18" s="109">
        <v>44191764</v>
      </c>
      <c r="NI18" s="109">
        <v>51616749</v>
      </c>
      <c r="NJ18" s="109">
        <v>24348217</v>
      </c>
      <c r="NK18" s="110">
        <v>155014110</v>
      </c>
      <c r="NL18" s="292">
        <v>155014110</v>
      </c>
      <c r="NM18" s="129">
        <v>0</v>
      </c>
      <c r="NN18" s="109">
        <v>0</v>
      </c>
      <c r="NO18" s="110">
        <v>0</v>
      </c>
      <c r="NP18" s="443">
        <v>0</v>
      </c>
      <c r="NQ18" s="109">
        <v>0</v>
      </c>
      <c r="NR18" s="109">
        <v>0</v>
      </c>
      <c r="NS18" s="109">
        <v>0</v>
      </c>
      <c r="NT18" s="109">
        <v>0</v>
      </c>
      <c r="NU18" s="109">
        <v>0</v>
      </c>
      <c r="NV18" s="110">
        <v>0</v>
      </c>
      <c r="NW18" s="111">
        <v>0</v>
      </c>
      <c r="NX18" s="129">
        <v>0</v>
      </c>
      <c r="NY18" s="109">
        <v>0</v>
      </c>
      <c r="NZ18" s="110">
        <v>0</v>
      </c>
      <c r="OA18" s="443">
        <v>0</v>
      </c>
      <c r="OB18" s="109">
        <v>0</v>
      </c>
      <c r="OC18" s="109">
        <v>288585</v>
      </c>
      <c r="OD18" s="109">
        <v>1076217</v>
      </c>
      <c r="OE18" s="109">
        <v>5050506</v>
      </c>
      <c r="OF18" s="109">
        <v>5452277</v>
      </c>
      <c r="OG18" s="110">
        <v>11867585</v>
      </c>
      <c r="OH18" s="111">
        <v>11867585</v>
      </c>
      <c r="OI18" s="129">
        <v>16665798</v>
      </c>
      <c r="OJ18" s="109">
        <v>33958422</v>
      </c>
      <c r="OK18" s="128">
        <v>50624220</v>
      </c>
      <c r="OL18" s="108">
        <v>0</v>
      </c>
      <c r="OM18" s="109">
        <v>183568064</v>
      </c>
      <c r="ON18" s="109">
        <v>236745532</v>
      </c>
      <c r="OO18" s="109">
        <v>302500283</v>
      </c>
      <c r="OP18" s="109">
        <v>352376226</v>
      </c>
      <c r="OQ18" s="109">
        <v>243511897</v>
      </c>
      <c r="OR18" s="110">
        <v>1318702002</v>
      </c>
      <c r="OS18" s="130">
        <v>1369326222</v>
      </c>
    </row>
    <row r="19" spans="2:409" ht="21" customHeight="1" x14ac:dyDescent="0.2">
      <c r="B19" s="437" t="s">
        <v>13</v>
      </c>
      <c r="C19" s="100">
        <v>2701703</v>
      </c>
      <c r="D19" s="104">
        <v>5283003</v>
      </c>
      <c r="E19" s="103">
        <v>7984706</v>
      </c>
      <c r="F19" s="100">
        <v>0</v>
      </c>
      <c r="G19" s="153">
        <v>50211472</v>
      </c>
      <c r="H19" s="104">
        <v>70757535</v>
      </c>
      <c r="I19" s="104">
        <v>60200858</v>
      </c>
      <c r="J19" s="104">
        <v>56048909</v>
      </c>
      <c r="K19" s="104">
        <v>58868761</v>
      </c>
      <c r="L19" s="102">
        <v>296087535</v>
      </c>
      <c r="M19" s="106">
        <v>304072241</v>
      </c>
      <c r="N19" s="100">
        <v>565864</v>
      </c>
      <c r="O19" s="104">
        <v>1146928</v>
      </c>
      <c r="P19" s="103">
        <v>1712792</v>
      </c>
      <c r="Q19" s="100">
        <v>0</v>
      </c>
      <c r="R19" s="104">
        <v>14730532</v>
      </c>
      <c r="S19" s="104">
        <v>23435522</v>
      </c>
      <c r="T19" s="104">
        <v>19374397</v>
      </c>
      <c r="U19" s="104">
        <v>19519666</v>
      </c>
      <c r="V19" s="104">
        <v>32370486</v>
      </c>
      <c r="W19" s="103">
        <v>109430603</v>
      </c>
      <c r="X19" s="106">
        <v>111143395</v>
      </c>
      <c r="Y19" s="100">
        <v>0</v>
      </c>
      <c r="Z19" s="104">
        <v>0</v>
      </c>
      <c r="AA19" s="103">
        <v>0</v>
      </c>
      <c r="AB19" s="100">
        <v>0</v>
      </c>
      <c r="AC19" s="104">
        <v>7055039</v>
      </c>
      <c r="AD19" s="104">
        <v>11972294</v>
      </c>
      <c r="AE19" s="104">
        <v>11356516</v>
      </c>
      <c r="AF19" s="104">
        <v>12295568</v>
      </c>
      <c r="AG19" s="104">
        <v>22305975</v>
      </c>
      <c r="AH19" s="103">
        <v>64985392</v>
      </c>
      <c r="AI19" s="106">
        <v>64985392</v>
      </c>
      <c r="AJ19" s="100">
        <v>0</v>
      </c>
      <c r="AK19" s="104">
        <v>0</v>
      </c>
      <c r="AL19" s="103">
        <v>0</v>
      </c>
      <c r="AM19" s="100">
        <v>0</v>
      </c>
      <c r="AN19" s="104">
        <v>0</v>
      </c>
      <c r="AO19" s="104">
        <v>81498</v>
      </c>
      <c r="AP19" s="104">
        <v>242286</v>
      </c>
      <c r="AQ19" s="104">
        <v>834409</v>
      </c>
      <c r="AR19" s="104">
        <v>2560055</v>
      </c>
      <c r="AS19" s="103">
        <v>3718248</v>
      </c>
      <c r="AT19" s="106">
        <v>3718248</v>
      </c>
      <c r="AU19" s="100">
        <v>179264</v>
      </c>
      <c r="AV19" s="104">
        <v>687589</v>
      </c>
      <c r="AW19" s="103">
        <v>866853</v>
      </c>
      <c r="AX19" s="100">
        <v>0</v>
      </c>
      <c r="AY19" s="104">
        <v>4361201</v>
      </c>
      <c r="AZ19" s="104">
        <v>7600144</v>
      </c>
      <c r="BA19" s="104">
        <v>4513575</v>
      </c>
      <c r="BB19" s="104">
        <v>3151535</v>
      </c>
      <c r="BC19" s="104">
        <v>4748891</v>
      </c>
      <c r="BD19" s="103">
        <v>24375346</v>
      </c>
      <c r="BE19" s="106">
        <v>25242199</v>
      </c>
      <c r="BF19" s="100">
        <v>33467</v>
      </c>
      <c r="BG19" s="104">
        <v>105377</v>
      </c>
      <c r="BH19" s="102">
        <v>138844</v>
      </c>
      <c r="BI19" s="101">
        <v>0</v>
      </c>
      <c r="BJ19" s="104">
        <v>571712</v>
      </c>
      <c r="BK19" s="104">
        <v>659649</v>
      </c>
      <c r="BL19" s="104">
        <v>379412</v>
      </c>
      <c r="BM19" s="104">
        <v>291644</v>
      </c>
      <c r="BN19" s="104">
        <v>171223</v>
      </c>
      <c r="BO19" s="103">
        <v>2073640</v>
      </c>
      <c r="BP19" s="106">
        <v>2212484</v>
      </c>
      <c r="BQ19" s="100">
        <v>353133</v>
      </c>
      <c r="BR19" s="104">
        <v>353962</v>
      </c>
      <c r="BS19" s="103">
        <v>707095</v>
      </c>
      <c r="BT19" s="100">
        <v>0</v>
      </c>
      <c r="BU19" s="104">
        <v>2742580</v>
      </c>
      <c r="BV19" s="104">
        <v>3121937</v>
      </c>
      <c r="BW19" s="104">
        <v>2882608</v>
      </c>
      <c r="BX19" s="104">
        <v>2946510</v>
      </c>
      <c r="BY19" s="104">
        <v>2584342</v>
      </c>
      <c r="BZ19" s="103">
        <v>14277977</v>
      </c>
      <c r="CA19" s="106">
        <v>14985072</v>
      </c>
      <c r="CB19" s="100">
        <v>228934</v>
      </c>
      <c r="CC19" s="104">
        <v>887635</v>
      </c>
      <c r="CD19" s="103">
        <v>1116569</v>
      </c>
      <c r="CE19" s="100">
        <v>0</v>
      </c>
      <c r="CF19" s="104">
        <v>10742374</v>
      </c>
      <c r="CG19" s="104">
        <v>15553118</v>
      </c>
      <c r="CH19" s="104">
        <v>11937260</v>
      </c>
      <c r="CI19" s="104">
        <v>9019523</v>
      </c>
      <c r="CJ19" s="104">
        <v>5870136</v>
      </c>
      <c r="CK19" s="103">
        <v>53122411</v>
      </c>
      <c r="CL19" s="106">
        <v>54238980</v>
      </c>
      <c r="CM19" s="100">
        <v>0</v>
      </c>
      <c r="CN19" s="104">
        <v>0</v>
      </c>
      <c r="CO19" s="103">
        <v>0</v>
      </c>
      <c r="CP19" s="101">
        <v>0</v>
      </c>
      <c r="CQ19" s="104">
        <v>9142552</v>
      </c>
      <c r="CR19" s="104">
        <v>13413562</v>
      </c>
      <c r="CS19" s="104">
        <v>9692555</v>
      </c>
      <c r="CT19" s="104">
        <v>6491447</v>
      </c>
      <c r="CU19" s="104">
        <v>4387166</v>
      </c>
      <c r="CV19" s="103">
        <v>43127282</v>
      </c>
      <c r="CW19" s="106">
        <v>43127282</v>
      </c>
      <c r="CX19" s="100">
        <v>228934</v>
      </c>
      <c r="CY19" s="104">
        <v>887635</v>
      </c>
      <c r="CZ19" s="103">
        <v>1116569</v>
      </c>
      <c r="DA19" s="100">
        <v>0</v>
      </c>
      <c r="DB19" s="104">
        <v>1599822</v>
      </c>
      <c r="DC19" s="104">
        <v>2139556</v>
      </c>
      <c r="DD19" s="104">
        <v>2244705</v>
      </c>
      <c r="DE19" s="104">
        <v>2528076</v>
      </c>
      <c r="DF19" s="104">
        <v>1482970</v>
      </c>
      <c r="DG19" s="103">
        <v>9995129</v>
      </c>
      <c r="DH19" s="106">
        <v>11111698</v>
      </c>
      <c r="DI19" s="100">
        <v>0</v>
      </c>
      <c r="DJ19" s="104">
        <v>0</v>
      </c>
      <c r="DK19" s="102">
        <v>0</v>
      </c>
      <c r="DL19" s="101">
        <v>0</v>
      </c>
      <c r="DM19" s="104">
        <v>707353</v>
      </c>
      <c r="DN19" s="104">
        <v>2466831</v>
      </c>
      <c r="DO19" s="104">
        <v>4308012</v>
      </c>
      <c r="DP19" s="104">
        <v>4486965</v>
      </c>
      <c r="DQ19" s="104">
        <v>2164288</v>
      </c>
      <c r="DR19" s="103">
        <v>14133449</v>
      </c>
      <c r="DS19" s="106">
        <v>14133449</v>
      </c>
      <c r="DT19" s="100">
        <v>0</v>
      </c>
      <c r="DU19" s="104">
        <v>0</v>
      </c>
      <c r="DV19" s="103">
        <v>0</v>
      </c>
      <c r="DW19" s="100">
        <v>0</v>
      </c>
      <c r="DX19" s="104">
        <v>593138</v>
      </c>
      <c r="DY19" s="104">
        <v>1853690</v>
      </c>
      <c r="DZ19" s="104">
        <v>3967025</v>
      </c>
      <c r="EA19" s="104">
        <v>4074736</v>
      </c>
      <c r="EB19" s="104">
        <v>1698878</v>
      </c>
      <c r="EC19" s="103">
        <v>12187467</v>
      </c>
      <c r="ED19" s="106">
        <v>12187467</v>
      </c>
      <c r="EE19" s="100">
        <v>0</v>
      </c>
      <c r="EF19" s="102">
        <v>0</v>
      </c>
      <c r="EG19" s="103">
        <v>0</v>
      </c>
      <c r="EH19" s="100">
        <v>0</v>
      </c>
      <c r="EI19" s="104">
        <v>114215</v>
      </c>
      <c r="EJ19" s="104">
        <v>613141</v>
      </c>
      <c r="EK19" s="104">
        <v>340987</v>
      </c>
      <c r="EL19" s="104">
        <v>412229</v>
      </c>
      <c r="EM19" s="104">
        <v>465410</v>
      </c>
      <c r="EN19" s="102">
        <v>1945982</v>
      </c>
      <c r="EO19" s="106">
        <v>1945982</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06">
        <v>0</v>
      </c>
      <c r="FE19" s="104">
        <v>0</v>
      </c>
      <c r="FF19" s="104">
        <v>0</v>
      </c>
      <c r="FG19" s="104">
        <v>0</v>
      </c>
      <c r="FH19" s="104">
        <v>0</v>
      </c>
      <c r="FI19" s="104">
        <v>0</v>
      </c>
      <c r="FJ19" s="103">
        <v>0</v>
      </c>
      <c r="FK19" s="106">
        <v>0</v>
      </c>
      <c r="FL19" s="100">
        <v>503449</v>
      </c>
      <c r="FM19" s="104">
        <v>1167940</v>
      </c>
      <c r="FN19" s="103">
        <v>1671389</v>
      </c>
      <c r="FO19" s="100">
        <v>0</v>
      </c>
      <c r="FP19" s="104">
        <v>2418779</v>
      </c>
      <c r="FQ19" s="104">
        <v>5966685</v>
      </c>
      <c r="FR19" s="104">
        <v>4579649</v>
      </c>
      <c r="FS19" s="104">
        <v>3542532</v>
      </c>
      <c r="FT19" s="104">
        <v>3359158</v>
      </c>
      <c r="FU19" s="103">
        <v>19866803</v>
      </c>
      <c r="FV19" s="106">
        <v>21538192</v>
      </c>
      <c r="FW19" s="105">
        <v>401457</v>
      </c>
      <c r="FX19" s="104">
        <v>944267</v>
      </c>
      <c r="FY19" s="102">
        <v>1345724</v>
      </c>
      <c r="FZ19" s="101">
        <v>0</v>
      </c>
      <c r="GA19" s="104">
        <v>1916134</v>
      </c>
      <c r="GB19" s="104">
        <v>5318706</v>
      </c>
      <c r="GC19" s="104">
        <v>4105158</v>
      </c>
      <c r="GD19" s="104">
        <v>3307396</v>
      </c>
      <c r="GE19" s="104">
        <v>3211818</v>
      </c>
      <c r="GF19" s="103">
        <v>17859212</v>
      </c>
      <c r="GG19" s="290">
        <v>19204936</v>
      </c>
      <c r="GH19" s="105">
        <v>37192</v>
      </c>
      <c r="GI19" s="104">
        <v>16200</v>
      </c>
      <c r="GJ19" s="102">
        <v>53392</v>
      </c>
      <c r="GK19" s="101">
        <v>0</v>
      </c>
      <c r="GL19" s="104">
        <v>113151</v>
      </c>
      <c r="GM19" s="104">
        <v>95146</v>
      </c>
      <c r="GN19" s="104">
        <v>201431</v>
      </c>
      <c r="GO19" s="104">
        <v>30096</v>
      </c>
      <c r="GP19" s="104">
        <v>0</v>
      </c>
      <c r="GQ19" s="103">
        <v>439824</v>
      </c>
      <c r="GR19" s="106">
        <v>493216</v>
      </c>
      <c r="GS19" s="100">
        <v>64800</v>
      </c>
      <c r="GT19" s="104">
        <v>207473</v>
      </c>
      <c r="GU19" s="103">
        <v>272273</v>
      </c>
      <c r="GV19" s="100">
        <v>0</v>
      </c>
      <c r="GW19" s="104">
        <v>389494</v>
      </c>
      <c r="GX19" s="104">
        <v>552833</v>
      </c>
      <c r="GY19" s="104">
        <v>273060</v>
      </c>
      <c r="GZ19" s="104">
        <v>205040</v>
      </c>
      <c r="HA19" s="104">
        <v>147340</v>
      </c>
      <c r="HB19" s="102">
        <v>1567767</v>
      </c>
      <c r="HC19" s="106">
        <v>1840040</v>
      </c>
      <c r="HD19" s="100">
        <v>937450</v>
      </c>
      <c r="HE19" s="104">
        <v>1088929</v>
      </c>
      <c r="HF19" s="102">
        <v>2026379</v>
      </c>
      <c r="HG19" s="101">
        <v>0</v>
      </c>
      <c r="HH19" s="104">
        <v>12995082</v>
      </c>
      <c r="HI19" s="104">
        <v>14348853</v>
      </c>
      <c r="HJ19" s="104">
        <v>14130773</v>
      </c>
      <c r="HK19" s="104">
        <v>15736098</v>
      </c>
      <c r="HL19" s="104">
        <v>11908729</v>
      </c>
      <c r="HM19" s="103">
        <v>69119535</v>
      </c>
      <c r="HN19" s="99">
        <v>71145914</v>
      </c>
      <c r="HO19" s="105">
        <v>466006</v>
      </c>
      <c r="HP19" s="104">
        <v>991571</v>
      </c>
      <c r="HQ19" s="103">
        <v>1457577</v>
      </c>
      <c r="HR19" s="100">
        <v>0</v>
      </c>
      <c r="HS19" s="104">
        <v>8617352</v>
      </c>
      <c r="HT19" s="104">
        <v>8986526</v>
      </c>
      <c r="HU19" s="104">
        <v>5870767</v>
      </c>
      <c r="HV19" s="104">
        <v>3744125</v>
      </c>
      <c r="HW19" s="104">
        <v>3195964</v>
      </c>
      <c r="HX19" s="102">
        <v>30414734</v>
      </c>
      <c r="HY19" s="106">
        <v>31872311</v>
      </c>
      <c r="HZ19" s="118">
        <v>85377</v>
      </c>
      <c r="IA19" s="119">
        <v>344612</v>
      </c>
      <c r="IB19" s="120">
        <v>429989</v>
      </c>
      <c r="IC19" s="131">
        <v>0</v>
      </c>
      <c r="ID19" s="119">
        <v>11838390</v>
      </c>
      <c r="IE19" s="132">
        <v>15681959</v>
      </c>
      <c r="IF19" s="120">
        <v>15969359</v>
      </c>
      <c r="IG19" s="119">
        <v>10812095</v>
      </c>
      <c r="IH19" s="120">
        <v>6606565</v>
      </c>
      <c r="II19" s="133">
        <v>60908368</v>
      </c>
      <c r="IJ19" s="126">
        <v>61338357</v>
      </c>
      <c r="IK19" s="215">
        <v>0</v>
      </c>
      <c r="IL19" s="219">
        <v>0</v>
      </c>
      <c r="IM19" s="220">
        <v>0</v>
      </c>
      <c r="IN19" s="127">
        <v>0</v>
      </c>
      <c r="IO19" s="109">
        <v>192943</v>
      </c>
      <c r="IP19" s="109">
        <v>139807</v>
      </c>
      <c r="IQ19" s="109">
        <v>165149</v>
      </c>
      <c r="IR19" s="109">
        <v>259109</v>
      </c>
      <c r="IS19" s="109">
        <v>635997</v>
      </c>
      <c r="IT19" s="128">
        <v>1393005</v>
      </c>
      <c r="IU19" s="292">
        <v>1393005</v>
      </c>
      <c r="IV19" s="129">
        <v>0</v>
      </c>
      <c r="IW19" s="109">
        <v>0</v>
      </c>
      <c r="IX19" s="110">
        <v>0</v>
      </c>
      <c r="IY19" s="443">
        <v>0</v>
      </c>
      <c r="IZ19" s="109">
        <v>0</v>
      </c>
      <c r="JA19" s="109">
        <v>0</v>
      </c>
      <c r="JB19" s="109">
        <v>0</v>
      </c>
      <c r="JC19" s="109">
        <v>0</v>
      </c>
      <c r="JD19" s="109">
        <v>0</v>
      </c>
      <c r="JE19" s="110">
        <v>0</v>
      </c>
      <c r="JF19" s="111">
        <v>0</v>
      </c>
      <c r="JG19" s="129">
        <v>0</v>
      </c>
      <c r="JH19" s="109">
        <v>0</v>
      </c>
      <c r="JI19" s="128">
        <v>0</v>
      </c>
      <c r="JJ19" s="108">
        <v>0</v>
      </c>
      <c r="JK19" s="109">
        <v>6355890</v>
      </c>
      <c r="JL19" s="109">
        <v>8800338</v>
      </c>
      <c r="JM19" s="109">
        <v>7292704</v>
      </c>
      <c r="JN19" s="109">
        <v>3372483</v>
      </c>
      <c r="JO19" s="109">
        <v>1455510</v>
      </c>
      <c r="JP19" s="110">
        <v>27276925</v>
      </c>
      <c r="JQ19" s="292">
        <v>27276925</v>
      </c>
      <c r="JR19" s="129">
        <v>0</v>
      </c>
      <c r="JS19" s="109">
        <v>0</v>
      </c>
      <c r="JT19" s="128">
        <v>0</v>
      </c>
      <c r="JU19" s="108">
        <v>0</v>
      </c>
      <c r="JV19" s="109">
        <v>217486</v>
      </c>
      <c r="JW19" s="109">
        <v>938291</v>
      </c>
      <c r="JX19" s="109">
        <v>1034395</v>
      </c>
      <c r="JY19" s="109">
        <v>411661</v>
      </c>
      <c r="JZ19" s="109">
        <v>1525789</v>
      </c>
      <c r="KA19" s="110">
        <v>4127622</v>
      </c>
      <c r="KB19" s="292">
        <v>4127622</v>
      </c>
      <c r="KC19" s="217">
        <v>85377</v>
      </c>
      <c r="KD19" s="213">
        <v>344612</v>
      </c>
      <c r="KE19" s="110">
        <v>429989</v>
      </c>
      <c r="KF19" s="108">
        <v>0</v>
      </c>
      <c r="KG19" s="109">
        <v>1577248</v>
      </c>
      <c r="KH19" s="109">
        <v>1826329</v>
      </c>
      <c r="KI19" s="109">
        <v>1990475</v>
      </c>
      <c r="KJ19" s="109">
        <v>265773</v>
      </c>
      <c r="KK19" s="109">
        <v>0</v>
      </c>
      <c r="KL19" s="110">
        <v>5659825</v>
      </c>
      <c r="KM19" s="130">
        <v>6089814</v>
      </c>
      <c r="KN19" s="215">
        <v>0</v>
      </c>
      <c r="KO19" s="219">
        <v>0</v>
      </c>
      <c r="KP19" s="220">
        <v>0</v>
      </c>
      <c r="KQ19" s="443">
        <v>0</v>
      </c>
      <c r="KR19" s="109">
        <v>3139631</v>
      </c>
      <c r="KS19" s="109">
        <v>3578290</v>
      </c>
      <c r="KT19" s="109">
        <v>5264352</v>
      </c>
      <c r="KU19" s="109">
        <v>5339790</v>
      </c>
      <c r="KV19" s="109">
        <v>2191365</v>
      </c>
      <c r="KW19" s="110">
        <v>19513428</v>
      </c>
      <c r="KX19" s="292">
        <v>19513428</v>
      </c>
      <c r="KY19" s="129">
        <v>0</v>
      </c>
      <c r="KZ19" s="109">
        <v>0</v>
      </c>
      <c r="LA19" s="110">
        <v>0</v>
      </c>
      <c r="LB19" s="443">
        <v>0</v>
      </c>
      <c r="LC19" s="109">
        <v>355192</v>
      </c>
      <c r="LD19" s="109">
        <v>398904</v>
      </c>
      <c r="LE19" s="109">
        <v>222284</v>
      </c>
      <c r="LF19" s="109">
        <v>1163279</v>
      </c>
      <c r="LG19" s="109">
        <v>797904</v>
      </c>
      <c r="LH19" s="110">
        <v>2937563</v>
      </c>
      <c r="LI19" s="111">
        <v>2937563</v>
      </c>
      <c r="LJ19" s="129">
        <v>0</v>
      </c>
      <c r="LK19" s="109">
        <v>0</v>
      </c>
      <c r="LL19" s="110">
        <v>0</v>
      </c>
      <c r="LM19" s="443">
        <v>0</v>
      </c>
      <c r="LN19" s="109">
        <v>0</v>
      </c>
      <c r="LO19" s="109">
        <v>0</v>
      </c>
      <c r="LP19" s="109">
        <v>0</v>
      </c>
      <c r="LQ19" s="109">
        <v>0</v>
      </c>
      <c r="LR19" s="109">
        <v>0</v>
      </c>
      <c r="LS19" s="110">
        <v>0</v>
      </c>
      <c r="LT19" s="292">
        <v>0</v>
      </c>
      <c r="LU19" s="129">
        <v>0</v>
      </c>
      <c r="LV19" s="109">
        <v>0</v>
      </c>
      <c r="LW19" s="110">
        <v>0</v>
      </c>
      <c r="LX19" s="443">
        <v>0</v>
      </c>
      <c r="LY19" s="109">
        <v>0</v>
      </c>
      <c r="LZ19" s="109">
        <v>0</v>
      </c>
      <c r="MA19" s="109">
        <v>0</v>
      </c>
      <c r="MB19" s="109">
        <v>0</v>
      </c>
      <c r="MC19" s="109">
        <v>0</v>
      </c>
      <c r="MD19" s="110">
        <v>0</v>
      </c>
      <c r="ME19" s="111">
        <v>0</v>
      </c>
      <c r="MF19" s="129">
        <v>0</v>
      </c>
      <c r="MG19" s="109">
        <v>0</v>
      </c>
      <c r="MH19" s="110">
        <v>0</v>
      </c>
      <c r="MI19" s="443">
        <v>0</v>
      </c>
      <c r="MJ19" s="109">
        <v>1739762</v>
      </c>
      <c r="MK19" s="109">
        <v>7858724</v>
      </c>
      <c r="ML19" s="109">
        <v>28114528</v>
      </c>
      <c r="MM19" s="109">
        <v>51284220</v>
      </c>
      <c r="MN19" s="109">
        <v>48860289</v>
      </c>
      <c r="MO19" s="110">
        <v>137857523</v>
      </c>
      <c r="MP19" s="130">
        <v>137857523</v>
      </c>
      <c r="MQ19" s="129">
        <v>0</v>
      </c>
      <c r="MR19" s="109">
        <v>0</v>
      </c>
      <c r="MS19" s="110">
        <v>0</v>
      </c>
      <c r="MT19" s="443">
        <v>0</v>
      </c>
      <c r="MU19" s="109">
        <v>237767</v>
      </c>
      <c r="MV19" s="109">
        <v>1515602</v>
      </c>
      <c r="MW19" s="109">
        <v>15220678</v>
      </c>
      <c r="MX19" s="109">
        <v>40185916</v>
      </c>
      <c r="MY19" s="109">
        <v>39114897</v>
      </c>
      <c r="MZ19" s="110">
        <v>96274860</v>
      </c>
      <c r="NA19" s="130">
        <v>96274860</v>
      </c>
      <c r="NB19" s="129">
        <v>0</v>
      </c>
      <c r="NC19" s="109">
        <v>0</v>
      </c>
      <c r="ND19" s="110">
        <v>0</v>
      </c>
      <c r="NE19" s="443">
        <v>0</v>
      </c>
      <c r="NF19" s="109">
        <v>1501995</v>
      </c>
      <c r="NG19" s="109">
        <v>6343122</v>
      </c>
      <c r="NH19" s="109">
        <v>12529712</v>
      </c>
      <c r="NI19" s="109">
        <v>11098304</v>
      </c>
      <c r="NJ19" s="109">
        <v>9745392</v>
      </c>
      <c r="NK19" s="110">
        <v>41218525</v>
      </c>
      <c r="NL19" s="292">
        <v>41218525</v>
      </c>
      <c r="NM19" s="129">
        <v>0</v>
      </c>
      <c r="NN19" s="109">
        <v>0</v>
      </c>
      <c r="NO19" s="110">
        <v>0</v>
      </c>
      <c r="NP19" s="443">
        <v>0</v>
      </c>
      <c r="NQ19" s="109">
        <v>0</v>
      </c>
      <c r="NR19" s="109">
        <v>0</v>
      </c>
      <c r="NS19" s="109">
        <v>0</v>
      </c>
      <c r="NT19" s="109">
        <v>0</v>
      </c>
      <c r="NU19" s="109">
        <v>0</v>
      </c>
      <c r="NV19" s="110">
        <v>0</v>
      </c>
      <c r="NW19" s="111">
        <v>0</v>
      </c>
      <c r="NX19" s="129">
        <v>0</v>
      </c>
      <c r="NY19" s="109">
        <v>0</v>
      </c>
      <c r="NZ19" s="110">
        <v>0</v>
      </c>
      <c r="OA19" s="443">
        <v>0</v>
      </c>
      <c r="OB19" s="109">
        <v>0</v>
      </c>
      <c r="OC19" s="109">
        <v>0</v>
      </c>
      <c r="OD19" s="109">
        <v>364138</v>
      </c>
      <c r="OE19" s="109">
        <v>0</v>
      </c>
      <c r="OF19" s="109">
        <v>0</v>
      </c>
      <c r="OG19" s="110">
        <v>364138</v>
      </c>
      <c r="OH19" s="111">
        <v>364138</v>
      </c>
      <c r="OI19" s="129">
        <v>2787080</v>
      </c>
      <c r="OJ19" s="109">
        <v>5627615</v>
      </c>
      <c r="OK19" s="128">
        <v>8414695</v>
      </c>
      <c r="OL19" s="108">
        <v>0</v>
      </c>
      <c r="OM19" s="109">
        <v>63789624</v>
      </c>
      <c r="ON19" s="109">
        <v>94298218</v>
      </c>
      <c r="OO19" s="109">
        <v>104284745</v>
      </c>
      <c r="OP19" s="109">
        <v>118145224</v>
      </c>
      <c r="OQ19" s="109">
        <v>114335615</v>
      </c>
      <c r="OR19" s="110">
        <v>494853426</v>
      </c>
      <c r="OS19" s="130">
        <v>503268121</v>
      </c>
    </row>
    <row r="20" spans="2:409" ht="21" customHeight="1" x14ac:dyDescent="0.2">
      <c r="B20" s="437" t="s">
        <v>15</v>
      </c>
      <c r="C20" s="100">
        <v>2806282</v>
      </c>
      <c r="D20" s="104">
        <v>4157084</v>
      </c>
      <c r="E20" s="103">
        <v>6963366</v>
      </c>
      <c r="F20" s="99">
        <v>0</v>
      </c>
      <c r="G20" s="104">
        <v>35204068</v>
      </c>
      <c r="H20" s="104">
        <v>45813843</v>
      </c>
      <c r="I20" s="104">
        <v>40635457</v>
      </c>
      <c r="J20" s="104">
        <v>36017579</v>
      </c>
      <c r="K20" s="104">
        <v>24757061</v>
      </c>
      <c r="L20" s="99">
        <v>182428008</v>
      </c>
      <c r="M20" s="106">
        <v>189391374</v>
      </c>
      <c r="N20" s="100">
        <v>254364</v>
      </c>
      <c r="O20" s="104">
        <v>784745</v>
      </c>
      <c r="P20" s="103">
        <v>1039109</v>
      </c>
      <c r="Q20" s="100">
        <v>0</v>
      </c>
      <c r="R20" s="104">
        <v>6926895</v>
      </c>
      <c r="S20" s="104">
        <v>13627822</v>
      </c>
      <c r="T20" s="104">
        <v>10265379</v>
      </c>
      <c r="U20" s="104">
        <v>12080827</v>
      </c>
      <c r="V20" s="104">
        <v>13513125</v>
      </c>
      <c r="W20" s="103">
        <v>56414048</v>
      </c>
      <c r="X20" s="106">
        <v>57453157</v>
      </c>
      <c r="Y20" s="100">
        <v>0</v>
      </c>
      <c r="Z20" s="104">
        <v>0</v>
      </c>
      <c r="AA20" s="103">
        <v>0</v>
      </c>
      <c r="AB20" s="100">
        <v>0</v>
      </c>
      <c r="AC20" s="104">
        <v>3213861</v>
      </c>
      <c r="AD20" s="104">
        <v>7869479</v>
      </c>
      <c r="AE20" s="104">
        <v>6009775</v>
      </c>
      <c r="AF20" s="104">
        <v>7318933</v>
      </c>
      <c r="AG20" s="104">
        <v>8357468</v>
      </c>
      <c r="AH20" s="103">
        <v>32769516</v>
      </c>
      <c r="AI20" s="106">
        <v>32769516</v>
      </c>
      <c r="AJ20" s="100">
        <v>0</v>
      </c>
      <c r="AK20" s="104">
        <v>0</v>
      </c>
      <c r="AL20" s="103">
        <v>0</v>
      </c>
      <c r="AM20" s="100">
        <v>0</v>
      </c>
      <c r="AN20" s="104">
        <v>0</v>
      </c>
      <c r="AO20" s="104">
        <v>205225</v>
      </c>
      <c r="AP20" s="104">
        <v>495031</v>
      </c>
      <c r="AQ20" s="104">
        <v>920707</v>
      </c>
      <c r="AR20" s="104">
        <v>1609827</v>
      </c>
      <c r="AS20" s="103">
        <v>3230790</v>
      </c>
      <c r="AT20" s="106">
        <v>3230790</v>
      </c>
      <c r="AU20" s="100">
        <v>87495</v>
      </c>
      <c r="AV20" s="104">
        <v>612646</v>
      </c>
      <c r="AW20" s="103">
        <v>700141</v>
      </c>
      <c r="AX20" s="100">
        <v>0</v>
      </c>
      <c r="AY20" s="104">
        <v>1928075</v>
      </c>
      <c r="AZ20" s="104">
        <v>3431310</v>
      </c>
      <c r="BA20" s="104">
        <v>2046199</v>
      </c>
      <c r="BB20" s="104">
        <v>2156558</v>
      </c>
      <c r="BC20" s="104">
        <v>2183073</v>
      </c>
      <c r="BD20" s="103">
        <v>11745215</v>
      </c>
      <c r="BE20" s="106">
        <v>12445356</v>
      </c>
      <c r="BF20" s="100">
        <v>0</v>
      </c>
      <c r="BG20" s="104">
        <v>59437</v>
      </c>
      <c r="BH20" s="102">
        <v>59437</v>
      </c>
      <c r="BI20" s="101">
        <v>0</v>
      </c>
      <c r="BJ20" s="104">
        <v>237031</v>
      </c>
      <c r="BK20" s="104">
        <v>517683</v>
      </c>
      <c r="BL20" s="104">
        <v>139133</v>
      </c>
      <c r="BM20" s="104">
        <v>122711</v>
      </c>
      <c r="BN20" s="104">
        <v>218990</v>
      </c>
      <c r="BO20" s="103">
        <v>1235548</v>
      </c>
      <c r="BP20" s="106">
        <v>1294985</v>
      </c>
      <c r="BQ20" s="100">
        <v>166869</v>
      </c>
      <c r="BR20" s="104">
        <v>112662</v>
      </c>
      <c r="BS20" s="103">
        <v>279531</v>
      </c>
      <c r="BT20" s="100">
        <v>0</v>
      </c>
      <c r="BU20" s="104">
        <v>1547928</v>
      </c>
      <c r="BV20" s="104">
        <v>1604125</v>
      </c>
      <c r="BW20" s="104">
        <v>1575241</v>
      </c>
      <c r="BX20" s="104">
        <v>1561918</v>
      </c>
      <c r="BY20" s="104">
        <v>1143767</v>
      </c>
      <c r="BZ20" s="103">
        <v>7432979</v>
      </c>
      <c r="CA20" s="106">
        <v>7712510</v>
      </c>
      <c r="CB20" s="100">
        <v>24088</v>
      </c>
      <c r="CC20" s="104">
        <v>220882</v>
      </c>
      <c r="CD20" s="103">
        <v>244970</v>
      </c>
      <c r="CE20" s="100">
        <v>0</v>
      </c>
      <c r="CF20" s="104">
        <v>8497791</v>
      </c>
      <c r="CG20" s="104">
        <v>11672936</v>
      </c>
      <c r="CH20" s="104">
        <v>8010664</v>
      </c>
      <c r="CI20" s="104">
        <v>4054861</v>
      </c>
      <c r="CJ20" s="104">
        <v>1592419</v>
      </c>
      <c r="CK20" s="103">
        <v>33828671</v>
      </c>
      <c r="CL20" s="106">
        <v>34073641</v>
      </c>
      <c r="CM20" s="100">
        <v>0</v>
      </c>
      <c r="CN20" s="104">
        <v>0</v>
      </c>
      <c r="CO20" s="103">
        <v>0</v>
      </c>
      <c r="CP20" s="101">
        <v>0</v>
      </c>
      <c r="CQ20" s="104">
        <v>6483228</v>
      </c>
      <c r="CR20" s="104">
        <v>9350778</v>
      </c>
      <c r="CS20" s="104">
        <v>6202815</v>
      </c>
      <c r="CT20" s="104">
        <v>2618073</v>
      </c>
      <c r="CU20" s="104">
        <v>1169712</v>
      </c>
      <c r="CV20" s="103">
        <v>25824606</v>
      </c>
      <c r="CW20" s="106">
        <v>25824606</v>
      </c>
      <c r="CX20" s="100">
        <v>24088</v>
      </c>
      <c r="CY20" s="104">
        <v>220882</v>
      </c>
      <c r="CZ20" s="103">
        <v>244970</v>
      </c>
      <c r="DA20" s="100">
        <v>0</v>
      </c>
      <c r="DB20" s="104">
        <v>2014563</v>
      </c>
      <c r="DC20" s="104">
        <v>2322158</v>
      </c>
      <c r="DD20" s="104">
        <v>1807849</v>
      </c>
      <c r="DE20" s="104">
        <v>1436788</v>
      </c>
      <c r="DF20" s="104">
        <v>422707</v>
      </c>
      <c r="DG20" s="103">
        <v>8004065</v>
      </c>
      <c r="DH20" s="106">
        <v>8249035</v>
      </c>
      <c r="DI20" s="100">
        <v>0</v>
      </c>
      <c r="DJ20" s="104">
        <v>32278</v>
      </c>
      <c r="DK20" s="102">
        <v>32278</v>
      </c>
      <c r="DL20" s="101">
        <v>0</v>
      </c>
      <c r="DM20" s="104">
        <v>1161208</v>
      </c>
      <c r="DN20" s="104">
        <v>1756740</v>
      </c>
      <c r="DO20" s="104">
        <v>7297476</v>
      </c>
      <c r="DP20" s="104">
        <v>6304309</v>
      </c>
      <c r="DQ20" s="104">
        <v>2063614</v>
      </c>
      <c r="DR20" s="103">
        <v>18583347</v>
      </c>
      <c r="DS20" s="106">
        <v>18615625</v>
      </c>
      <c r="DT20" s="100">
        <v>0</v>
      </c>
      <c r="DU20" s="104">
        <v>32278</v>
      </c>
      <c r="DV20" s="103">
        <v>32278</v>
      </c>
      <c r="DW20" s="100">
        <v>0</v>
      </c>
      <c r="DX20" s="104">
        <v>756956</v>
      </c>
      <c r="DY20" s="104">
        <v>1666447</v>
      </c>
      <c r="DZ20" s="104">
        <v>6970064</v>
      </c>
      <c r="EA20" s="104">
        <v>5523593</v>
      </c>
      <c r="EB20" s="104">
        <v>2063614</v>
      </c>
      <c r="EC20" s="103">
        <v>16980674</v>
      </c>
      <c r="ED20" s="106">
        <v>17012952</v>
      </c>
      <c r="EE20" s="100">
        <v>0</v>
      </c>
      <c r="EF20" s="102">
        <v>0</v>
      </c>
      <c r="EG20" s="103">
        <v>0</v>
      </c>
      <c r="EH20" s="100">
        <v>0</v>
      </c>
      <c r="EI20" s="104">
        <v>404252</v>
      </c>
      <c r="EJ20" s="104">
        <v>90293</v>
      </c>
      <c r="EK20" s="104">
        <v>327412</v>
      </c>
      <c r="EL20" s="104">
        <v>780716</v>
      </c>
      <c r="EM20" s="104">
        <v>0</v>
      </c>
      <c r="EN20" s="102">
        <v>1602673</v>
      </c>
      <c r="EO20" s="106">
        <v>1602673</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06">
        <v>0</v>
      </c>
      <c r="FE20" s="104">
        <v>0</v>
      </c>
      <c r="FF20" s="104">
        <v>0</v>
      </c>
      <c r="FG20" s="104">
        <v>0</v>
      </c>
      <c r="FH20" s="104">
        <v>0</v>
      </c>
      <c r="FI20" s="104">
        <v>0</v>
      </c>
      <c r="FJ20" s="103">
        <v>0</v>
      </c>
      <c r="FK20" s="106">
        <v>0</v>
      </c>
      <c r="FL20" s="100">
        <v>832625</v>
      </c>
      <c r="FM20" s="104">
        <v>1291655</v>
      </c>
      <c r="FN20" s="103">
        <v>2124280</v>
      </c>
      <c r="FO20" s="100">
        <v>0</v>
      </c>
      <c r="FP20" s="104">
        <v>1999821</v>
      </c>
      <c r="FQ20" s="104">
        <v>5246106</v>
      </c>
      <c r="FR20" s="104">
        <v>3215133</v>
      </c>
      <c r="FS20" s="104">
        <v>2409875</v>
      </c>
      <c r="FT20" s="104">
        <v>1851604</v>
      </c>
      <c r="FU20" s="103">
        <v>14722539</v>
      </c>
      <c r="FV20" s="106">
        <v>16846819</v>
      </c>
      <c r="FW20" s="105">
        <v>358991</v>
      </c>
      <c r="FX20" s="104">
        <v>851915</v>
      </c>
      <c r="FY20" s="102">
        <v>1210906</v>
      </c>
      <c r="FZ20" s="101">
        <v>0</v>
      </c>
      <c r="GA20" s="104">
        <v>1562961</v>
      </c>
      <c r="GB20" s="104">
        <v>4599515</v>
      </c>
      <c r="GC20" s="104">
        <v>3130713</v>
      </c>
      <c r="GD20" s="104">
        <v>2211443</v>
      </c>
      <c r="GE20" s="104">
        <v>1779206</v>
      </c>
      <c r="GF20" s="103">
        <v>13283838</v>
      </c>
      <c r="GG20" s="290">
        <v>14494744</v>
      </c>
      <c r="GH20" s="105">
        <v>9504</v>
      </c>
      <c r="GI20" s="104">
        <v>68904</v>
      </c>
      <c r="GJ20" s="102">
        <v>78408</v>
      </c>
      <c r="GK20" s="101">
        <v>0</v>
      </c>
      <c r="GL20" s="104">
        <v>85140</v>
      </c>
      <c r="GM20" s="104">
        <v>241654</v>
      </c>
      <c r="GN20" s="104">
        <v>67320</v>
      </c>
      <c r="GO20" s="104">
        <v>46332</v>
      </c>
      <c r="GP20" s="104">
        <v>72398</v>
      </c>
      <c r="GQ20" s="103">
        <v>512844</v>
      </c>
      <c r="GR20" s="106">
        <v>591252</v>
      </c>
      <c r="GS20" s="100">
        <v>464130</v>
      </c>
      <c r="GT20" s="104">
        <v>370836</v>
      </c>
      <c r="GU20" s="103">
        <v>834966</v>
      </c>
      <c r="GV20" s="100">
        <v>0</v>
      </c>
      <c r="GW20" s="104">
        <v>351720</v>
      </c>
      <c r="GX20" s="104">
        <v>404937</v>
      </c>
      <c r="GY20" s="104">
        <v>17100</v>
      </c>
      <c r="GZ20" s="104">
        <v>152100</v>
      </c>
      <c r="HA20" s="104">
        <v>0</v>
      </c>
      <c r="HB20" s="102">
        <v>925857</v>
      </c>
      <c r="HC20" s="106">
        <v>1760823</v>
      </c>
      <c r="HD20" s="100">
        <v>1328476</v>
      </c>
      <c r="HE20" s="104">
        <v>1028747</v>
      </c>
      <c r="HF20" s="102">
        <v>2357223</v>
      </c>
      <c r="HG20" s="101">
        <v>0</v>
      </c>
      <c r="HH20" s="104">
        <v>9639268</v>
      </c>
      <c r="HI20" s="104">
        <v>6082915</v>
      </c>
      <c r="HJ20" s="104">
        <v>7451314</v>
      </c>
      <c r="HK20" s="104">
        <v>8686053</v>
      </c>
      <c r="HL20" s="104">
        <v>4069579</v>
      </c>
      <c r="HM20" s="103">
        <v>35929129</v>
      </c>
      <c r="HN20" s="99">
        <v>38286352</v>
      </c>
      <c r="HO20" s="105">
        <v>366729</v>
      </c>
      <c r="HP20" s="104">
        <v>798777</v>
      </c>
      <c r="HQ20" s="103">
        <v>1165506</v>
      </c>
      <c r="HR20" s="100">
        <v>0</v>
      </c>
      <c r="HS20" s="104">
        <v>6979085</v>
      </c>
      <c r="HT20" s="104">
        <v>7427324</v>
      </c>
      <c r="HU20" s="104">
        <v>4395491</v>
      </c>
      <c r="HV20" s="104">
        <v>2481654</v>
      </c>
      <c r="HW20" s="104">
        <v>1666720</v>
      </c>
      <c r="HX20" s="102">
        <v>22950274</v>
      </c>
      <c r="HY20" s="106">
        <v>24115780</v>
      </c>
      <c r="HZ20" s="135">
        <v>139833</v>
      </c>
      <c r="IA20" s="122">
        <v>2082482</v>
      </c>
      <c r="IB20" s="135">
        <v>2222315</v>
      </c>
      <c r="IC20" s="121">
        <v>0</v>
      </c>
      <c r="ID20" s="122">
        <v>20002957</v>
      </c>
      <c r="IE20" s="123">
        <v>26477087</v>
      </c>
      <c r="IF20" s="124">
        <v>24321924</v>
      </c>
      <c r="IG20" s="122">
        <v>16536990</v>
      </c>
      <c r="IH20" s="124">
        <v>12205932</v>
      </c>
      <c r="II20" s="125">
        <v>99544890</v>
      </c>
      <c r="IJ20" s="135">
        <v>101767205</v>
      </c>
      <c r="IK20" s="215">
        <v>0</v>
      </c>
      <c r="IL20" s="219">
        <v>0</v>
      </c>
      <c r="IM20" s="220">
        <v>0</v>
      </c>
      <c r="IN20" s="127">
        <v>0</v>
      </c>
      <c r="IO20" s="109">
        <v>303530</v>
      </c>
      <c r="IP20" s="109">
        <v>232404</v>
      </c>
      <c r="IQ20" s="109">
        <v>386476</v>
      </c>
      <c r="IR20" s="109">
        <v>969099</v>
      </c>
      <c r="IS20" s="109">
        <v>1509695</v>
      </c>
      <c r="IT20" s="128">
        <v>3401204</v>
      </c>
      <c r="IU20" s="292">
        <v>3401204</v>
      </c>
      <c r="IV20" s="129">
        <v>0</v>
      </c>
      <c r="IW20" s="109">
        <v>0</v>
      </c>
      <c r="IX20" s="110">
        <v>0</v>
      </c>
      <c r="IY20" s="443">
        <v>0</v>
      </c>
      <c r="IZ20" s="109">
        <v>0</v>
      </c>
      <c r="JA20" s="109">
        <v>0</v>
      </c>
      <c r="JB20" s="109">
        <v>0</v>
      </c>
      <c r="JC20" s="109">
        <v>0</v>
      </c>
      <c r="JD20" s="109">
        <v>0</v>
      </c>
      <c r="JE20" s="110">
        <v>0</v>
      </c>
      <c r="JF20" s="111">
        <v>0</v>
      </c>
      <c r="JG20" s="129">
        <v>0</v>
      </c>
      <c r="JH20" s="109">
        <v>0</v>
      </c>
      <c r="JI20" s="128">
        <v>0</v>
      </c>
      <c r="JJ20" s="108">
        <v>0</v>
      </c>
      <c r="JK20" s="109">
        <v>7827633</v>
      </c>
      <c r="JL20" s="109">
        <v>9637635</v>
      </c>
      <c r="JM20" s="109">
        <v>6997344</v>
      </c>
      <c r="JN20" s="109">
        <v>3211358</v>
      </c>
      <c r="JO20" s="109">
        <v>1165591</v>
      </c>
      <c r="JP20" s="110">
        <v>28839561</v>
      </c>
      <c r="JQ20" s="292">
        <v>28839561</v>
      </c>
      <c r="JR20" s="129">
        <v>0</v>
      </c>
      <c r="JS20" s="109">
        <v>0</v>
      </c>
      <c r="JT20" s="128">
        <v>0</v>
      </c>
      <c r="JU20" s="108">
        <v>0</v>
      </c>
      <c r="JV20" s="109">
        <v>178756</v>
      </c>
      <c r="JW20" s="109">
        <v>243764</v>
      </c>
      <c r="JX20" s="109">
        <v>712356</v>
      </c>
      <c r="JY20" s="109">
        <v>135976</v>
      </c>
      <c r="JZ20" s="109">
        <v>279736</v>
      </c>
      <c r="KA20" s="110">
        <v>1550588</v>
      </c>
      <c r="KB20" s="292">
        <v>1550588</v>
      </c>
      <c r="KC20" s="217">
        <v>139833</v>
      </c>
      <c r="KD20" s="213">
        <v>1082690</v>
      </c>
      <c r="KE20" s="110">
        <v>1222523</v>
      </c>
      <c r="KF20" s="108">
        <v>0</v>
      </c>
      <c r="KG20" s="109">
        <v>1901139</v>
      </c>
      <c r="KH20" s="109">
        <v>1748380</v>
      </c>
      <c r="KI20" s="109">
        <v>1336687</v>
      </c>
      <c r="KJ20" s="109">
        <v>1912077</v>
      </c>
      <c r="KK20" s="109">
        <v>1180798</v>
      </c>
      <c r="KL20" s="110">
        <v>8079081</v>
      </c>
      <c r="KM20" s="130">
        <v>9301604</v>
      </c>
      <c r="KN20" s="215">
        <v>0</v>
      </c>
      <c r="KO20" s="219">
        <v>999792</v>
      </c>
      <c r="KP20" s="220">
        <v>999792</v>
      </c>
      <c r="KQ20" s="443">
        <v>0</v>
      </c>
      <c r="KR20" s="109">
        <v>8732111</v>
      </c>
      <c r="KS20" s="109">
        <v>12267062</v>
      </c>
      <c r="KT20" s="109">
        <v>10494967</v>
      </c>
      <c r="KU20" s="109">
        <v>6860217</v>
      </c>
      <c r="KV20" s="109">
        <v>5364211</v>
      </c>
      <c r="KW20" s="110">
        <v>43718568</v>
      </c>
      <c r="KX20" s="292">
        <v>44718360</v>
      </c>
      <c r="KY20" s="129">
        <v>0</v>
      </c>
      <c r="KZ20" s="109">
        <v>0</v>
      </c>
      <c r="LA20" s="110">
        <v>0</v>
      </c>
      <c r="LB20" s="443">
        <v>0</v>
      </c>
      <c r="LC20" s="109">
        <v>0</v>
      </c>
      <c r="LD20" s="109">
        <v>0</v>
      </c>
      <c r="LE20" s="109">
        <v>0</v>
      </c>
      <c r="LF20" s="109">
        <v>0</v>
      </c>
      <c r="LG20" s="109">
        <v>0</v>
      </c>
      <c r="LH20" s="110">
        <v>0</v>
      </c>
      <c r="LI20" s="111">
        <v>0</v>
      </c>
      <c r="LJ20" s="129">
        <v>0</v>
      </c>
      <c r="LK20" s="109">
        <v>0</v>
      </c>
      <c r="LL20" s="110">
        <v>0</v>
      </c>
      <c r="LM20" s="443">
        <v>0</v>
      </c>
      <c r="LN20" s="109">
        <v>0</v>
      </c>
      <c r="LO20" s="109">
        <v>0</v>
      </c>
      <c r="LP20" s="109">
        <v>2033628</v>
      </c>
      <c r="LQ20" s="109">
        <v>3448263</v>
      </c>
      <c r="LR20" s="109">
        <v>2362387</v>
      </c>
      <c r="LS20" s="110">
        <v>7844278</v>
      </c>
      <c r="LT20" s="292">
        <v>7844278</v>
      </c>
      <c r="LU20" s="129">
        <v>0</v>
      </c>
      <c r="LV20" s="109">
        <v>0</v>
      </c>
      <c r="LW20" s="110">
        <v>0</v>
      </c>
      <c r="LX20" s="443">
        <v>0</v>
      </c>
      <c r="LY20" s="109">
        <v>1059788</v>
      </c>
      <c r="LZ20" s="109">
        <v>2347842</v>
      </c>
      <c r="MA20" s="109">
        <v>2360466</v>
      </c>
      <c r="MB20" s="109">
        <v>0</v>
      </c>
      <c r="MC20" s="109">
        <v>343514</v>
      </c>
      <c r="MD20" s="110">
        <v>6111610</v>
      </c>
      <c r="ME20" s="111">
        <v>6111610</v>
      </c>
      <c r="MF20" s="129">
        <v>0</v>
      </c>
      <c r="MG20" s="109">
        <v>0</v>
      </c>
      <c r="MH20" s="110">
        <v>0</v>
      </c>
      <c r="MI20" s="443">
        <v>0</v>
      </c>
      <c r="MJ20" s="109">
        <v>3891233</v>
      </c>
      <c r="MK20" s="109">
        <v>10517424</v>
      </c>
      <c r="ML20" s="109">
        <v>34695055</v>
      </c>
      <c r="MM20" s="109">
        <v>62111691</v>
      </c>
      <c r="MN20" s="109">
        <v>33198481</v>
      </c>
      <c r="MO20" s="110">
        <v>144413884</v>
      </c>
      <c r="MP20" s="130">
        <v>144413884</v>
      </c>
      <c r="MQ20" s="129">
        <v>0</v>
      </c>
      <c r="MR20" s="109">
        <v>0</v>
      </c>
      <c r="MS20" s="110">
        <v>0</v>
      </c>
      <c r="MT20" s="443">
        <v>0</v>
      </c>
      <c r="MU20" s="109">
        <v>210634</v>
      </c>
      <c r="MV20" s="109">
        <v>0</v>
      </c>
      <c r="MW20" s="109">
        <v>22815272</v>
      </c>
      <c r="MX20" s="109">
        <v>41662985</v>
      </c>
      <c r="MY20" s="109">
        <v>24840349</v>
      </c>
      <c r="MZ20" s="110">
        <v>89529240</v>
      </c>
      <c r="NA20" s="130">
        <v>89529240</v>
      </c>
      <c r="NB20" s="129">
        <v>0</v>
      </c>
      <c r="NC20" s="109">
        <v>0</v>
      </c>
      <c r="ND20" s="110">
        <v>0</v>
      </c>
      <c r="NE20" s="443">
        <v>0</v>
      </c>
      <c r="NF20" s="109">
        <v>3680599</v>
      </c>
      <c r="NG20" s="109">
        <v>10517424</v>
      </c>
      <c r="NH20" s="109">
        <v>11879783</v>
      </c>
      <c r="NI20" s="109">
        <v>20448706</v>
      </c>
      <c r="NJ20" s="109">
        <v>8358132</v>
      </c>
      <c r="NK20" s="110">
        <v>54884644</v>
      </c>
      <c r="NL20" s="292">
        <v>54884644</v>
      </c>
      <c r="NM20" s="129">
        <v>0</v>
      </c>
      <c r="NN20" s="109">
        <v>0</v>
      </c>
      <c r="NO20" s="110">
        <v>0</v>
      </c>
      <c r="NP20" s="443">
        <v>0</v>
      </c>
      <c r="NQ20" s="109">
        <v>0</v>
      </c>
      <c r="NR20" s="109">
        <v>0</v>
      </c>
      <c r="NS20" s="109">
        <v>0</v>
      </c>
      <c r="NT20" s="109">
        <v>0</v>
      </c>
      <c r="NU20" s="109">
        <v>0</v>
      </c>
      <c r="NV20" s="110">
        <v>0</v>
      </c>
      <c r="NW20" s="111">
        <v>0</v>
      </c>
      <c r="NX20" s="129">
        <v>0</v>
      </c>
      <c r="NY20" s="109">
        <v>0</v>
      </c>
      <c r="NZ20" s="110">
        <v>0</v>
      </c>
      <c r="OA20" s="443">
        <v>0</v>
      </c>
      <c r="OB20" s="109">
        <v>0</v>
      </c>
      <c r="OC20" s="109">
        <v>0</v>
      </c>
      <c r="OD20" s="109">
        <v>0</v>
      </c>
      <c r="OE20" s="109">
        <v>0</v>
      </c>
      <c r="OF20" s="109">
        <v>0</v>
      </c>
      <c r="OG20" s="110">
        <v>0</v>
      </c>
      <c r="OH20" s="111">
        <v>0</v>
      </c>
      <c r="OI20" s="129">
        <v>2946115</v>
      </c>
      <c r="OJ20" s="109">
        <v>6239566</v>
      </c>
      <c r="OK20" s="128">
        <v>9185681</v>
      </c>
      <c r="OL20" s="108">
        <v>0</v>
      </c>
      <c r="OM20" s="109">
        <v>59098258</v>
      </c>
      <c r="ON20" s="109">
        <v>82808354</v>
      </c>
      <c r="OO20" s="109">
        <v>99652436</v>
      </c>
      <c r="OP20" s="109">
        <v>114666260</v>
      </c>
      <c r="OQ20" s="109">
        <v>70161474</v>
      </c>
      <c r="OR20" s="110">
        <v>426386782</v>
      </c>
      <c r="OS20" s="130">
        <v>435572463</v>
      </c>
    </row>
    <row r="21" spans="2:409" ht="21" customHeight="1" x14ac:dyDescent="0.2">
      <c r="B21" s="437" t="s">
        <v>16</v>
      </c>
      <c r="C21" s="100">
        <v>5887219</v>
      </c>
      <c r="D21" s="104">
        <v>14031915</v>
      </c>
      <c r="E21" s="103">
        <v>19919134</v>
      </c>
      <c r="F21" s="99">
        <v>0</v>
      </c>
      <c r="G21" s="104">
        <v>80356063</v>
      </c>
      <c r="H21" s="104">
        <v>142175658</v>
      </c>
      <c r="I21" s="104">
        <v>106586258</v>
      </c>
      <c r="J21" s="104">
        <v>104837025</v>
      </c>
      <c r="K21" s="104">
        <v>74517660</v>
      </c>
      <c r="L21" s="99">
        <v>508472664</v>
      </c>
      <c r="M21" s="106">
        <v>528391798</v>
      </c>
      <c r="N21" s="100">
        <v>1124309</v>
      </c>
      <c r="O21" s="104">
        <v>2429026</v>
      </c>
      <c r="P21" s="103">
        <v>3553335</v>
      </c>
      <c r="Q21" s="100">
        <v>0</v>
      </c>
      <c r="R21" s="104">
        <v>17587324</v>
      </c>
      <c r="S21" s="104">
        <v>33939758</v>
      </c>
      <c r="T21" s="104">
        <v>26745677</v>
      </c>
      <c r="U21" s="104">
        <v>32117814</v>
      </c>
      <c r="V21" s="104">
        <v>27747400</v>
      </c>
      <c r="W21" s="103">
        <v>138137973</v>
      </c>
      <c r="X21" s="106">
        <v>141691308</v>
      </c>
      <c r="Y21" s="100">
        <v>0</v>
      </c>
      <c r="Z21" s="104">
        <v>0</v>
      </c>
      <c r="AA21" s="103">
        <v>0</v>
      </c>
      <c r="AB21" s="100">
        <v>0</v>
      </c>
      <c r="AC21" s="104">
        <v>7783199</v>
      </c>
      <c r="AD21" s="104">
        <v>13711262</v>
      </c>
      <c r="AE21" s="104">
        <v>12682191</v>
      </c>
      <c r="AF21" s="104">
        <v>17436342</v>
      </c>
      <c r="AG21" s="104">
        <v>13714748</v>
      </c>
      <c r="AH21" s="103">
        <v>65327742</v>
      </c>
      <c r="AI21" s="106">
        <v>65327742</v>
      </c>
      <c r="AJ21" s="100">
        <v>0</v>
      </c>
      <c r="AK21" s="104">
        <v>10700</v>
      </c>
      <c r="AL21" s="103">
        <v>10700</v>
      </c>
      <c r="AM21" s="100">
        <v>0</v>
      </c>
      <c r="AN21" s="104">
        <v>76099</v>
      </c>
      <c r="AO21" s="104">
        <v>380110</v>
      </c>
      <c r="AP21" s="104">
        <v>466806</v>
      </c>
      <c r="AQ21" s="104">
        <v>1633231</v>
      </c>
      <c r="AR21" s="104">
        <v>3114152</v>
      </c>
      <c r="AS21" s="103">
        <v>5670398</v>
      </c>
      <c r="AT21" s="106">
        <v>5681098</v>
      </c>
      <c r="AU21" s="100">
        <v>547859</v>
      </c>
      <c r="AV21" s="104">
        <v>1483341</v>
      </c>
      <c r="AW21" s="103">
        <v>2031200</v>
      </c>
      <c r="AX21" s="100">
        <v>0</v>
      </c>
      <c r="AY21" s="104">
        <v>6271509</v>
      </c>
      <c r="AZ21" s="104">
        <v>13611311</v>
      </c>
      <c r="BA21" s="104">
        <v>9174077</v>
      </c>
      <c r="BB21" s="104">
        <v>8356119</v>
      </c>
      <c r="BC21" s="104">
        <v>7157728</v>
      </c>
      <c r="BD21" s="103">
        <v>44570744</v>
      </c>
      <c r="BE21" s="106">
        <v>46601944</v>
      </c>
      <c r="BF21" s="100">
        <v>101359</v>
      </c>
      <c r="BG21" s="104">
        <v>346307</v>
      </c>
      <c r="BH21" s="102">
        <v>447666</v>
      </c>
      <c r="BI21" s="101">
        <v>0</v>
      </c>
      <c r="BJ21" s="104">
        <v>218213</v>
      </c>
      <c r="BK21" s="104">
        <v>1391921</v>
      </c>
      <c r="BL21" s="104">
        <v>532206</v>
      </c>
      <c r="BM21" s="104">
        <v>245946</v>
      </c>
      <c r="BN21" s="104">
        <v>404823</v>
      </c>
      <c r="BO21" s="103">
        <v>2793109</v>
      </c>
      <c r="BP21" s="106">
        <v>3240775</v>
      </c>
      <c r="BQ21" s="100">
        <v>475091</v>
      </c>
      <c r="BR21" s="104">
        <v>588678</v>
      </c>
      <c r="BS21" s="103">
        <v>1063769</v>
      </c>
      <c r="BT21" s="100">
        <v>0</v>
      </c>
      <c r="BU21" s="104">
        <v>3238304</v>
      </c>
      <c r="BV21" s="104">
        <v>4845154</v>
      </c>
      <c r="BW21" s="104">
        <v>3890397</v>
      </c>
      <c r="BX21" s="104">
        <v>4446176</v>
      </c>
      <c r="BY21" s="104">
        <v>3355949</v>
      </c>
      <c r="BZ21" s="103">
        <v>19775980</v>
      </c>
      <c r="CA21" s="106">
        <v>20839749</v>
      </c>
      <c r="CB21" s="100">
        <v>1003031</v>
      </c>
      <c r="CC21" s="104">
        <v>4243174</v>
      </c>
      <c r="CD21" s="103">
        <v>5246205</v>
      </c>
      <c r="CE21" s="100">
        <v>0</v>
      </c>
      <c r="CF21" s="104">
        <v>28210200</v>
      </c>
      <c r="CG21" s="104">
        <v>50625651</v>
      </c>
      <c r="CH21" s="104">
        <v>35647051</v>
      </c>
      <c r="CI21" s="104">
        <v>24686000</v>
      </c>
      <c r="CJ21" s="104">
        <v>15010183</v>
      </c>
      <c r="CK21" s="103">
        <v>154179085</v>
      </c>
      <c r="CL21" s="106">
        <v>159425290</v>
      </c>
      <c r="CM21" s="100">
        <v>0</v>
      </c>
      <c r="CN21" s="104">
        <v>0</v>
      </c>
      <c r="CO21" s="103">
        <v>0</v>
      </c>
      <c r="CP21" s="101">
        <v>0</v>
      </c>
      <c r="CQ21" s="104">
        <v>18958259</v>
      </c>
      <c r="CR21" s="104">
        <v>32718664</v>
      </c>
      <c r="CS21" s="104">
        <v>26488549</v>
      </c>
      <c r="CT21" s="104">
        <v>19216216</v>
      </c>
      <c r="CU21" s="104">
        <v>13061945</v>
      </c>
      <c r="CV21" s="103">
        <v>110443633</v>
      </c>
      <c r="CW21" s="106">
        <v>110443633</v>
      </c>
      <c r="CX21" s="100">
        <v>1003031</v>
      </c>
      <c r="CY21" s="104">
        <v>4243174</v>
      </c>
      <c r="CZ21" s="103">
        <v>5246205</v>
      </c>
      <c r="DA21" s="100">
        <v>0</v>
      </c>
      <c r="DB21" s="104">
        <v>9251941</v>
      </c>
      <c r="DC21" s="104">
        <v>17906987</v>
      </c>
      <c r="DD21" s="104">
        <v>9158502</v>
      </c>
      <c r="DE21" s="104">
        <v>5469784</v>
      </c>
      <c r="DF21" s="104">
        <v>1948238</v>
      </c>
      <c r="DG21" s="103">
        <v>43735452</v>
      </c>
      <c r="DH21" s="106">
        <v>48981657</v>
      </c>
      <c r="DI21" s="100">
        <v>45691</v>
      </c>
      <c r="DJ21" s="104">
        <v>125489</v>
      </c>
      <c r="DK21" s="102">
        <v>171180</v>
      </c>
      <c r="DL21" s="101">
        <v>0</v>
      </c>
      <c r="DM21" s="104">
        <v>2184461</v>
      </c>
      <c r="DN21" s="104">
        <v>6206234</v>
      </c>
      <c r="DO21" s="104">
        <v>7777692</v>
      </c>
      <c r="DP21" s="104">
        <v>5435459</v>
      </c>
      <c r="DQ21" s="104">
        <v>3021689</v>
      </c>
      <c r="DR21" s="103">
        <v>24625535</v>
      </c>
      <c r="DS21" s="106">
        <v>24796715</v>
      </c>
      <c r="DT21" s="100">
        <v>45691</v>
      </c>
      <c r="DU21" s="104">
        <v>125489</v>
      </c>
      <c r="DV21" s="103">
        <v>171180</v>
      </c>
      <c r="DW21" s="100">
        <v>0</v>
      </c>
      <c r="DX21" s="104">
        <v>2081893</v>
      </c>
      <c r="DY21" s="104">
        <v>5223933</v>
      </c>
      <c r="DZ21" s="104">
        <v>7016688</v>
      </c>
      <c r="EA21" s="104">
        <v>4412956</v>
      </c>
      <c r="EB21" s="104">
        <v>2430243</v>
      </c>
      <c r="EC21" s="103">
        <v>21165713</v>
      </c>
      <c r="ED21" s="106">
        <v>21336893</v>
      </c>
      <c r="EE21" s="100">
        <v>0</v>
      </c>
      <c r="EF21" s="102">
        <v>0</v>
      </c>
      <c r="EG21" s="103">
        <v>0</v>
      </c>
      <c r="EH21" s="100">
        <v>0</v>
      </c>
      <c r="EI21" s="104">
        <v>102568</v>
      </c>
      <c r="EJ21" s="104">
        <v>982301</v>
      </c>
      <c r="EK21" s="104">
        <v>761004</v>
      </c>
      <c r="EL21" s="104">
        <v>1022503</v>
      </c>
      <c r="EM21" s="104">
        <v>591446</v>
      </c>
      <c r="EN21" s="102">
        <v>3459822</v>
      </c>
      <c r="EO21" s="106">
        <v>3459822</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06">
        <v>0</v>
      </c>
      <c r="FE21" s="104">
        <v>0</v>
      </c>
      <c r="FF21" s="104">
        <v>0</v>
      </c>
      <c r="FG21" s="104">
        <v>0</v>
      </c>
      <c r="FH21" s="104">
        <v>0</v>
      </c>
      <c r="FI21" s="104">
        <v>0</v>
      </c>
      <c r="FJ21" s="103">
        <v>0</v>
      </c>
      <c r="FK21" s="106">
        <v>0</v>
      </c>
      <c r="FL21" s="100">
        <v>1235976</v>
      </c>
      <c r="FM21" s="104">
        <v>2928250</v>
      </c>
      <c r="FN21" s="103">
        <v>4164226</v>
      </c>
      <c r="FO21" s="100">
        <v>0</v>
      </c>
      <c r="FP21" s="104">
        <v>3252133</v>
      </c>
      <c r="FQ21" s="104">
        <v>12937878</v>
      </c>
      <c r="FR21" s="104">
        <v>7892007</v>
      </c>
      <c r="FS21" s="104">
        <v>7526567</v>
      </c>
      <c r="FT21" s="104">
        <v>5399999</v>
      </c>
      <c r="FU21" s="103">
        <v>37008584</v>
      </c>
      <c r="FV21" s="106">
        <v>41172810</v>
      </c>
      <c r="FW21" s="105">
        <v>855601</v>
      </c>
      <c r="FX21" s="104">
        <v>2320455</v>
      </c>
      <c r="FY21" s="102">
        <v>3176056</v>
      </c>
      <c r="FZ21" s="101">
        <v>0</v>
      </c>
      <c r="GA21" s="104">
        <v>2884893</v>
      </c>
      <c r="GB21" s="104">
        <v>12045081</v>
      </c>
      <c r="GC21" s="104">
        <v>7361407</v>
      </c>
      <c r="GD21" s="104">
        <v>7066477</v>
      </c>
      <c r="GE21" s="104">
        <v>5399999</v>
      </c>
      <c r="GF21" s="103">
        <v>34757857</v>
      </c>
      <c r="GG21" s="290">
        <v>37933913</v>
      </c>
      <c r="GH21" s="105">
        <v>218825</v>
      </c>
      <c r="GI21" s="104">
        <v>352629</v>
      </c>
      <c r="GJ21" s="102">
        <v>571454</v>
      </c>
      <c r="GK21" s="101">
        <v>0</v>
      </c>
      <c r="GL21" s="104">
        <v>200728</v>
      </c>
      <c r="GM21" s="104">
        <v>433367</v>
      </c>
      <c r="GN21" s="104">
        <v>63720</v>
      </c>
      <c r="GO21" s="104">
        <v>280090</v>
      </c>
      <c r="GP21" s="104">
        <v>0</v>
      </c>
      <c r="GQ21" s="103">
        <v>977905</v>
      </c>
      <c r="GR21" s="106">
        <v>1549359</v>
      </c>
      <c r="GS21" s="100">
        <v>161550</v>
      </c>
      <c r="GT21" s="104">
        <v>255166</v>
      </c>
      <c r="GU21" s="103">
        <v>416716</v>
      </c>
      <c r="GV21" s="100">
        <v>0</v>
      </c>
      <c r="GW21" s="104">
        <v>166512</v>
      </c>
      <c r="GX21" s="104">
        <v>459430</v>
      </c>
      <c r="GY21" s="104">
        <v>466880</v>
      </c>
      <c r="GZ21" s="104">
        <v>180000</v>
      </c>
      <c r="HA21" s="104">
        <v>0</v>
      </c>
      <c r="HB21" s="102">
        <v>1272822</v>
      </c>
      <c r="HC21" s="106">
        <v>1689538</v>
      </c>
      <c r="HD21" s="100">
        <v>1435403</v>
      </c>
      <c r="HE21" s="104">
        <v>2078568</v>
      </c>
      <c r="HF21" s="102">
        <v>3513971</v>
      </c>
      <c r="HG21" s="101">
        <v>0</v>
      </c>
      <c r="HH21" s="104">
        <v>16873752</v>
      </c>
      <c r="HI21" s="104">
        <v>21385132</v>
      </c>
      <c r="HJ21" s="104">
        <v>18413262</v>
      </c>
      <c r="HK21" s="104">
        <v>28046917</v>
      </c>
      <c r="HL21" s="104">
        <v>19203334</v>
      </c>
      <c r="HM21" s="103">
        <v>103922397</v>
      </c>
      <c r="HN21" s="99">
        <v>107436368</v>
      </c>
      <c r="HO21" s="105">
        <v>1042809</v>
      </c>
      <c r="HP21" s="104">
        <v>2227408</v>
      </c>
      <c r="HQ21" s="103">
        <v>3270217</v>
      </c>
      <c r="HR21" s="100">
        <v>0</v>
      </c>
      <c r="HS21" s="104">
        <v>12248193</v>
      </c>
      <c r="HT21" s="104">
        <v>17081005</v>
      </c>
      <c r="HU21" s="104">
        <v>10110569</v>
      </c>
      <c r="HV21" s="104">
        <v>7024268</v>
      </c>
      <c r="HW21" s="104">
        <v>4135055</v>
      </c>
      <c r="HX21" s="102">
        <v>50599090</v>
      </c>
      <c r="HY21" s="106">
        <v>53869307</v>
      </c>
      <c r="HZ21" s="118">
        <v>233305</v>
      </c>
      <c r="IA21" s="119">
        <v>497186</v>
      </c>
      <c r="IB21" s="120">
        <v>730491</v>
      </c>
      <c r="IC21" s="131">
        <v>0</v>
      </c>
      <c r="ID21" s="119">
        <v>14883212</v>
      </c>
      <c r="IE21" s="132">
        <v>30728012</v>
      </c>
      <c r="IF21" s="120">
        <v>32751765</v>
      </c>
      <c r="IG21" s="119">
        <v>26798826</v>
      </c>
      <c r="IH21" s="120">
        <v>23109647</v>
      </c>
      <c r="II21" s="133">
        <v>128271462</v>
      </c>
      <c r="IJ21" s="126">
        <v>129001953</v>
      </c>
      <c r="IK21" s="215">
        <v>0</v>
      </c>
      <c r="IL21" s="219">
        <v>0</v>
      </c>
      <c r="IM21" s="220">
        <v>0</v>
      </c>
      <c r="IN21" s="127">
        <v>0</v>
      </c>
      <c r="IO21" s="109">
        <v>503231</v>
      </c>
      <c r="IP21" s="109">
        <v>1789054</v>
      </c>
      <c r="IQ21" s="109">
        <v>2411351</v>
      </c>
      <c r="IR21" s="109">
        <v>2343888</v>
      </c>
      <c r="IS21" s="109">
        <v>2533688</v>
      </c>
      <c r="IT21" s="128">
        <v>9581212</v>
      </c>
      <c r="IU21" s="292">
        <v>9581212</v>
      </c>
      <c r="IV21" s="129">
        <v>0</v>
      </c>
      <c r="IW21" s="109">
        <v>0</v>
      </c>
      <c r="IX21" s="110">
        <v>0</v>
      </c>
      <c r="IY21" s="443">
        <v>0</v>
      </c>
      <c r="IZ21" s="109">
        <v>21521</v>
      </c>
      <c r="JA21" s="109">
        <v>18446</v>
      </c>
      <c r="JB21" s="109">
        <v>74989</v>
      </c>
      <c r="JC21" s="109">
        <v>189610</v>
      </c>
      <c r="JD21" s="109">
        <v>39771</v>
      </c>
      <c r="JE21" s="110">
        <v>344337</v>
      </c>
      <c r="JF21" s="111">
        <v>344337</v>
      </c>
      <c r="JG21" s="129">
        <v>0</v>
      </c>
      <c r="JH21" s="109">
        <v>0</v>
      </c>
      <c r="JI21" s="128">
        <v>0</v>
      </c>
      <c r="JJ21" s="108">
        <v>0</v>
      </c>
      <c r="JK21" s="109">
        <v>7701859</v>
      </c>
      <c r="JL21" s="109">
        <v>10828644</v>
      </c>
      <c r="JM21" s="109">
        <v>8151306</v>
      </c>
      <c r="JN21" s="109">
        <v>5271975</v>
      </c>
      <c r="JO21" s="109">
        <v>2024345</v>
      </c>
      <c r="JP21" s="110">
        <v>33978129</v>
      </c>
      <c r="JQ21" s="292">
        <v>33978129</v>
      </c>
      <c r="JR21" s="129">
        <v>0</v>
      </c>
      <c r="JS21" s="109">
        <v>0</v>
      </c>
      <c r="JT21" s="128">
        <v>0</v>
      </c>
      <c r="JU21" s="108">
        <v>0</v>
      </c>
      <c r="JV21" s="109">
        <v>525588</v>
      </c>
      <c r="JW21" s="109">
        <v>1397850</v>
      </c>
      <c r="JX21" s="109">
        <v>814244</v>
      </c>
      <c r="JY21" s="109">
        <v>487392</v>
      </c>
      <c r="JZ21" s="109">
        <v>759962</v>
      </c>
      <c r="KA21" s="110">
        <v>3985036</v>
      </c>
      <c r="KB21" s="292">
        <v>3985036</v>
      </c>
      <c r="KC21" s="217">
        <v>233305</v>
      </c>
      <c r="KD21" s="213">
        <v>244003</v>
      </c>
      <c r="KE21" s="110">
        <v>477308</v>
      </c>
      <c r="KF21" s="108">
        <v>0</v>
      </c>
      <c r="KG21" s="109">
        <v>1975104</v>
      </c>
      <c r="KH21" s="109">
        <v>3446922</v>
      </c>
      <c r="KI21" s="109">
        <v>4291979</v>
      </c>
      <c r="KJ21" s="109">
        <v>5746610</v>
      </c>
      <c r="KK21" s="109">
        <v>3171206</v>
      </c>
      <c r="KL21" s="110">
        <v>18631821</v>
      </c>
      <c r="KM21" s="130">
        <v>19109129</v>
      </c>
      <c r="KN21" s="215">
        <v>0</v>
      </c>
      <c r="KO21" s="219">
        <v>253183</v>
      </c>
      <c r="KP21" s="220">
        <v>253183</v>
      </c>
      <c r="KQ21" s="443">
        <v>0</v>
      </c>
      <c r="KR21" s="109">
        <v>4014103</v>
      </c>
      <c r="KS21" s="109">
        <v>11596544</v>
      </c>
      <c r="KT21" s="109">
        <v>13885118</v>
      </c>
      <c r="KU21" s="109">
        <v>8621559</v>
      </c>
      <c r="KV21" s="109">
        <v>9491499</v>
      </c>
      <c r="KW21" s="110">
        <v>47608823</v>
      </c>
      <c r="KX21" s="292">
        <v>47862006</v>
      </c>
      <c r="KY21" s="129">
        <v>0</v>
      </c>
      <c r="KZ21" s="109">
        <v>0</v>
      </c>
      <c r="LA21" s="110">
        <v>0</v>
      </c>
      <c r="LB21" s="443">
        <v>0</v>
      </c>
      <c r="LC21" s="109">
        <v>0</v>
      </c>
      <c r="LD21" s="109">
        <v>0</v>
      </c>
      <c r="LE21" s="109">
        <v>0</v>
      </c>
      <c r="LF21" s="109">
        <v>0</v>
      </c>
      <c r="LG21" s="109">
        <v>0</v>
      </c>
      <c r="LH21" s="110">
        <v>0</v>
      </c>
      <c r="LI21" s="111">
        <v>0</v>
      </c>
      <c r="LJ21" s="129">
        <v>0</v>
      </c>
      <c r="LK21" s="109">
        <v>0</v>
      </c>
      <c r="LL21" s="110">
        <v>0</v>
      </c>
      <c r="LM21" s="443">
        <v>0</v>
      </c>
      <c r="LN21" s="109">
        <v>0</v>
      </c>
      <c r="LO21" s="109">
        <v>525258</v>
      </c>
      <c r="LP21" s="109">
        <v>1713702</v>
      </c>
      <c r="LQ21" s="109">
        <v>3148306</v>
      </c>
      <c r="LR21" s="109">
        <v>3747788</v>
      </c>
      <c r="LS21" s="110">
        <v>9135054</v>
      </c>
      <c r="LT21" s="292">
        <v>9135054</v>
      </c>
      <c r="LU21" s="129">
        <v>0</v>
      </c>
      <c r="LV21" s="109">
        <v>0</v>
      </c>
      <c r="LW21" s="110">
        <v>0</v>
      </c>
      <c r="LX21" s="443">
        <v>0</v>
      </c>
      <c r="LY21" s="109">
        <v>141806</v>
      </c>
      <c r="LZ21" s="109">
        <v>1125294</v>
      </c>
      <c r="MA21" s="109">
        <v>1409076</v>
      </c>
      <c r="MB21" s="109">
        <v>989486</v>
      </c>
      <c r="MC21" s="109">
        <v>1341388</v>
      </c>
      <c r="MD21" s="110">
        <v>5007050</v>
      </c>
      <c r="ME21" s="111">
        <v>5007050</v>
      </c>
      <c r="MF21" s="129">
        <v>0</v>
      </c>
      <c r="MG21" s="109">
        <v>0</v>
      </c>
      <c r="MH21" s="110">
        <v>0</v>
      </c>
      <c r="MI21" s="443">
        <v>0</v>
      </c>
      <c r="MJ21" s="109">
        <v>13390409</v>
      </c>
      <c r="MK21" s="109">
        <v>29348492</v>
      </c>
      <c r="ML21" s="109">
        <v>95007907</v>
      </c>
      <c r="MM21" s="109">
        <v>135578175</v>
      </c>
      <c r="MN21" s="109">
        <v>83634881</v>
      </c>
      <c r="MO21" s="110">
        <v>356959864</v>
      </c>
      <c r="MP21" s="130">
        <v>356959864</v>
      </c>
      <c r="MQ21" s="129">
        <v>0</v>
      </c>
      <c r="MR21" s="109">
        <v>0</v>
      </c>
      <c r="MS21" s="110">
        <v>0</v>
      </c>
      <c r="MT21" s="443">
        <v>0</v>
      </c>
      <c r="MU21" s="109">
        <v>1077721</v>
      </c>
      <c r="MV21" s="109">
        <v>3672882</v>
      </c>
      <c r="MW21" s="109">
        <v>54879608</v>
      </c>
      <c r="MX21" s="109">
        <v>86885902</v>
      </c>
      <c r="MY21" s="109">
        <v>56514978</v>
      </c>
      <c r="MZ21" s="110">
        <v>203031091</v>
      </c>
      <c r="NA21" s="130">
        <v>203031091</v>
      </c>
      <c r="NB21" s="129">
        <v>0</v>
      </c>
      <c r="NC21" s="109">
        <v>0</v>
      </c>
      <c r="ND21" s="110">
        <v>0</v>
      </c>
      <c r="NE21" s="443">
        <v>0</v>
      </c>
      <c r="NF21" s="109">
        <v>12312688</v>
      </c>
      <c r="NG21" s="109">
        <v>25675610</v>
      </c>
      <c r="NH21" s="109">
        <v>39416192</v>
      </c>
      <c r="NI21" s="109">
        <v>44063564</v>
      </c>
      <c r="NJ21" s="109">
        <v>19566870</v>
      </c>
      <c r="NK21" s="110">
        <v>141034924</v>
      </c>
      <c r="NL21" s="292">
        <v>141034924</v>
      </c>
      <c r="NM21" s="129">
        <v>0</v>
      </c>
      <c r="NN21" s="109">
        <v>0</v>
      </c>
      <c r="NO21" s="110">
        <v>0</v>
      </c>
      <c r="NP21" s="443">
        <v>0</v>
      </c>
      <c r="NQ21" s="109">
        <v>0</v>
      </c>
      <c r="NR21" s="109">
        <v>0</v>
      </c>
      <c r="NS21" s="109">
        <v>0</v>
      </c>
      <c r="NT21" s="109">
        <v>0</v>
      </c>
      <c r="NU21" s="109">
        <v>0</v>
      </c>
      <c r="NV21" s="110">
        <v>0</v>
      </c>
      <c r="NW21" s="111">
        <v>0</v>
      </c>
      <c r="NX21" s="129">
        <v>0</v>
      </c>
      <c r="NY21" s="109">
        <v>0</v>
      </c>
      <c r="NZ21" s="110">
        <v>0</v>
      </c>
      <c r="OA21" s="443">
        <v>0</v>
      </c>
      <c r="OB21" s="109">
        <v>0</v>
      </c>
      <c r="OC21" s="109">
        <v>0</v>
      </c>
      <c r="OD21" s="109">
        <v>712107</v>
      </c>
      <c r="OE21" s="109">
        <v>4628709</v>
      </c>
      <c r="OF21" s="109">
        <v>7553033</v>
      </c>
      <c r="OG21" s="110">
        <v>12893849</v>
      </c>
      <c r="OH21" s="111">
        <v>12893849</v>
      </c>
      <c r="OI21" s="129">
        <v>6120524</v>
      </c>
      <c r="OJ21" s="109">
        <v>14529101</v>
      </c>
      <c r="OK21" s="128">
        <v>20649625</v>
      </c>
      <c r="OL21" s="108">
        <v>0</v>
      </c>
      <c r="OM21" s="109">
        <v>108629684</v>
      </c>
      <c r="ON21" s="109">
        <v>202252162</v>
      </c>
      <c r="OO21" s="109">
        <v>234345930</v>
      </c>
      <c r="OP21" s="109">
        <v>267214026</v>
      </c>
      <c r="OQ21" s="109">
        <v>181262188</v>
      </c>
      <c r="OR21" s="110">
        <v>993703990</v>
      </c>
      <c r="OS21" s="130">
        <v>1014353615</v>
      </c>
    </row>
    <row r="22" spans="2:409" ht="21" customHeight="1" x14ac:dyDescent="0.2">
      <c r="B22" s="437" t="s">
        <v>17</v>
      </c>
      <c r="C22" s="100">
        <v>7504081</v>
      </c>
      <c r="D22" s="104">
        <v>17984545</v>
      </c>
      <c r="E22" s="103">
        <v>25488626</v>
      </c>
      <c r="F22" s="99">
        <v>0</v>
      </c>
      <c r="G22" s="104">
        <v>84513000</v>
      </c>
      <c r="H22" s="104">
        <v>175713254</v>
      </c>
      <c r="I22" s="104">
        <v>153666435</v>
      </c>
      <c r="J22" s="104">
        <v>140840553</v>
      </c>
      <c r="K22" s="104">
        <v>97908911</v>
      </c>
      <c r="L22" s="99">
        <v>652642153</v>
      </c>
      <c r="M22" s="106">
        <v>678130779</v>
      </c>
      <c r="N22" s="100">
        <v>1527276</v>
      </c>
      <c r="O22" s="104">
        <v>3789982</v>
      </c>
      <c r="P22" s="103">
        <v>5317258</v>
      </c>
      <c r="Q22" s="100">
        <v>0</v>
      </c>
      <c r="R22" s="104">
        <v>19879068</v>
      </c>
      <c r="S22" s="104">
        <v>46533926</v>
      </c>
      <c r="T22" s="104">
        <v>49382689</v>
      </c>
      <c r="U22" s="104">
        <v>53466652</v>
      </c>
      <c r="V22" s="104">
        <v>46757823</v>
      </c>
      <c r="W22" s="103">
        <v>216020158</v>
      </c>
      <c r="X22" s="106">
        <v>221337416</v>
      </c>
      <c r="Y22" s="100">
        <v>0</v>
      </c>
      <c r="Z22" s="104">
        <v>0</v>
      </c>
      <c r="AA22" s="103">
        <v>0</v>
      </c>
      <c r="AB22" s="100">
        <v>0</v>
      </c>
      <c r="AC22" s="104">
        <v>8515384</v>
      </c>
      <c r="AD22" s="104">
        <v>23300002</v>
      </c>
      <c r="AE22" s="104">
        <v>30850528</v>
      </c>
      <c r="AF22" s="104">
        <v>33304795</v>
      </c>
      <c r="AG22" s="104">
        <v>27398637</v>
      </c>
      <c r="AH22" s="103">
        <v>123369346</v>
      </c>
      <c r="AI22" s="106">
        <v>123369346</v>
      </c>
      <c r="AJ22" s="100">
        <v>0</v>
      </c>
      <c r="AK22" s="104">
        <v>0</v>
      </c>
      <c r="AL22" s="103">
        <v>0</v>
      </c>
      <c r="AM22" s="100">
        <v>0</v>
      </c>
      <c r="AN22" s="104">
        <v>123947</v>
      </c>
      <c r="AO22" s="104">
        <v>322835</v>
      </c>
      <c r="AP22" s="104">
        <v>969932</v>
      </c>
      <c r="AQ22" s="104">
        <v>2804023</v>
      </c>
      <c r="AR22" s="104">
        <v>5244440</v>
      </c>
      <c r="AS22" s="103">
        <v>9465177</v>
      </c>
      <c r="AT22" s="106">
        <v>9465177</v>
      </c>
      <c r="AU22" s="100">
        <v>830773</v>
      </c>
      <c r="AV22" s="104">
        <v>2729423</v>
      </c>
      <c r="AW22" s="103">
        <v>3560196</v>
      </c>
      <c r="AX22" s="100">
        <v>0</v>
      </c>
      <c r="AY22" s="104">
        <v>6976507</v>
      </c>
      <c r="AZ22" s="104">
        <v>14706721</v>
      </c>
      <c r="BA22" s="104">
        <v>9586518</v>
      </c>
      <c r="BB22" s="104">
        <v>10229604</v>
      </c>
      <c r="BC22" s="104">
        <v>8471295</v>
      </c>
      <c r="BD22" s="103">
        <v>49970645</v>
      </c>
      <c r="BE22" s="106">
        <v>53530841</v>
      </c>
      <c r="BF22" s="100">
        <v>35400</v>
      </c>
      <c r="BG22" s="104">
        <v>319135</v>
      </c>
      <c r="BH22" s="102">
        <v>354535</v>
      </c>
      <c r="BI22" s="101">
        <v>0</v>
      </c>
      <c r="BJ22" s="104">
        <v>404190</v>
      </c>
      <c r="BK22" s="104">
        <v>1406765</v>
      </c>
      <c r="BL22" s="104">
        <v>1383226</v>
      </c>
      <c r="BM22" s="104">
        <v>803046</v>
      </c>
      <c r="BN22" s="104">
        <v>876494</v>
      </c>
      <c r="BO22" s="103">
        <v>4873721</v>
      </c>
      <c r="BP22" s="106">
        <v>5228256</v>
      </c>
      <c r="BQ22" s="100">
        <v>661103</v>
      </c>
      <c r="BR22" s="104">
        <v>741424</v>
      </c>
      <c r="BS22" s="103">
        <v>1402527</v>
      </c>
      <c r="BT22" s="100">
        <v>0</v>
      </c>
      <c r="BU22" s="104">
        <v>3859040</v>
      </c>
      <c r="BV22" s="104">
        <v>6797603</v>
      </c>
      <c r="BW22" s="104">
        <v>6592485</v>
      </c>
      <c r="BX22" s="104">
        <v>6325184</v>
      </c>
      <c r="BY22" s="104">
        <v>4766957</v>
      </c>
      <c r="BZ22" s="103">
        <v>28341269</v>
      </c>
      <c r="CA22" s="106">
        <v>29743796</v>
      </c>
      <c r="CB22" s="100">
        <v>801327</v>
      </c>
      <c r="CC22" s="104">
        <v>3464784</v>
      </c>
      <c r="CD22" s="103">
        <v>4266111</v>
      </c>
      <c r="CE22" s="100">
        <v>0</v>
      </c>
      <c r="CF22" s="104">
        <v>25490040</v>
      </c>
      <c r="CG22" s="104">
        <v>58052444</v>
      </c>
      <c r="CH22" s="104">
        <v>43014409</v>
      </c>
      <c r="CI22" s="104">
        <v>26998731</v>
      </c>
      <c r="CJ22" s="104">
        <v>15888034</v>
      </c>
      <c r="CK22" s="103">
        <v>169443658</v>
      </c>
      <c r="CL22" s="106">
        <v>173709769</v>
      </c>
      <c r="CM22" s="100">
        <v>0</v>
      </c>
      <c r="CN22" s="104">
        <v>0</v>
      </c>
      <c r="CO22" s="103">
        <v>0</v>
      </c>
      <c r="CP22" s="101">
        <v>0</v>
      </c>
      <c r="CQ22" s="104">
        <v>22435931</v>
      </c>
      <c r="CR22" s="104">
        <v>45066334</v>
      </c>
      <c r="CS22" s="104">
        <v>34066498</v>
      </c>
      <c r="CT22" s="104">
        <v>21663576</v>
      </c>
      <c r="CU22" s="104">
        <v>13623137</v>
      </c>
      <c r="CV22" s="103">
        <v>136855476</v>
      </c>
      <c r="CW22" s="106">
        <v>136855476</v>
      </c>
      <c r="CX22" s="100">
        <v>801327</v>
      </c>
      <c r="CY22" s="104">
        <v>3464784</v>
      </c>
      <c r="CZ22" s="103">
        <v>4266111</v>
      </c>
      <c r="DA22" s="100">
        <v>0</v>
      </c>
      <c r="DB22" s="104">
        <v>3054109</v>
      </c>
      <c r="DC22" s="104">
        <v>12986110</v>
      </c>
      <c r="DD22" s="104">
        <v>8947911</v>
      </c>
      <c r="DE22" s="104">
        <v>5335155</v>
      </c>
      <c r="DF22" s="104">
        <v>2264897</v>
      </c>
      <c r="DG22" s="103">
        <v>32588182</v>
      </c>
      <c r="DH22" s="106">
        <v>36854293</v>
      </c>
      <c r="DI22" s="100">
        <v>61946</v>
      </c>
      <c r="DJ22" s="104">
        <v>96333</v>
      </c>
      <c r="DK22" s="102">
        <v>158279</v>
      </c>
      <c r="DL22" s="101">
        <v>0</v>
      </c>
      <c r="DM22" s="104">
        <v>2810839</v>
      </c>
      <c r="DN22" s="104">
        <v>8062892</v>
      </c>
      <c r="DO22" s="104">
        <v>12174428</v>
      </c>
      <c r="DP22" s="104">
        <v>16094188</v>
      </c>
      <c r="DQ22" s="104">
        <v>5815123</v>
      </c>
      <c r="DR22" s="103">
        <v>44957470</v>
      </c>
      <c r="DS22" s="106">
        <v>45115749</v>
      </c>
      <c r="DT22" s="100">
        <v>61946</v>
      </c>
      <c r="DU22" s="104">
        <v>96333</v>
      </c>
      <c r="DV22" s="103">
        <v>158279</v>
      </c>
      <c r="DW22" s="100">
        <v>0</v>
      </c>
      <c r="DX22" s="104">
        <v>2602985</v>
      </c>
      <c r="DY22" s="104">
        <v>6692423</v>
      </c>
      <c r="DZ22" s="104">
        <v>11027016</v>
      </c>
      <c r="EA22" s="104">
        <v>14788693</v>
      </c>
      <c r="EB22" s="104">
        <v>4890728</v>
      </c>
      <c r="EC22" s="103">
        <v>40001845</v>
      </c>
      <c r="ED22" s="106">
        <v>40160124</v>
      </c>
      <c r="EE22" s="100">
        <v>0</v>
      </c>
      <c r="EF22" s="102">
        <v>0</v>
      </c>
      <c r="EG22" s="103">
        <v>0</v>
      </c>
      <c r="EH22" s="100">
        <v>0</v>
      </c>
      <c r="EI22" s="104">
        <v>207854</v>
      </c>
      <c r="EJ22" s="104">
        <v>1370469</v>
      </c>
      <c r="EK22" s="104">
        <v>1147412</v>
      </c>
      <c r="EL22" s="104">
        <v>1305495</v>
      </c>
      <c r="EM22" s="104">
        <v>924395</v>
      </c>
      <c r="EN22" s="102">
        <v>4955625</v>
      </c>
      <c r="EO22" s="106">
        <v>4955625</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06">
        <v>0</v>
      </c>
      <c r="FE22" s="104">
        <v>0</v>
      </c>
      <c r="FF22" s="104">
        <v>0</v>
      </c>
      <c r="FG22" s="104">
        <v>0</v>
      </c>
      <c r="FH22" s="104">
        <v>0</v>
      </c>
      <c r="FI22" s="104">
        <v>0</v>
      </c>
      <c r="FJ22" s="103">
        <v>0</v>
      </c>
      <c r="FK22" s="106">
        <v>0</v>
      </c>
      <c r="FL22" s="100">
        <v>1975119</v>
      </c>
      <c r="FM22" s="104">
        <v>4573335</v>
      </c>
      <c r="FN22" s="103">
        <v>6548454</v>
      </c>
      <c r="FO22" s="100">
        <v>0</v>
      </c>
      <c r="FP22" s="104">
        <v>4085277</v>
      </c>
      <c r="FQ22" s="104">
        <v>17379715</v>
      </c>
      <c r="FR22" s="104">
        <v>12750041</v>
      </c>
      <c r="FS22" s="104">
        <v>10823599</v>
      </c>
      <c r="FT22" s="104">
        <v>7768393</v>
      </c>
      <c r="FU22" s="103">
        <v>52807025</v>
      </c>
      <c r="FV22" s="106">
        <v>59355479</v>
      </c>
      <c r="FW22" s="105">
        <v>975508</v>
      </c>
      <c r="FX22" s="104">
        <v>3374269</v>
      </c>
      <c r="FY22" s="102">
        <v>4349777</v>
      </c>
      <c r="FZ22" s="101">
        <v>0</v>
      </c>
      <c r="GA22" s="104">
        <v>3278563</v>
      </c>
      <c r="GB22" s="104">
        <v>16074854</v>
      </c>
      <c r="GC22" s="104">
        <v>11390283</v>
      </c>
      <c r="GD22" s="104">
        <v>9888060</v>
      </c>
      <c r="GE22" s="104">
        <v>7592078</v>
      </c>
      <c r="GF22" s="103">
        <v>48223838</v>
      </c>
      <c r="GG22" s="290">
        <v>52573615</v>
      </c>
      <c r="GH22" s="105">
        <v>99410</v>
      </c>
      <c r="GI22" s="104">
        <v>90853</v>
      </c>
      <c r="GJ22" s="102">
        <v>190263</v>
      </c>
      <c r="GK22" s="101">
        <v>0</v>
      </c>
      <c r="GL22" s="104">
        <v>275714</v>
      </c>
      <c r="GM22" s="104">
        <v>451181</v>
      </c>
      <c r="GN22" s="104">
        <v>427198</v>
      </c>
      <c r="GO22" s="104">
        <v>297872</v>
      </c>
      <c r="GP22" s="104">
        <v>0</v>
      </c>
      <c r="GQ22" s="103">
        <v>1451965</v>
      </c>
      <c r="GR22" s="106">
        <v>1642228</v>
      </c>
      <c r="GS22" s="100">
        <v>900201</v>
      </c>
      <c r="GT22" s="104">
        <v>1108213</v>
      </c>
      <c r="GU22" s="103">
        <v>2008414</v>
      </c>
      <c r="GV22" s="100">
        <v>0</v>
      </c>
      <c r="GW22" s="104">
        <v>531000</v>
      </c>
      <c r="GX22" s="104">
        <v>853680</v>
      </c>
      <c r="GY22" s="104">
        <v>932560</v>
      </c>
      <c r="GZ22" s="104">
        <v>637667</v>
      </c>
      <c r="HA22" s="104">
        <v>176315</v>
      </c>
      <c r="HB22" s="102">
        <v>3131222</v>
      </c>
      <c r="HC22" s="106">
        <v>5139636</v>
      </c>
      <c r="HD22" s="100">
        <v>1864392</v>
      </c>
      <c r="HE22" s="104">
        <v>3050849</v>
      </c>
      <c r="HF22" s="102">
        <v>4915241</v>
      </c>
      <c r="HG22" s="101">
        <v>0</v>
      </c>
      <c r="HH22" s="104">
        <v>17831042</v>
      </c>
      <c r="HI22" s="104">
        <v>22723491</v>
      </c>
      <c r="HJ22" s="104">
        <v>20491882</v>
      </c>
      <c r="HK22" s="104">
        <v>22498265</v>
      </c>
      <c r="HL22" s="104">
        <v>15685663</v>
      </c>
      <c r="HM22" s="103">
        <v>99230343</v>
      </c>
      <c r="HN22" s="99">
        <v>104145584</v>
      </c>
      <c r="HO22" s="105">
        <v>1274021</v>
      </c>
      <c r="HP22" s="104">
        <v>3009262</v>
      </c>
      <c r="HQ22" s="103">
        <v>4283283</v>
      </c>
      <c r="HR22" s="100">
        <v>0</v>
      </c>
      <c r="HS22" s="104">
        <v>14416734</v>
      </c>
      <c r="HT22" s="104">
        <v>22960786</v>
      </c>
      <c r="HU22" s="104">
        <v>15852986</v>
      </c>
      <c r="HV22" s="104">
        <v>10959118</v>
      </c>
      <c r="HW22" s="104">
        <v>5993875</v>
      </c>
      <c r="HX22" s="102">
        <v>70183499</v>
      </c>
      <c r="HY22" s="106">
        <v>74466782</v>
      </c>
      <c r="HZ22" s="135">
        <v>75435</v>
      </c>
      <c r="IA22" s="122">
        <v>459452</v>
      </c>
      <c r="IB22" s="135">
        <v>534887</v>
      </c>
      <c r="IC22" s="121">
        <v>0</v>
      </c>
      <c r="ID22" s="122">
        <v>25158228</v>
      </c>
      <c r="IE22" s="123">
        <v>47417319</v>
      </c>
      <c r="IF22" s="124">
        <v>54624898</v>
      </c>
      <c r="IG22" s="122">
        <v>46888470</v>
      </c>
      <c r="IH22" s="124">
        <v>34301245</v>
      </c>
      <c r="II22" s="125">
        <v>208390160</v>
      </c>
      <c r="IJ22" s="135">
        <v>208925047</v>
      </c>
      <c r="IK22" s="215">
        <v>0</v>
      </c>
      <c r="IL22" s="219">
        <v>0</v>
      </c>
      <c r="IM22" s="220">
        <v>0</v>
      </c>
      <c r="IN22" s="127">
        <v>0</v>
      </c>
      <c r="IO22" s="109">
        <v>100329</v>
      </c>
      <c r="IP22" s="109">
        <v>331191</v>
      </c>
      <c r="IQ22" s="109">
        <v>566819</v>
      </c>
      <c r="IR22" s="109">
        <v>389055</v>
      </c>
      <c r="IS22" s="109">
        <v>239936</v>
      </c>
      <c r="IT22" s="128">
        <v>1627330</v>
      </c>
      <c r="IU22" s="292">
        <v>1627330</v>
      </c>
      <c r="IV22" s="129">
        <v>0</v>
      </c>
      <c r="IW22" s="109">
        <v>0</v>
      </c>
      <c r="IX22" s="110">
        <v>0</v>
      </c>
      <c r="IY22" s="443">
        <v>0</v>
      </c>
      <c r="IZ22" s="109">
        <v>0</v>
      </c>
      <c r="JA22" s="109">
        <v>0</v>
      </c>
      <c r="JB22" s="109">
        <v>0</v>
      </c>
      <c r="JC22" s="109">
        <v>0</v>
      </c>
      <c r="JD22" s="109">
        <v>0</v>
      </c>
      <c r="JE22" s="110">
        <v>0</v>
      </c>
      <c r="JF22" s="111">
        <v>0</v>
      </c>
      <c r="JG22" s="129">
        <v>0</v>
      </c>
      <c r="JH22" s="109">
        <v>0</v>
      </c>
      <c r="JI22" s="128">
        <v>0</v>
      </c>
      <c r="JJ22" s="108">
        <v>0</v>
      </c>
      <c r="JK22" s="109">
        <v>12926499</v>
      </c>
      <c r="JL22" s="109">
        <v>19387456</v>
      </c>
      <c r="JM22" s="109">
        <v>13882840</v>
      </c>
      <c r="JN22" s="109">
        <v>12869201</v>
      </c>
      <c r="JO22" s="109">
        <v>6887848</v>
      </c>
      <c r="JP22" s="110">
        <v>65953844</v>
      </c>
      <c r="JQ22" s="292">
        <v>65953844</v>
      </c>
      <c r="JR22" s="129">
        <v>75435</v>
      </c>
      <c r="JS22" s="109">
        <v>290628</v>
      </c>
      <c r="JT22" s="128">
        <v>366063</v>
      </c>
      <c r="JU22" s="108">
        <v>0</v>
      </c>
      <c r="JV22" s="109">
        <v>1538075</v>
      </c>
      <c r="JW22" s="109">
        <v>2147657</v>
      </c>
      <c r="JX22" s="109">
        <v>2155188</v>
      </c>
      <c r="JY22" s="109">
        <v>2003727</v>
      </c>
      <c r="JZ22" s="109">
        <v>736274</v>
      </c>
      <c r="KA22" s="110">
        <v>8580921</v>
      </c>
      <c r="KB22" s="292">
        <v>8946984</v>
      </c>
      <c r="KC22" s="217">
        <v>0</v>
      </c>
      <c r="KD22" s="213">
        <v>168824</v>
      </c>
      <c r="KE22" s="110">
        <v>168824</v>
      </c>
      <c r="KF22" s="108">
        <v>0</v>
      </c>
      <c r="KG22" s="109">
        <v>1789617</v>
      </c>
      <c r="KH22" s="109">
        <v>6193749</v>
      </c>
      <c r="KI22" s="109">
        <v>7570280</v>
      </c>
      <c r="KJ22" s="109">
        <v>6371734</v>
      </c>
      <c r="KK22" s="109">
        <v>4283387</v>
      </c>
      <c r="KL22" s="110">
        <v>26208767</v>
      </c>
      <c r="KM22" s="130">
        <v>26377591</v>
      </c>
      <c r="KN22" s="215">
        <v>0</v>
      </c>
      <c r="KO22" s="219">
        <v>0</v>
      </c>
      <c r="KP22" s="220">
        <v>0</v>
      </c>
      <c r="KQ22" s="443">
        <v>0</v>
      </c>
      <c r="KR22" s="109">
        <v>8602322</v>
      </c>
      <c r="KS22" s="109">
        <v>18158679</v>
      </c>
      <c r="KT22" s="109">
        <v>22607957</v>
      </c>
      <c r="KU22" s="109">
        <v>12297319</v>
      </c>
      <c r="KV22" s="109">
        <v>7439589</v>
      </c>
      <c r="KW22" s="110">
        <v>69105866</v>
      </c>
      <c r="KX22" s="292">
        <v>69105866</v>
      </c>
      <c r="KY22" s="129">
        <v>0</v>
      </c>
      <c r="KZ22" s="109">
        <v>0</v>
      </c>
      <c r="LA22" s="110">
        <v>0</v>
      </c>
      <c r="LB22" s="443">
        <v>0</v>
      </c>
      <c r="LC22" s="109">
        <v>0</v>
      </c>
      <c r="LD22" s="109">
        <v>0</v>
      </c>
      <c r="LE22" s="109">
        <v>0</v>
      </c>
      <c r="LF22" s="109">
        <v>0</v>
      </c>
      <c r="LG22" s="109">
        <v>0</v>
      </c>
      <c r="LH22" s="110">
        <v>0</v>
      </c>
      <c r="LI22" s="111">
        <v>0</v>
      </c>
      <c r="LJ22" s="129">
        <v>0</v>
      </c>
      <c r="LK22" s="109">
        <v>0</v>
      </c>
      <c r="LL22" s="110">
        <v>0</v>
      </c>
      <c r="LM22" s="443">
        <v>0</v>
      </c>
      <c r="LN22" s="109">
        <v>0</v>
      </c>
      <c r="LO22" s="109">
        <v>514404</v>
      </c>
      <c r="LP22" s="109">
        <v>7253219</v>
      </c>
      <c r="LQ22" s="109">
        <v>11909814</v>
      </c>
      <c r="LR22" s="109">
        <v>11403360</v>
      </c>
      <c r="LS22" s="110">
        <v>31080797</v>
      </c>
      <c r="LT22" s="292">
        <v>31080797</v>
      </c>
      <c r="LU22" s="129">
        <v>0</v>
      </c>
      <c r="LV22" s="109">
        <v>0</v>
      </c>
      <c r="LW22" s="110">
        <v>0</v>
      </c>
      <c r="LX22" s="443">
        <v>0</v>
      </c>
      <c r="LY22" s="109">
        <v>201386</v>
      </c>
      <c r="LZ22" s="109">
        <v>684183</v>
      </c>
      <c r="MA22" s="109">
        <v>588595</v>
      </c>
      <c r="MB22" s="109">
        <v>1047620</v>
      </c>
      <c r="MC22" s="109">
        <v>3310851</v>
      </c>
      <c r="MD22" s="110">
        <v>5832635</v>
      </c>
      <c r="ME22" s="111">
        <v>5832635</v>
      </c>
      <c r="MF22" s="129">
        <v>0</v>
      </c>
      <c r="MG22" s="109">
        <v>0</v>
      </c>
      <c r="MH22" s="110">
        <v>0</v>
      </c>
      <c r="MI22" s="443">
        <v>0</v>
      </c>
      <c r="MJ22" s="109">
        <v>10387827</v>
      </c>
      <c r="MK22" s="109">
        <v>36349461</v>
      </c>
      <c r="ML22" s="109">
        <v>98539875</v>
      </c>
      <c r="MM22" s="109">
        <v>131461942</v>
      </c>
      <c r="MN22" s="109">
        <v>103153742</v>
      </c>
      <c r="MO22" s="110">
        <v>379892847</v>
      </c>
      <c r="MP22" s="130">
        <v>379892847</v>
      </c>
      <c r="MQ22" s="129">
        <v>0</v>
      </c>
      <c r="MR22" s="109">
        <v>0</v>
      </c>
      <c r="MS22" s="110">
        <v>0</v>
      </c>
      <c r="MT22" s="443">
        <v>0</v>
      </c>
      <c r="MU22" s="109">
        <v>677206</v>
      </c>
      <c r="MV22" s="109">
        <v>3020018</v>
      </c>
      <c r="MW22" s="109">
        <v>52819006</v>
      </c>
      <c r="MX22" s="109">
        <v>80450840</v>
      </c>
      <c r="MY22" s="109">
        <v>68831606</v>
      </c>
      <c r="MZ22" s="110">
        <v>205798676</v>
      </c>
      <c r="NA22" s="130">
        <v>205798676</v>
      </c>
      <c r="NB22" s="129">
        <v>0</v>
      </c>
      <c r="NC22" s="109">
        <v>0</v>
      </c>
      <c r="ND22" s="110">
        <v>0</v>
      </c>
      <c r="NE22" s="443">
        <v>0</v>
      </c>
      <c r="NF22" s="109">
        <v>9710621</v>
      </c>
      <c r="NG22" s="109">
        <v>33329443</v>
      </c>
      <c r="NH22" s="109">
        <v>45720869</v>
      </c>
      <c r="NI22" s="109">
        <v>49536785</v>
      </c>
      <c r="NJ22" s="109">
        <v>27378864</v>
      </c>
      <c r="NK22" s="110">
        <v>165676582</v>
      </c>
      <c r="NL22" s="292">
        <v>165676582</v>
      </c>
      <c r="NM22" s="129">
        <v>0</v>
      </c>
      <c r="NN22" s="109">
        <v>0</v>
      </c>
      <c r="NO22" s="110">
        <v>0</v>
      </c>
      <c r="NP22" s="443">
        <v>0</v>
      </c>
      <c r="NQ22" s="109">
        <v>0</v>
      </c>
      <c r="NR22" s="109">
        <v>0</v>
      </c>
      <c r="NS22" s="109">
        <v>0</v>
      </c>
      <c r="NT22" s="109">
        <v>335088</v>
      </c>
      <c r="NU22" s="109">
        <v>1050153</v>
      </c>
      <c r="NV22" s="110">
        <v>1385241</v>
      </c>
      <c r="NW22" s="111">
        <v>1385241</v>
      </c>
      <c r="NX22" s="129">
        <v>0</v>
      </c>
      <c r="NY22" s="109">
        <v>0</v>
      </c>
      <c r="NZ22" s="110">
        <v>0</v>
      </c>
      <c r="OA22" s="443">
        <v>0</v>
      </c>
      <c r="OB22" s="109">
        <v>0</v>
      </c>
      <c r="OC22" s="109">
        <v>0</v>
      </c>
      <c r="OD22" s="109">
        <v>0</v>
      </c>
      <c r="OE22" s="109">
        <v>1139229</v>
      </c>
      <c r="OF22" s="109">
        <v>5893119</v>
      </c>
      <c r="OG22" s="110">
        <v>7032348</v>
      </c>
      <c r="OH22" s="111">
        <v>7032348</v>
      </c>
      <c r="OI22" s="129">
        <v>7579516</v>
      </c>
      <c r="OJ22" s="109">
        <v>18443997</v>
      </c>
      <c r="OK22" s="128">
        <v>26023513</v>
      </c>
      <c r="OL22" s="108">
        <v>0</v>
      </c>
      <c r="OM22" s="109">
        <v>120059055</v>
      </c>
      <c r="ON22" s="109">
        <v>259480034</v>
      </c>
      <c r="OO22" s="109">
        <v>306831208</v>
      </c>
      <c r="OP22" s="109">
        <v>319190965</v>
      </c>
      <c r="OQ22" s="109">
        <v>235363898</v>
      </c>
      <c r="OR22" s="110">
        <v>1240925160</v>
      </c>
      <c r="OS22" s="130">
        <v>1266948673</v>
      </c>
    </row>
    <row r="23" spans="2:409" ht="21" customHeight="1" x14ac:dyDescent="0.2">
      <c r="B23" s="437" t="s">
        <v>18</v>
      </c>
      <c r="C23" s="100">
        <v>9969930</v>
      </c>
      <c r="D23" s="104">
        <v>18510065</v>
      </c>
      <c r="E23" s="103">
        <v>28479995</v>
      </c>
      <c r="F23" s="99">
        <v>0</v>
      </c>
      <c r="G23" s="104">
        <v>150128208</v>
      </c>
      <c r="H23" s="104">
        <v>178069715</v>
      </c>
      <c r="I23" s="104">
        <v>162303388</v>
      </c>
      <c r="J23" s="104">
        <v>152889317</v>
      </c>
      <c r="K23" s="104">
        <v>110178309</v>
      </c>
      <c r="L23" s="99">
        <v>753568937</v>
      </c>
      <c r="M23" s="106">
        <v>782048932</v>
      </c>
      <c r="N23" s="100">
        <v>2579664</v>
      </c>
      <c r="O23" s="104">
        <v>4657316</v>
      </c>
      <c r="P23" s="103">
        <v>7236980</v>
      </c>
      <c r="Q23" s="100">
        <v>0</v>
      </c>
      <c r="R23" s="104">
        <v>40721542</v>
      </c>
      <c r="S23" s="104">
        <v>53838548</v>
      </c>
      <c r="T23" s="104">
        <v>50438377</v>
      </c>
      <c r="U23" s="104">
        <v>62799144</v>
      </c>
      <c r="V23" s="104">
        <v>57026567</v>
      </c>
      <c r="W23" s="103">
        <v>264824178</v>
      </c>
      <c r="X23" s="106">
        <v>272061158</v>
      </c>
      <c r="Y23" s="100">
        <v>0</v>
      </c>
      <c r="Z23" s="104">
        <v>0</v>
      </c>
      <c r="AA23" s="103">
        <v>0</v>
      </c>
      <c r="AB23" s="100">
        <v>0</v>
      </c>
      <c r="AC23" s="104">
        <v>18919207</v>
      </c>
      <c r="AD23" s="104">
        <v>26104085</v>
      </c>
      <c r="AE23" s="104">
        <v>28681102</v>
      </c>
      <c r="AF23" s="104">
        <v>40233701</v>
      </c>
      <c r="AG23" s="104">
        <v>36251796</v>
      </c>
      <c r="AH23" s="103">
        <v>150189891</v>
      </c>
      <c r="AI23" s="106">
        <v>150189891</v>
      </c>
      <c r="AJ23" s="100">
        <v>0</v>
      </c>
      <c r="AK23" s="104">
        <v>0</v>
      </c>
      <c r="AL23" s="103">
        <v>0</v>
      </c>
      <c r="AM23" s="100">
        <v>0</v>
      </c>
      <c r="AN23" s="104">
        <v>75979</v>
      </c>
      <c r="AO23" s="104">
        <v>463664</v>
      </c>
      <c r="AP23" s="104">
        <v>859598</v>
      </c>
      <c r="AQ23" s="104">
        <v>3311685</v>
      </c>
      <c r="AR23" s="104">
        <v>5421519</v>
      </c>
      <c r="AS23" s="103">
        <v>10132445</v>
      </c>
      <c r="AT23" s="106">
        <v>10132445</v>
      </c>
      <c r="AU23" s="100">
        <v>1423423</v>
      </c>
      <c r="AV23" s="104">
        <v>3445323</v>
      </c>
      <c r="AW23" s="103">
        <v>4868746</v>
      </c>
      <c r="AX23" s="100">
        <v>0</v>
      </c>
      <c r="AY23" s="104">
        <v>13213752</v>
      </c>
      <c r="AZ23" s="104">
        <v>16287292</v>
      </c>
      <c r="BA23" s="104">
        <v>11199045</v>
      </c>
      <c r="BB23" s="104">
        <v>10144962</v>
      </c>
      <c r="BC23" s="104">
        <v>8913947</v>
      </c>
      <c r="BD23" s="103">
        <v>59758998</v>
      </c>
      <c r="BE23" s="106">
        <v>64627744</v>
      </c>
      <c r="BF23" s="100">
        <v>193862</v>
      </c>
      <c r="BG23" s="104">
        <v>450396</v>
      </c>
      <c r="BH23" s="102">
        <v>644258</v>
      </c>
      <c r="BI23" s="101">
        <v>0</v>
      </c>
      <c r="BJ23" s="104">
        <v>1729676</v>
      </c>
      <c r="BK23" s="104">
        <v>2403664</v>
      </c>
      <c r="BL23" s="104">
        <v>1694607</v>
      </c>
      <c r="BM23" s="104">
        <v>1101459</v>
      </c>
      <c r="BN23" s="104">
        <v>538652</v>
      </c>
      <c r="BO23" s="103">
        <v>7468058</v>
      </c>
      <c r="BP23" s="106">
        <v>8112316</v>
      </c>
      <c r="BQ23" s="100">
        <v>962379</v>
      </c>
      <c r="BR23" s="104">
        <v>761597</v>
      </c>
      <c r="BS23" s="103">
        <v>1723976</v>
      </c>
      <c r="BT23" s="100">
        <v>0</v>
      </c>
      <c r="BU23" s="104">
        <v>6782928</v>
      </c>
      <c r="BV23" s="104">
        <v>8579843</v>
      </c>
      <c r="BW23" s="104">
        <v>8004025</v>
      </c>
      <c r="BX23" s="104">
        <v>8007337</v>
      </c>
      <c r="BY23" s="104">
        <v>5900653</v>
      </c>
      <c r="BZ23" s="103">
        <v>37274786</v>
      </c>
      <c r="CA23" s="106">
        <v>38998762</v>
      </c>
      <c r="CB23" s="100">
        <v>1724985</v>
      </c>
      <c r="CC23" s="104">
        <v>4690247</v>
      </c>
      <c r="CD23" s="103">
        <v>6415232</v>
      </c>
      <c r="CE23" s="100">
        <v>0</v>
      </c>
      <c r="CF23" s="104">
        <v>49372871</v>
      </c>
      <c r="CG23" s="104">
        <v>55261632</v>
      </c>
      <c r="CH23" s="104">
        <v>48460552</v>
      </c>
      <c r="CI23" s="104">
        <v>28845076</v>
      </c>
      <c r="CJ23" s="104">
        <v>13678814</v>
      </c>
      <c r="CK23" s="103">
        <v>195618945</v>
      </c>
      <c r="CL23" s="106">
        <v>202034177</v>
      </c>
      <c r="CM23" s="100">
        <v>0</v>
      </c>
      <c r="CN23" s="104">
        <v>0</v>
      </c>
      <c r="CO23" s="103">
        <v>0</v>
      </c>
      <c r="CP23" s="101">
        <v>0</v>
      </c>
      <c r="CQ23" s="104">
        <v>40112519</v>
      </c>
      <c r="CR23" s="104">
        <v>43639991</v>
      </c>
      <c r="CS23" s="104">
        <v>38993992</v>
      </c>
      <c r="CT23" s="104">
        <v>23383301</v>
      </c>
      <c r="CU23" s="104">
        <v>11467942</v>
      </c>
      <c r="CV23" s="103">
        <v>157597745</v>
      </c>
      <c r="CW23" s="106">
        <v>157597745</v>
      </c>
      <c r="CX23" s="100">
        <v>1724985</v>
      </c>
      <c r="CY23" s="104">
        <v>4690247</v>
      </c>
      <c r="CZ23" s="103">
        <v>6415232</v>
      </c>
      <c r="DA23" s="100">
        <v>0</v>
      </c>
      <c r="DB23" s="104">
        <v>9260352</v>
      </c>
      <c r="DC23" s="104">
        <v>11621641</v>
      </c>
      <c r="DD23" s="104">
        <v>9466560</v>
      </c>
      <c r="DE23" s="104">
        <v>5461775</v>
      </c>
      <c r="DF23" s="104">
        <v>2210872</v>
      </c>
      <c r="DG23" s="103">
        <v>38021200</v>
      </c>
      <c r="DH23" s="106">
        <v>44436432</v>
      </c>
      <c r="DI23" s="100">
        <v>59821</v>
      </c>
      <c r="DJ23" s="104">
        <v>378660</v>
      </c>
      <c r="DK23" s="102">
        <v>438481</v>
      </c>
      <c r="DL23" s="101">
        <v>0</v>
      </c>
      <c r="DM23" s="104">
        <v>3999058</v>
      </c>
      <c r="DN23" s="104">
        <v>7965603</v>
      </c>
      <c r="DO23" s="104">
        <v>15818762</v>
      </c>
      <c r="DP23" s="104">
        <v>15538415</v>
      </c>
      <c r="DQ23" s="104">
        <v>7902543</v>
      </c>
      <c r="DR23" s="103">
        <v>51224381</v>
      </c>
      <c r="DS23" s="106">
        <v>51662862</v>
      </c>
      <c r="DT23" s="100">
        <v>36688</v>
      </c>
      <c r="DU23" s="104">
        <v>378660</v>
      </c>
      <c r="DV23" s="103">
        <v>415348</v>
      </c>
      <c r="DW23" s="100">
        <v>0</v>
      </c>
      <c r="DX23" s="104">
        <v>3956080</v>
      </c>
      <c r="DY23" s="104">
        <v>7677669</v>
      </c>
      <c r="DZ23" s="104">
        <v>15434758</v>
      </c>
      <c r="EA23" s="104">
        <v>15191332</v>
      </c>
      <c r="EB23" s="104">
        <v>7763810</v>
      </c>
      <c r="EC23" s="103">
        <v>50023649</v>
      </c>
      <c r="ED23" s="106">
        <v>50438997</v>
      </c>
      <c r="EE23" s="100">
        <v>23133</v>
      </c>
      <c r="EF23" s="102">
        <v>0</v>
      </c>
      <c r="EG23" s="103">
        <v>23133</v>
      </c>
      <c r="EH23" s="100">
        <v>0</v>
      </c>
      <c r="EI23" s="104">
        <v>42978</v>
      </c>
      <c r="EJ23" s="104">
        <v>287934</v>
      </c>
      <c r="EK23" s="104">
        <v>384004</v>
      </c>
      <c r="EL23" s="104">
        <v>347083</v>
      </c>
      <c r="EM23" s="104">
        <v>138733</v>
      </c>
      <c r="EN23" s="102">
        <v>1200732</v>
      </c>
      <c r="EO23" s="106">
        <v>1223865</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06">
        <v>0</v>
      </c>
      <c r="FE23" s="104">
        <v>0</v>
      </c>
      <c r="FF23" s="104">
        <v>0</v>
      </c>
      <c r="FG23" s="104">
        <v>0</v>
      </c>
      <c r="FH23" s="104">
        <v>0</v>
      </c>
      <c r="FI23" s="104">
        <v>0</v>
      </c>
      <c r="FJ23" s="103">
        <v>0</v>
      </c>
      <c r="FK23" s="106">
        <v>0</v>
      </c>
      <c r="FL23" s="100">
        <v>1720057</v>
      </c>
      <c r="FM23" s="104">
        <v>4690377</v>
      </c>
      <c r="FN23" s="103">
        <v>6410434</v>
      </c>
      <c r="FO23" s="100">
        <v>0</v>
      </c>
      <c r="FP23" s="104">
        <v>7862220</v>
      </c>
      <c r="FQ23" s="104">
        <v>15807444</v>
      </c>
      <c r="FR23" s="104">
        <v>10163354</v>
      </c>
      <c r="FS23" s="104">
        <v>9943714</v>
      </c>
      <c r="FT23" s="104">
        <v>7876977</v>
      </c>
      <c r="FU23" s="103">
        <v>51653709</v>
      </c>
      <c r="FV23" s="106">
        <v>58064143</v>
      </c>
      <c r="FW23" s="105">
        <v>1148839</v>
      </c>
      <c r="FX23" s="104">
        <v>3179159</v>
      </c>
      <c r="FY23" s="102">
        <v>4327998</v>
      </c>
      <c r="FZ23" s="101">
        <v>0</v>
      </c>
      <c r="GA23" s="104">
        <v>6182839</v>
      </c>
      <c r="GB23" s="104">
        <v>14406462</v>
      </c>
      <c r="GC23" s="104">
        <v>9785457</v>
      </c>
      <c r="GD23" s="104">
        <v>9468670</v>
      </c>
      <c r="GE23" s="104">
        <v>7677942</v>
      </c>
      <c r="GF23" s="103">
        <v>47521370</v>
      </c>
      <c r="GG23" s="290">
        <v>51849368</v>
      </c>
      <c r="GH23" s="105">
        <v>170718</v>
      </c>
      <c r="GI23" s="104">
        <v>192456</v>
      </c>
      <c r="GJ23" s="102">
        <v>363174</v>
      </c>
      <c r="GK23" s="101">
        <v>0</v>
      </c>
      <c r="GL23" s="104">
        <v>289583</v>
      </c>
      <c r="GM23" s="104">
        <v>286110</v>
      </c>
      <c r="GN23" s="104">
        <v>83997</v>
      </c>
      <c r="GO23" s="104">
        <v>230559</v>
      </c>
      <c r="GP23" s="104">
        <v>179235</v>
      </c>
      <c r="GQ23" s="103">
        <v>1069484</v>
      </c>
      <c r="GR23" s="106">
        <v>1432658</v>
      </c>
      <c r="GS23" s="100">
        <v>400500</v>
      </c>
      <c r="GT23" s="104">
        <v>1318762</v>
      </c>
      <c r="GU23" s="103">
        <v>1719262</v>
      </c>
      <c r="GV23" s="100">
        <v>0</v>
      </c>
      <c r="GW23" s="104">
        <v>1389798</v>
      </c>
      <c r="GX23" s="104">
        <v>1114872</v>
      </c>
      <c r="GY23" s="104">
        <v>293900</v>
      </c>
      <c r="GZ23" s="104">
        <v>244485</v>
      </c>
      <c r="HA23" s="104">
        <v>19800</v>
      </c>
      <c r="HB23" s="102">
        <v>3062855</v>
      </c>
      <c r="HC23" s="106">
        <v>4782117</v>
      </c>
      <c r="HD23" s="100">
        <v>2147503</v>
      </c>
      <c r="HE23" s="104">
        <v>788075</v>
      </c>
      <c r="HF23" s="102">
        <v>2935578</v>
      </c>
      <c r="HG23" s="101">
        <v>0</v>
      </c>
      <c r="HH23" s="104">
        <v>23501938</v>
      </c>
      <c r="HI23" s="104">
        <v>23127310</v>
      </c>
      <c r="HJ23" s="104">
        <v>22323665</v>
      </c>
      <c r="HK23" s="104">
        <v>25124380</v>
      </c>
      <c r="HL23" s="104">
        <v>17559886</v>
      </c>
      <c r="HM23" s="103">
        <v>111637179</v>
      </c>
      <c r="HN23" s="99">
        <v>114572757</v>
      </c>
      <c r="HO23" s="105">
        <v>1737900</v>
      </c>
      <c r="HP23" s="104">
        <v>3305390</v>
      </c>
      <c r="HQ23" s="103">
        <v>5043290</v>
      </c>
      <c r="HR23" s="100">
        <v>0</v>
      </c>
      <c r="HS23" s="104">
        <v>24670579</v>
      </c>
      <c r="HT23" s="104">
        <v>22069178</v>
      </c>
      <c r="HU23" s="104">
        <v>15098678</v>
      </c>
      <c r="HV23" s="104">
        <v>10638588</v>
      </c>
      <c r="HW23" s="104">
        <v>6133522</v>
      </c>
      <c r="HX23" s="102">
        <v>78610545</v>
      </c>
      <c r="HY23" s="106">
        <v>83653835</v>
      </c>
      <c r="HZ23" s="118">
        <v>299281</v>
      </c>
      <c r="IA23" s="119">
        <v>2050219</v>
      </c>
      <c r="IB23" s="120">
        <v>2349500</v>
      </c>
      <c r="IC23" s="131">
        <v>0</v>
      </c>
      <c r="ID23" s="119">
        <v>33447859</v>
      </c>
      <c r="IE23" s="132">
        <v>44941276</v>
      </c>
      <c r="IF23" s="120">
        <v>59236335</v>
      </c>
      <c r="IG23" s="119">
        <v>38549577</v>
      </c>
      <c r="IH23" s="120">
        <v>26314818</v>
      </c>
      <c r="II23" s="133">
        <v>202489865</v>
      </c>
      <c r="IJ23" s="126">
        <v>204839365</v>
      </c>
      <c r="IK23" s="215">
        <v>0</v>
      </c>
      <c r="IL23" s="219">
        <v>0</v>
      </c>
      <c r="IM23" s="220">
        <v>0</v>
      </c>
      <c r="IN23" s="127">
        <v>0</v>
      </c>
      <c r="IO23" s="109">
        <v>377829</v>
      </c>
      <c r="IP23" s="109">
        <v>807980</v>
      </c>
      <c r="IQ23" s="109">
        <v>355134</v>
      </c>
      <c r="IR23" s="109">
        <v>382947</v>
      </c>
      <c r="IS23" s="109">
        <v>2659038</v>
      </c>
      <c r="IT23" s="128">
        <v>4582928</v>
      </c>
      <c r="IU23" s="292">
        <v>4582928</v>
      </c>
      <c r="IV23" s="129">
        <v>0</v>
      </c>
      <c r="IW23" s="109">
        <v>0</v>
      </c>
      <c r="IX23" s="110">
        <v>0</v>
      </c>
      <c r="IY23" s="443">
        <v>0</v>
      </c>
      <c r="IZ23" s="109">
        <v>0</v>
      </c>
      <c r="JA23" s="109">
        <v>0</v>
      </c>
      <c r="JB23" s="109">
        <v>0</v>
      </c>
      <c r="JC23" s="109">
        <v>0</v>
      </c>
      <c r="JD23" s="109">
        <v>184402</v>
      </c>
      <c r="JE23" s="110">
        <v>184402</v>
      </c>
      <c r="JF23" s="111">
        <v>184402</v>
      </c>
      <c r="JG23" s="129">
        <v>0</v>
      </c>
      <c r="JH23" s="109">
        <v>0</v>
      </c>
      <c r="JI23" s="128">
        <v>0</v>
      </c>
      <c r="JJ23" s="108">
        <v>0</v>
      </c>
      <c r="JK23" s="109">
        <v>12554940</v>
      </c>
      <c r="JL23" s="109">
        <v>10586381</v>
      </c>
      <c r="JM23" s="109">
        <v>7807453</v>
      </c>
      <c r="JN23" s="109">
        <v>3785989</v>
      </c>
      <c r="JO23" s="109">
        <v>2610350</v>
      </c>
      <c r="JP23" s="110">
        <v>37345113</v>
      </c>
      <c r="JQ23" s="292">
        <v>37345113</v>
      </c>
      <c r="JR23" s="129">
        <v>0</v>
      </c>
      <c r="JS23" s="109">
        <v>0</v>
      </c>
      <c r="JT23" s="128">
        <v>0</v>
      </c>
      <c r="JU23" s="108">
        <v>0</v>
      </c>
      <c r="JV23" s="109">
        <v>955012</v>
      </c>
      <c r="JW23" s="109">
        <v>729104</v>
      </c>
      <c r="JX23" s="109">
        <v>3537390</v>
      </c>
      <c r="JY23" s="109">
        <v>1920201</v>
      </c>
      <c r="JZ23" s="109">
        <v>1042974</v>
      </c>
      <c r="KA23" s="110">
        <v>8184681</v>
      </c>
      <c r="KB23" s="292">
        <v>8184681</v>
      </c>
      <c r="KC23" s="217">
        <v>299281</v>
      </c>
      <c r="KD23" s="213">
        <v>1289282</v>
      </c>
      <c r="KE23" s="110">
        <v>1588563</v>
      </c>
      <c r="KF23" s="108">
        <v>0</v>
      </c>
      <c r="KG23" s="109">
        <v>6024331</v>
      </c>
      <c r="KH23" s="109">
        <v>8282555</v>
      </c>
      <c r="KI23" s="109">
        <v>13591185</v>
      </c>
      <c r="KJ23" s="109">
        <v>4581501</v>
      </c>
      <c r="KK23" s="109">
        <v>2609932</v>
      </c>
      <c r="KL23" s="110">
        <v>35089504</v>
      </c>
      <c r="KM23" s="130">
        <v>36678067</v>
      </c>
      <c r="KN23" s="215">
        <v>0</v>
      </c>
      <c r="KO23" s="219">
        <v>760937</v>
      </c>
      <c r="KP23" s="220">
        <v>760937</v>
      </c>
      <c r="KQ23" s="443">
        <v>0</v>
      </c>
      <c r="KR23" s="109">
        <v>12627591</v>
      </c>
      <c r="KS23" s="109">
        <v>21683743</v>
      </c>
      <c r="KT23" s="109">
        <v>28244836</v>
      </c>
      <c r="KU23" s="109">
        <v>17305829</v>
      </c>
      <c r="KV23" s="109">
        <v>5846849</v>
      </c>
      <c r="KW23" s="110">
        <v>85708848</v>
      </c>
      <c r="KX23" s="292">
        <v>86469785</v>
      </c>
      <c r="KY23" s="129">
        <v>0</v>
      </c>
      <c r="KZ23" s="109">
        <v>0</v>
      </c>
      <c r="LA23" s="110">
        <v>0</v>
      </c>
      <c r="LB23" s="443">
        <v>0</v>
      </c>
      <c r="LC23" s="109">
        <v>0</v>
      </c>
      <c r="LD23" s="109">
        <v>0</v>
      </c>
      <c r="LE23" s="109">
        <v>0</v>
      </c>
      <c r="LF23" s="109">
        <v>0</v>
      </c>
      <c r="LG23" s="109">
        <v>0</v>
      </c>
      <c r="LH23" s="110">
        <v>0</v>
      </c>
      <c r="LI23" s="111">
        <v>0</v>
      </c>
      <c r="LJ23" s="129">
        <v>0</v>
      </c>
      <c r="LK23" s="109">
        <v>0</v>
      </c>
      <c r="LL23" s="110">
        <v>0</v>
      </c>
      <c r="LM23" s="443">
        <v>0</v>
      </c>
      <c r="LN23" s="109">
        <v>0</v>
      </c>
      <c r="LO23" s="109">
        <v>548272</v>
      </c>
      <c r="LP23" s="109">
        <v>1655914</v>
      </c>
      <c r="LQ23" s="109">
        <v>4646811</v>
      </c>
      <c r="LR23" s="109">
        <v>1355996</v>
      </c>
      <c r="LS23" s="110">
        <v>8206993</v>
      </c>
      <c r="LT23" s="292">
        <v>8206993</v>
      </c>
      <c r="LU23" s="129">
        <v>0</v>
      </c>
      <c r="LV23" s="109">
        <v>0</v>
      </c>
      <c r="LW23" s="110">
        <v>0</v>
      </c>
      <c r="LX23" s="443">
        <v>0</v>
      </c>
      <c r="LY23" s="109">
        <v>908156</v>
      </c>
      <c r="LZ23" s="109">
        <v>2303241</v>
      </c>
      <c r="MA23" s="109">
        <v>4044423</v>
      </c>
      <c r="MB23" s="109">
        <v>5926299</v>
      </c>
      <c r="MC23" s="109">
        <v>10005277</v>
      </c>
      <c r="MD23" s="110">
        <v>23187396</v>
      </c>
      <c r="ME23" s="111">
        <v>23187396</v>
      </c>
      <c r="MF23" s="129">
        <v>0</v>
      </c>
      <c r="MG23" s="109">
        <v>0</v>
      </c>
      <c r="MH23" s="110">
        <v>0</v>
      </c>
      <c r="MI23" s="443">
        <v>0</v>
      </c>
      <c r="MJ23" s="109">
        <v>7979754</v>
      </c>
      <c r="MK23" s="109">
        <v>23238211</v>
      </c>
      <c r="ML23" s="109">
        <v>91403463</v>
      </c>
      <c r="MM23" s="109">
        <v>154720360</v>
      </c>
      <c r="MN23" s="109">
        <v>110350055</v>
      </c>
      <c r="MO23" s="110">
        <v>387691843</v>
      </c>
      <c r="MP23" s="130">
        <v>387691843</v>
      </c>
      <c r="MQ23" s="129">
        <v>0</v>
      </c>
      <c r="MR23" s="109">
        <v>0</v>
      </c>
      <c r="MS23" s="110">
        <v>0</v>
      </c>
      <c r="MT23" s="443">
        <v>0</v>
      </c>
      <c r="MU23" s="109">
        <v>1173594</v>
      </c>
      <c r="MV23" s="109">
        <v>3053456</v>
      </c>
      <c r="MW23" s="109">
        <v>53397891</v>
      </c>
      <c r="MX23" s="109">
        <v>114552049</v>
      </c>
      <c r="MY23" s="109">
        <v>79632330</v>
      </c>
      <c r="MZ23" s="110">
        <v>251809320</v>
      </c>
      <c r="NA23" s="130">
        <v>251809320</v>
      </c>
      <c r="NB23" s="129">
        <v>0</v>
      </c>
      <c r="NC23" s="109">
        <v>0</v>
      </c>
      <c r="ND23" s="110">
        <v>0</v>
      </c>
      <c r="NE23" s="443">
        <v>0</v>
      </c>
      <c r="NF23" s="109">
        <v>6806160</v>
      </c>
      <c r="NG23" s="109">
        <v>20184755</v>
      </c>
      <c r="NH23" s="109">
        <v>37681698</v>
      </c>
      <c r="NI23" s="109">
        <v>34836188</v>
      </c>
      <c r="NJ23" s="109">
        <v>22931676</v>
      </c>
      <c r="NK23" s="110">
        <v>122440477</v>
      </c>
      <c r="NL23" s="292">
        <v>122440477</v>
      </c>
      <c r="NM23" s="129">
        <v>0</v>
      </c>
      <c r="NN23" s="109">
        <v>0</v>
      </c>
      <c r="NO23" s="110">
        <v>0</v>
      </c>
      <c r="NP23" s="443">
        <v>0</v>
      </c>
      <c r="NQ23" s="109">
        <v>0</v>
      </c>
      <c r="NR23" s="109">
        <v>0</v>
      </c>
      <c r="NS23" s="109">
        <v>0</v>
      </c>
      <c r="NT23" s="109">
        <v>226440</v>
      </c>
      <c r="NU23" s="109">
        <v>0</v>
      </c>
      <c r="NV23" s="110">
        <v>226440</v>
      </c>
      <c r="NW23" s="111">
        <v>226440</v>
      </c>
      <c r="NX23" s="129">
        <v>0</v>
      </c>
      <c r="NY23" s="109">
        <v>0</v>
      </c>
      <c r="NZ23" s="110">
        <v>0</v>
      </c>
      <c r="OA23" s="443">
        <v>0</v>
      </c>
      <c r="OB23" s="109">
        <v>0</v>
      </c>
      <c r="OC23" s="109">
        <v>0</v>
      </c>
      <c r="OD23" s="109">
        <v>323874</v>
      </c>
      <c r="OE23" s="109">
        <v>5105683</v>
      </c>
      <c r="OF23" s="109">
        <v>7786049</v>
      </c>
      <c r="OG23" s="110">
        <v>13215606</v>
      </c>
      <c r="OH23" s="111">
        <v>13215606</v>
      </c>
      <c r="OI23" s="129">
        <v>10269211</v>
      </c>
      <c r="OJ23" s="109">
        <v>20560284</v>
      </c>
      <c r="OK23" s="128">
        <v>30829495</v>
      </c>
      <c r="OL23" s="108">
        <v>0</v>
      </c>
      <c r="OM23" s="109">
        <v>191555821</v>
      </c>
      <c r="ON23" s="109">
        <v>246249202</v>
      </c>
      <c r="OO23" s="109">
        <v>312943186</v>
      </c>
      <c r="OP23" s="109">
        <v>346159254</v>
      </c>
      <c r="OQ23" s="109">
        <v>246843182</v>
      </c>
      <c r="OR23" s="110">
        <v>1343750645</v>
      </c>
      <c r="OS23" s="130">
        <v>1374580140</v>
      </c>
    </row>
    <row r="24" spans="2:409" ht="21" customHeight="1" x14ac:dyDescent="0.2">
      <c r="B24" s="437" t="s">
        <v>19</v>
      </c>
      <c r="C24" s="100">
        <v>5424764</v>
      </c>
      <c r="D24" s="104">
        <v>10603220</v>
      </c>
      <c r="E24" s="103">
        <v>16027984</v>
      </c>
      <c r="F24" s="99">
        <v>0</v>
      </c>
      <c r="G24" s="104">
        <v>65659440</v>
      </c>
      <c r="H24" s="104">
        <v>72678241</v>
      </c>
      <c r="I24" s="104">
        <v>64902980</v>
      </c>
      <c r="J24" s="104">
        <v>52350372</v>
      </c>
      <c r="K24" s="104">
        <v>38711354</v>
      </c>
      <c r="L24" s="99">
        <v>294302387</v>
      </c>
      <c r="M24" s="106">
        <v>310330371</v>
      </c>
      <c r="N24" s="100">
        <v>1458527</v>
      </c>
      <c r="O24" s="104">
        <v>2145279</v>
      </c>
      <c r="P24" s="103">
        <v>3603806</v>
      </c>
      <c r="Q24" s="100">
        <v>0</v>
      </c>
      <c r="R24" s="104">
        <v>16218936</v>
      </c>
      <c r="S24" s="104">
        <v>17346046</v>
      </c>
      <c r="T24" s="104">
        <v>17124388</v>
      </c>
      <c r="U24" s="104">
        <v>17520577</v>
      </c>
      <c r="V24" s="104">
        <v>16755221</v>
      </c>
      <c r="W24" s="103">
        <v>84965168</v>
      </c>
      <c r="X24" s="106">
        <v>88568974</v>
      </c>
      <c r="Y24" s="100">
        <v>0</v>
      </c>
      <c r="Z24" s="104">
        <v>0</v>
      </c>
      <c r="AA24" s="103">
        <v>0</v>
      </c>
      <c r="AB24" s="100">
        <v>0</v>
      </c>
      <c r="AC24" s="104">
        <v>6203197</v>
      </c>
      <c r="AD24" s="104">
        <v>7459780</v>
      </c>
      <c r="AE24" s="104">
        <v>8169838</v>
      </c>
      <c r="AF24" s="104">
        <v>9210868</v>
      </c>
      <c r="AG24" s="104">
        <v>8671287</v>
      </c>
      <c r="AH24" s="103">
        <v>39714970</v>
      </c>
      <c r="AI24" s="106">
        <v>39714970</v>
      </c>
      <c r="AJ24" s="100">
        <v>0</v>
      </c>
      <c r="AK24" s="104">
        <v>0</v>
      </c>
      <c r="AL24" s="103">
        <v>0</v>
      </c>
      <c r="AM24" s="100">
        <v>0</v>
      </c>
      <c r="AN24" s="104">
        <v>271399</v>
      </c>
      <c r="AO24" s="104">
        <v>296751</v>
      </c>
      <c r="AP24" s="104">
        <v>518926</v>
      </c>
      <c r="AQ24" s="104">
        <v>1051396</v>
      </c>
      <c r="AR24" s="104">
        <v>1765472</v>
      </c>
      <c r="AS24" s="103">
        <v>3903944</v>
      </c>
      <c r="AT24" s="106">
        <v>3903944</v>
      </c>
      <c r="AU24" s="100">
        <v>910044</v>
      </c>
      <c r="AV24" s="104">
        <v>1603770</v>
      </c>
      <c r="AW24" s="103">
        <v>2513814</v>
      </c>
      <c r="AX24" s="100">
        <v>0</v>
      </c>
      <c r="AY24" s="104">
        <v>6629472</v>
      </c>
      <c r="AZ24" s="104">
        <v>5791916</v>
      </c>
      <c r="BA24" s="104">
        <v>5054623</v>
      </c>
      <c r="BB24" s="104">
        <v>4012908</v>
      </c>
      <c r="BC24" s="104">
        <v>4094486</v>
      </c>
      <c r="BD24" s="103">
        <v>25583405</v>
      </c>
      <c r="BE24" s="106">
        <v>28097219</v>
      </c>
      <c r="BF24" s="100">
        <v>72084</v>
      </c>
      <c r="BG24" s="104">
        <v>122583</v>
      </c>
      <c r="BH24" s="102">
        <v>194667</v>
      </c>
      <c r="BI24" s="101">
        <v>0</v>
      </c>
      <c r="BJ24" s="104">
        <v>601741</v>
      </c>
      <c r="BK24" s="104">
        <v>479056</v>
      </c>
      <c r="BL24" s="104">
        <v>321882</v>
      </c>
      <c r="BM24" s="104">
        <v>497656</v>
      </c>
      <c r="BN24" s="104">
        <v>57120</v>
      </c>
      <c r="BO24" s="103">
        <v>1957455</v>
      </c>
      <c r="BP24" s="106">
        <v>2152122</v>
      </c>
      <c r="BQ24" s="100">
        <v>476399</v>
      </c>
      <c r="BR24" s="104">
        <v>418926</v>
      </c>
      <c r="BS24" s="103">
        <v>895325</v>
      </c>
      <c r="BT24" s="100">
        <v>0</v>
      </c>
      <c r="BU24" s="104">
        <v>2513127</v>
      </c>
      <c r="BV24" s="104">
        <v>3318543</v>
      </c>
      <c r="BW24" s="104">
        <v>3059119</v>
      </c>
      <c r="BX24" s="104">
        <v>2747749</v>
      </c>
      <c r="BY24" s="104">
        <v>2166856</v>
      </c>
      <c r="BZ24" s="103">
        <v>13805394</v>
      </c>
      <c r="CA24" s="106">
        <v>14700719</v>
      </c>
      <c r="CB24" s="100">
        <v>824902</v>
      </c>
      <c r="CC24" s="104">
        <v>3038118</v>
      </c>
      <c r="CD24" s="103">
        <v>3863020</v>
      </c>
      <c r="CE24" s="100">
        <v>0</v>
      </c>
      <c r="CF24" s="104">
        <v>20971976</v>
      </c>
      <c r="CG24" s="104">
        <v>26495679</v>
      </c>
      <c r="CH24" s="104">
        <v>18875532</v>
      </c>
      <c r="CI24" s="104">
        <v>9858402</v>
      </c>
      <c r="CJ24" s="104">
        <v>5949919</v>
      </c>
      <c r="CK24" s="103">
        <v>82151508</v>
      </c>
      <c r="CL24" s="106">
        <v>86014528</v>
      </c>
      <c r="CM24" s="100">
        <v>0</v>
      </c>
      <c r="CN24" s="104">
        <v>0</v>
      </c>
      <c r="CO24" s="103">
        <v>0</v>
      </c>
      <c r="CP24" s="101">
        <v>0</v>
      </c>
      <c r="CQ24" s="104">
        <v>15080817</v>
      </c>
      <c r="CR24" s="104">
        <v>19433171</v>
      </c>
      <c r="CS24" s="104">
        <v>13692573</v>
      </c>
      <c r="CT24" s="104">
        <v>7443750</v>
      </c>
      <c r="CU24" s="104">
        <v>4578733</v>
      </c>
      <c r="CV24" s="103">
        <v>60229044</v>
      </c>
      <c r="CW24" s="106">
        <v>60229044</v>
      </c>
      <c r="CX24" s="100">
        <v>824902</v>
      </c>
      <c r="CY24" s="104">
        <v>3038118</v>
      </c>
      <c r="CZ24" s="103">
        <v>3863020</v>
      </c>
      <c r="DA24" s="100">
        <v>0</v>
      </c>
      <c r="DB24" s="104">
        <v>5891159</v>
      </c>
      <c r="DC24" s="104">
        <v>7062508</v>
      </c>
      <c r="DD24" s="104">
        <v>5182959</v>
      </c>
      <c r="DE24" s="104">
        <v>2414652</v>
      </c>
      <c r="DF24" s="104">
        <v>1371186</v>
      </c>
      <c r="DG24" s="103">
        <v>21922464</v>
      </c>
      <c r="DH24" s="106">
        <v>25785484</v>
      </c>
      <c r="DI24" s="100">
        <v>0</v>
      </c>
      <c r="DJ24" s="104">
        <v>75406</v>
      </c>
      <c r="DK24" s="102">
        <v>75406</v>
      </c>
      <c r="DL24" s="101">
        <v>0</v>
      </c>
      <c r="DM24" s="104">
        <v>1234414</v>
      </c>
      <c r="DN24" s="104">
        <v>4029257</v>
      </c>
      <c r="DO24" s="104">
        <v>5709772</v>
      </c>
      <c r="DP24" s="104">
        <v>5085580</v>
      </c>
      <c r="DQ24" s="104">
        <v>1850537</v>
      </c>
      <c r="DR24" s="103">
        <v>17909560</v>
      </c>
      <c r="DS24" s="106">
        <v>17984966</v>
      </c>
      <c r="DT24" s="100">
        <v>0</v>
      </c>
      <c r="DU24" s="104">
        <v>75406</v>
      </c>
      <c r="DV24" s="103">
        <v>75406</v>
      </c>
      <c r="DW24" s="100">
        <v>0</v>
      </c>
      <c r="DX24" s="104">
        <v>1043789</v>
      </c>
      <c r="DY24" s="104">
        <v>3193329</v>
      </c>
      <c r="DZ24" s="104">
        <v>4543694</v>
      </c>
      <c r="EA24" s="104">
        <v>3666310</v>
      </c>
      <c r="EB24" s="104">
        <v>1426454</v>
      </c>
      <c r="EC24" s="103">
        <v>13873576</v>
      </c>
      <c r="ED24" s="106">
        <v>13948982</v>
      </c>
      <c r="EE24" s="100">
        <v>0</v>
      </c>
      <c r="EF24" s="102">
        <v>0</v>
      </c>
      <c r="EG24" s="103">
        <v>0</v>
      </c>
      <c r="EH24" s="100">
        <v>0</v>
      </c>
      <c r="EI24" s="104">
        <v>190625</v>
      </c>
      <c r="EJ24" s="104">
        <v>835928</v>
      </c>
      <c r="EK24" s="104">
        <v>1166078</v>
      </c>
      <c r="EL24" s="104">
        <v>1419270</v>
      </c>
      <c r="EM24" s="104">
        <v>424083</v>
      </c>
      <c r="EN24" s="102">
        <v>4035984</v>
      </c>
      <c r="EO24" s="106">
        <v>4035984</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06">
        <v>0</v>
      </c>
      <c r="FE24" s="104">
        <v>0</v>
      </c>
      <c r="FF24" s="104">
        <v>0</v>
      </c>
      <c r="FG24" s="104">
        <v>0</v>
      </c>
      <c r="FH24" s="104">
        <v>0</v>
      </c>
      <c r="FI24" s="104">
        <v>0</v>
      </c>
      <c r="FJ24" s="103">
        <v>0</v>
      </c>
      <c r="FK24" s="106">
        <v>0</v>
      </c>
      <c r="FL24" s="100">
        <v>1229498</v>
      </c>
      <c r="FM24" s="104">
        <v>2095742</v>
      </c>
      <c r="FN24" s="103">
        <v>3325240</v>
      </c>
      <c r="FO24" s="100">
        <v>0</v>
      </c>
      <c r="FP24" s="104">
        <v>4070866</v>
      </c>
      <c r="FQ24" s="104">
        <v>6228502</v>
      </c>
      <c r="FR24" s="104">
        <v>5073342</v>
      </c>
      <c r="FS24" s="104">
        <v>4339990</v>
      </c>
      <c r="FT24" s="104">
        <v>3218590</v>
      </c>
      <c r="FU24" s="103">
        <v>22931290</v>
      </c>
      <c r="FV24" s="106">
        <v>26256530</v>
      </c>
      <c r="FW24" s="105">
        <v>904014</v>
      </c>
      <c r="FX24" s="104">
        <v>1530217</v>
      </c>
      <c r="FY24" s="102">
        <v>2434231</v>
      </c>
      <c r="FZ24" s="101">
        <v>0</v>
      </c>
      <c r="GA24" s="104">
        <v>3411975</v>
      </c>
      <c r="GB24" s="104">
        <v>5721849</v>
      </c>
      <c r="GC24" s="104">
        <v>4684386</v>
      </c>
      <c r="GD24" s="104">
        <v>3954248</v>
      </c>
      <c r="GE24" s="104">
        <v>3121768</v>
      </c>
      <c r="GF24" s="103">
        <v>20894226</v>
      </c>
      <c r="GG24" s="290">
        <v>23328457</v>
      </c>
      <c r="GH24" s="105">
        <v>53064</v>
      </c>
      <c r="GI24" s="104">
        <v>50475</v>
      </c>
      <c r="GJ24" s="102">
        <v>103539</v>
      </c>
      <c r="GK24" s="101">
        <v>0</v>
      </c>
      <c r="GL24" s="104">
        <v>157545</v>
      </c>
      <c r="GM24" s="104">
        <v>356965</v>
      </c>
      <c r="GN24" s="104">
        <v>235956</v>
      </c>
      <c r="GO24" s="104">
        <v>155340</v>
      </c>
      <c r="GP24" s="104">
        <v>96822</v>
      </c>
      <c r="GQ24" s="103">
        <v>1002628</v>
      </c>
      <c r="GR24" s="106">
        <v>1106167</v>
      </c>
      <c r="GS24" s="100">
        <v>272420</v>
      </c>
      <c r="GT24" s="104">
        <v>515050</v>
      </c>
      <c r="GU24" s="103">
        <v>787470</v>
      </c>
      <c r="GV24" s="100">
        <v>0</v>
      </c>
      <c r="GW24" s="104">
        <v>501346</v>
      </c>
      <c r="GX24" s="104">
        <v>149688</v>
      </c>
      <c r="GY24" s="104">
        <v>153000</v>
      </c>
      <c r="GZ24" s="104">
        <v>230402</v>
      </c>
      <c r="HA24" s="104">
        <v>0</v>
      </c>
      <c r="HB24" s="102">
        <v>1034436</v>
      </c>
      <c r="HC24" s="106">
        <v>1821906</v>
      </c>
      <c r="HD24" s="100">
        <v>927016</v>
      </c>
      <c r="HE24" s="104">
        <v>1710881</v>
      </c>
      <c r="HF24" s="102">
        <v>2637897</v>
      </c>
      <c r="HG24" s="101">
        <v>0</v>
      </c>
      <c r="HH24" s="104">
        <v>12079604</v>
      </c>
      <c r="HI24" s="104">
        <v>10331465</v>
      </c>
      <c r="HJ24" s="104">
        <v>12345091</v>
      </c>
      <c r="HK24" s="104">
        <v>12193968</v>
      </c>
      <c r="HL24" s="104">
        <v>8927960</v>
      </c>
      <c r="HM24" s="103">
        <v>55878088</v>
      </c>
      <c r="HN24" s="99">
        <v>58515985</v>
      </c>
      <c r="HO24" s="105">
        <v>984821</v>
      </c>
      <c r="HP24" s="104">
        <v>1537794</v>
      </c>
      <c r="HQ24" s="103">
        <v>2522615</v>
      </c>
      <c r="HR24" s="100">
        <v>0</v>
      </c>
      <c r="HS24" s="104">
        <v>11083644</v>
      </c>
      <c r="HT24" s="104">
        <v>8247292</v>
      </c>
      <c r="HU24" s="104">
        <v>5774855</v>
      </c>
      <c r="HV24" s="104">
        <v>3351855</v>
      </c>
      <c r="HW24" s="104">
        <v>2009127</v>
      </c>
      <c r="HX24" s="102">
        <v>30466773</v>
      </c>
      <c r="HY24" s="106">
        <v>32989388</v>
      </c>
      <c r="HZ24" s="135">
        <v>0</v>
      </c>
      <c r="IA24" s="122">
        <v>278942</v>
      </c>
      <c r="IB24" s="135">
        <v>278942</v>
      </c>
      <c r="IC24" s="121">
        <v>0</v>
      </c>
      <c r="ID24" s="122">
        <v>13658817</v>
      </c>
      <c r="IE24" s="123">
        <v>26751004</v>
      </c>
      <c r="IF24" s="124">
        <v>24504448</v>
      </c>
      <c r="IG24" s="122">
        <v>14423344</v>
      </c>
      <c r="IH24" s="124">
        <v>15052362</v>
      </c>
      <c r="II24" s="125">
        <v>94389975</v>
      </c>
      <c r="IJ24" s="135">
        <v>94668917</v>
      </c>
      <c r="IK24" s="215">
        <v>0</v>
      </c>
      <c r="IL24" s="219">
        <v>0</v>
      </c>
      <c r="IM24" s="220">
        <v>0</v>
      </c>
      <c r="IN24" s="127">
        <v>0</v>
      </c>
      <c r="IO24" s="109">
        <v>930865</v>
      </c>
      <c r="IP24" s="109">
        <v>1125423</v>
      </c>
      <c r="IQ24" s="109">
        <v>912554</v>
      </c>
      <c r="IR24" s="109">
        <v>968713</v>
      </c>
      <c r="IS24" s="109">
        <v>1901500</v>
      </c>
      <c r="IT24" s="128">
        <v>5839055</v>
      </c>
      <c r="IU24" s="292">
        <v>5839055</v>
      </c>
      <c r="IV24" s="129">
        <v>0</v>
      </c>
      <c r="IW24" s="109">
        <v>0</v>
      </c>
      <c r="IX24" s="110">
        <v>0</v>
      </c>
      <c r="IY24" s="443">
        <v>0</v>
      </c>
      <c r="IZ24" s="109">
        <v>11459</v>
      </c>
      <c r="JA24" s="109">
        <v>45634</v>
      </c>
      <c r="JB24" s="109">
        <v>45836</v>
      </c>
      <c r="JC24" s="109">
        <v>71877</v>
      </c>
      <c r="JD24" s="109">
        <v>67563</v>
      </c>
      <c r="JE24" s="110">
        <v>242369</v>
      </c>
      <c r="JF24" s="111">
        <v>242369</v>
      </c>
      <c r="JG24" s="129">
        <v>0</v>
      </c>
      <c r="JH24" s="109">
        <v>0</v>
      </c>
      <c r="JI24" s="128">
        <v>0</v>
      </c>
      <c r="JJ24" s="108">
        <v>0</v>
      </c>
      <c r="JK24" s="109">
        <v>5508118</v>
      </c>
      <c r="JL24" s="109">
        <v>7153161</v>
      </c>
      <c r="JM24" s="109">
        <v>4462602</v>
      </c>
      <c r="JN24" s="109">
        <v>2629686</v>
      </c>
      <c r="JO24" s="109">
        <v>1351434</v>
      </c>
      <c r="JP24" s="110">
        <v>21105001</v>
      </c>
      <c r="JQ24" s="292">
        <v>21105001</v>
      </c>
      <c r="JR24" s="129">
        <v>0</v>
      </c>
      <c r="JS24" s="109">
        <v>0</v>
      </c>
      <c r="JT24" s="128">
        <v>0</v>
      </c>
      <c r="JU24" s="108">
        <v>0</v>
      </c>
      <c r="JV24" s="109">
        <v>718182</v>
      </c>
      <c r="JW24" s="109">
        <v>1872820</v>
      </c>
      <c r="JX24" s="109">
        <v>3428292</v>
      </c>
      <c r="JY24" s="109">
        <v>396290</v>
      </c>
      <c r="JZ24" s="109">
        <v>799482</v>
      </c>
      <c r="KA24" s="110">
        <v>7215066</v>
      </c>
      <c r="KB24" s="292">
        <v>7215066</v>
      </c>
      <c r="KC24" s="217">
        <v>0</v>
      </c>
      <c r="KD24" s="213">
        <v>278942</v>
      </c>
      <c r="KE24" s="110">
        <v>278942</v>
      </c>
      <c r="KF24" s="108">
        <v>0</v>
      </c>
      <c r="KG24" s="109">
        <v>2644413</v>
      </c>
      <c r="KH24" s="109">
        <v>7959757</v>
      </c>
      <c r="KI24" s="109">
        <v>7394603</v>
      </c>
      <c r="KJ24" s="109">
        <v>3792878</v>
      </c>
      <c r="KK24" s="109">
        <v>2928157</v>
      </c>
      <c r="KL24" s="110">
        <v>24719808</v>
      </c>
      <c r="KM24" s="130">
        <v>24998750</v>
      </c>
      <c r="KN24" s="215">
        <v>0</v>
      </c>
      <c r="KO24" s="219">
        <v>0</v>
      </c>
      <c r="KP24" s="220">
        <v>0</v>
      </c>
      <c r="KQ24" s="443">
        <v>0</v>
      </c>
      <c r="KR24" s="109">
        <v>3254180</v>
      </c>
      <c r="KS24" s="109">
        <v>7138297</v>
      </c>
      <c r="KT24" s="109">
        <v>7607175</v>
      </c>
      <c r="KU24" s="109">
        <v>5657966</v>
      </c>
      <c r="KV24" s="109">
        <v>4164529</v>
      </c>
      <c r="KW24" s="110">
        <v>27822147</v>
      </c>
      <c r="KX24" s="292">
        <v>27822147</v>
      </c>
      <c r="KY24" s="129">
        <v>0</v>
      </c>
      <c r="KZ24" s="109">
        <v>0</v>
      </c>
      <c r="LA24" s="110">
        <v>0</v>
      </c>
      <c r="LB24" s="443">
        <v>0</v>
      </c>
      <c r="LC24" s="109">
        <v>0</v>
      </c>
      <c r="LD24" s="109">
        <v>0</v>
      </c>
      <c r="LE24" s="109">
        <v>0</v>
      </c>
      <c r="LF24" s="109">
        <v>0</v>
      </c>
      <c r="LG24" s="109">
        <v>0</v>
      </c>
      <c r="LH24" s="110">
        <v>0</v>
      </c>
      <c r="LI24" s="111">
        <v>0</v>
      </c>
      <c r="LJ24" s="129">
        <v>0</v>
      </c>
      <c r="LK24" s="109">
        <v>0</v>
      </c>
      <c r="LL24" s="110">
        <v>0</v>
      </c>
      <c r="LM24" s="443">
        <v>0</v>
      </c>
      <c r="LN24" s="109">
        <v>0</v>
      </c>
      <c r="LO24" s="109">
        <v>0</v>
      </c>
      <c r="LP24" s="109">
        <v>0</v>
      </c>
      <c r="LQ24" s="109">
        <v>0</v>
      </c>
      <c r="LR24" s="109">
        <v>0</v>
      </c>
      <c r="LS24" s="110">
        <v>0</v>
      </c>
      <c r="LT24" s="292">
        <v>0</v>
      </c>
      <c r="LU24" s="129">
        <v>0</v>
      </c>
      <c r="LV24" s="109">
        <v>0</v>
      </c>
      <c r="LW24" s="110">
        <v>0</v>
      </c>
      <c r="LX24" s="443">
        <v>0</v>
      </c>
      <c r="LY24" s="109">
        <v>591600</v>
      </c>
      <c r="LZ24" s="109">
        <v>1455912</v>
      </c>
      <c r="MA24" s="109">
        <v>653386</v>
      </c>
      <c r="MB24" s="109">
        <v>905934</v>
      </c>
      <c r="MC24" s="109">
        <v>3839697</v>
      </c>
      <c r="MD24" s="110">
        <v>7446529</v>
      </c>
      <c r="ME24" s="111">
        <v>7446529</v>
      </c>
      <c r="MF24" s="129">
        <v>0</v>
      </c>
      <c r="MG24" s="109">
        <v>0</v>
      </c>
      <c r="MH24" s="110">
        <v>0</v>
      </c>
      <c r="MI24" s="443">
        <v>0</v>
      </c>
      <c r="MJ24" s="109">
        <v>4721470</v>
      </c>
      <c r="MK24" s="109">
        <v>14405394</v>
      </c>
      <c r="ML24" s="109">
        <v>48173635</v>
      </c>
      <c r="MM24" s="109">
        <v>57161235</v>
      </c>
      <c r="MN24" s="109">
        <v>48074421</v>
      </c>
      <c r="MO24" s="110">
        <v>172536155</v>
      </c>
      <c r="MP24" s="130">
        <v>172536155</v>
      </c>
      <c r="MQ24" s="129">
        <v>0</v>
      </c>
      <c r="MR24" s="109">
        <v>0</v>
      </c>
      <c r="MS24" s="110">
        <v>0</v>
      </c>
      <c r="MT24" s="443">
        <v>0</v>
      </c>
      <c r="MU24" s="109">
        <v>218546</v>
      </c>
      <c r="MV24" s="109">
        <v>1184894</v>
      </c>
      <c r="MW24" s="109">
        <v>29431822</v>
      </c>
      <c r="MX24" s="109">
        <v>34897921</v>
      </c>
      <c r="MY24" s="109">
        <v>33309757</v>
      </c>
      <c r="MZ24" s="110">
        <v>99042940</v>
      </c>
      <c r="NA24" s="130">
        <v>99042940</v>
      </c>
      <c r="NB24" s="129">
        <v>0</v>
      </c>
      <c r="NC24" s="109">
        <v>0</v>
      </c>
      <c r="ND24" s="110">
        <v>0</v>
      </c>
      <c r="NE24" s="443">
        <v>0</v>
      </c>
      <c r="NF24" s="109">
        <v>4502924</v>
      </c>
      <c r="NG24" s="109">
        <v>13220500</v>
      </c>
      <c r="NH24" s="109">
        <v>18741813</v>
      </c>
      <c r="NI24" s="109">
        <v>20688551</v>
      </c>
      <c r="NJ24" s="109">
        <v>11477893</v>
      </c>
      <c r="NK24" s="110">
        <v>68631681</v>
      </c>
      <c r="NL24" s="292">
        <v>68631681</v>
      </c>
      <c r="NM24" s="129">
        <v>0</v>
      </c>
      <c r="NN24" s="109">
        <v>0</v>
      </c>
      <c r="NO24" s="110">
        <v>0</v>
      </c>
      <c r="NP24" s="443">
        <v>0</v>
      </c>
      <c r="NQ24" s="109">
        <v>0</v>
      </c>
      <c r="NR24" s="109">
        <v>0</v>
      </c>
      <c r="NS24" s="109">
        <v>0</v>
      </c>
      <c r="NT24" s="109">
        <v>0</v>
      </c>
      <c r="NU24" s="109">
        <v>0</v>
      </c>
      <c r="NV24" s="110">
        <v>0</v>
      </c>
      <c r="NW24" s="111">
        <v>0</v>
      </c>
      <c r="NX24" s="129">
        <v>0</v>
      </c>
      <c r="NY24" s="109">
        <v>0</v>
      </c>
      <c r="NZ24" s="110">
        <v>0</v>
      </c>
      <c r="OA24" s="443">
        <v>0</v>
      </c>
      <c r="OB24" s="109">
        <v>0</v>
      </c>
      <c r="OC24" s="109">
        <v>0</v>
      </c>
      <c r="OD24" s="109">
        <v>0</v>
      </c>
      <c r="OE24" s="109">
        <v>1574763</v>
      </c>
      <c r="OF24" s="109">
        <v>3286771</v>
      </c>
      <c r="OG24" s="110">
        <v>4861534</v>
      </c>
      <c r="OH24" s="111">
        <v>4861534</v>
      </c>
      <c r="OI24" s="129">
        <v>5424764</v>
      </c>
      <c r="OJ24" s="109">
        <v>10882162</v>
      </c>
      <c r="OK24" s="128">
        <v>16306926</v>
      </c>
      <c r="OL24" s="108">
        <v>0</v>
      </c>
      <c r="OM24" s="109">
        <v>84039727</v>
      </c>
      <c r="ON24" s="109">
        <v>113834639</v>
      </c>
      <c r="OO24" s="109">
        <v>137581063</v>
      </c>
      <c r="OP24" s="109">
        <v>123934951</v>
      </c>
      <c r="OQ24" s="109">
        <v>101838137</v>
      </c>
      <c r="OR24" s="110">
        <v>561228517</v>
      </c>
      <c r="OS24" s="130">
        <v>577535443</v>
      </c>
    </row>
    <row r="25" spans="2:409" ht="21" customHeight="1" x14ac:dyDescent="0.2">
      <c r="B25" s="437" t="s">
        <v>20</v>
      </c>
      <c r="C25" s="100">
        <v>5289771</v>
      </c>
      <c r="D25" s="104">
        <v>12602283</v>
      </c>
      <c r="E25" s="103">
        <v>17892054</v>
      </c>
      <c r="F25" s="100">
        <v>0</v>
      </c>
      <c r="G25" s="104">
        <v>90671705</v>
      </c>
      <c r="H25" s="104">
        <v>85620050</v>
      </c>
      <c r="I25" s="104">
        <v>82784449</v>
      </c>
      <c r="J25" s="104">
        <v>76717581</v>
      </c>
      <c r="K25" s="104">
        <v>46183008</v>
      </c>
      <c r="L25" s="156">
        <v>381976793</v>
      </c>
      <c r="M25" s="106">
        <v>399868847</v>
      </c>
      <c r="N25" s="100">
        <v>1751858</v>
      </c>
      <c r="O25" s="104">
        <v>4622353</v>
      </c>
      <c r="P25" s="103">
        <v>6374211</v>
      </c>
      <c r="Q25" s="100">
        <v>0</v>
      </c>
      <c r="R25" s="104">
        <v>26801589</v>
      </c>
      <c r="S25" s="104">
        <v>26384321</v>
      </c>
      <c r="T25" s="104">
        <v>28354462</v>
      </c>
      <c r="U25" s="104">
        <v>28591648</v>
      </c>
      <c r="V25" s="104">
        <v>23397813</v>
      </c>
      <c r="W25" s="103">
        <v>133529833</v>
      </c>
      <c r="X25" s="106">
        <v>139904044</v>
      </c>
      <c r="Y25" s="100">
        <v>0</v>
      </c>
      <c r="Z25" s="104">
        <v>0</v>
      </c>
      <c r="AA25" s="103">
        <v>0</v>
      </c>
      <c r="AB25" s="100">
        <v>0</v>
      </c>
      <c r="AC25" s="104">
        <v>11533993</v>
      </c>
      <c r="AD25" s="104">
        <v>10619111</v>
      </c>
      <c r="AE25" s="104">
        <v>15752140</v>
      </c>
      <c r="AF25" s="104">
        <v>16723539</v>
      </c>
      <c r="AG25" s="104">
        <v>14371623</v>
      </c>
      <c r="AH25" s="103">
        <v>69000406</v>
      </c>
      <c r="AI25" s="106">
        <v>69000406</v>
      </c>
      <c r="AJ25" s="100">
        <v>0</v>
      </c>
      <c r="AK25" s="104">
        <v>0</v>
      </c>
      <c r="AL25" s="103">
        <v>0</v>
      </c>
      <c r="AM25" s="100">
        <v>0</v>
      </c>
      <c r="AN25" s="104">
        <v>81313</v>
      </c>
      <c r="AO25" s="104">
        <v>292403</v>
      </c>
      <c r="AP25" s="104">
        <v>875069</v>
      </c>
      <c r="AQ25" s="104">
        <v>1837946</v>
      </c>
      <c r="AR25" s="104">
        <v>2914546</v>
      </c>
      <c r="AS25" s="103">
        <v>6001277</v>
      </c>
      <c r="AT25" s="106">
        <v>6001277</v>
      </c>
      <c r="AU25" s="100">
        <v>1078804</v>
      </c>
      <c r="AV25" s="104">
        <v>2869556</v>
      </c>
      <c r="AW25" s="103">
        <v>3948360</v>
      </c>
      <c r="AX25" s="100">
        <v>0</v>
      </c>
      <c r="AY25" s="104">
        <v>9889043</v>
      </c>
      <c r="AZ25" s="104">
        <v>9621351</v>
      </c>
      <c r="BA25" s="104">
        <v>5629254</v>
      </c>
      <c r="BB25" s="104">
        <v>5307357</v>
      </c>
      <c r="BC25" s="104">
        <v>2984027</v>
      </c>
      <c r="BD25" s="103">
        <v>33431032</v>
      </c>
      <c r="BE25" s="106">
        <v>37379392</v>
      </c>
      <c r="BF25" s="100">
        <v>320272</v>
      </c>
      <c r="BG25" s="104">
        <v>1274848</v>
      </c>
      <c r="BH25" s="102">
        <v>1595120</v>
      </c>
      <c r="BI25" s="101">
        <v>0</v>
      </c>
      <c r="BJ25" s="104">
        <v>1964460</v>
      </c>
      <c r="BK25" s="104">
        <v>2285092</v>
      </c>
      <c r="BL25" s="104">
        <v>1748211</v>
      </c>
      <c r="BM25" s="104">
        <v>1349871</v>
      </c>
      <c r="BN25" s="104">
        <v>469774</v>
      </c>
      <c r="BO25" s="103">
        <v>7817408</v>
      </c>
      <c r="BP25" s="106">
        <v>9412528</v>
      </c>
      <c r="BQ25" s="100">
        <v>352782</v>
      </c>
      <c r="BR25" s="104">
        <v>477949</v>
      </c>
      <c r="BS25" s="103">
        <v>830731</v>
      </c>
      <c r="BT25" s="100">
        <v>0</v>
      </c>
      <c r="BU25" s="104">
        <v>3332780</v>
      </c>
      <c r="BV25" s="104">
        <v>3566364</v>
      </c>
      <c r="BW25" s="104">
        <v>4349788</v>
      </c>
      <c r="BX25" s="104">
        <v>3372935</v>
      </c>
      <c r="BY25" s="104">
        <v>2657843</v>
      </c>
      <c r="BZ25" s="103">
        <v>17279710</v>
      </c>
      <c r="CA25" s="106">
        <v>18110441</v>
      </c>
      <c r="CB25" s="100">
        <v>390519</v>
      </c>
      <c r="CC25" s="104">
        <v>1507387</v>
      </c>
      <c r="CD25" s="103">
        <v>1897906</v>
      </c>
      <c r="CE25" s="100">
        <v>0</v>
      </c>
      <c r="CF25" s="104">
        <v>26059349</v>
      </c>
      <c r="CG25" s="104">
        <v>26707853</v>
      </c>
      <c r="CH25" s="104">
        <v>17269458</v>
      </c>
      <c r="CI25" s="104">
        <v>13552205</v>
      </c>
      <c r="CJ25" s="104">
        <v>4339569</v>
      </c>
      <c r="CK25" s="103">
        <v>87928434</v>
      </c>
      <c r="CL25" s="106">
        <v>89826340</v>
      </c>
      <c r="CM25" s="100">
        <v>0</v>
      </c>
      <c r="CN25" s="104">
        <v>0</v>
      </c>
      <c r="CO25" s="103">
        <v>0</v>
      </c>
      <c r="CP25" s="101">
        <v>0</v>
      </c>
      <c r="CQ25" s="104">
        <v>19226872</v>
      </c>
      <c r="CR25" s="104">
        <v>20015211</v>
      </c>
      <c r="CS25" s="104">
        <v>13904422</v>
      </c>
      <c r="CT25" s="104">
        <v>9655828</v>
      </c>
      <c r="CU25" s="104">
        <v>3221392</v>
      </c>
      <c r="CV25" s="103">
        <v>66023725</v>
      </c>
      <c r="CW25" s="106">
        <v>66023725</v>
      </c>
      <c r="CX25" s="100">
        <v>390519</v>
      </c>
      <c r="CY25" s="104">
        <v>1507387</v>
      </c>
      <c r="CZ25" s="103">
        <v>1897906</v>
      </c>
      <c r="DA25" s="100">
        <v>0</v>
      </c>
      <c r="DB25" s="104">
        <v>6832477</v>
      </c>
      <c r="DC25" s="104">
        <v>6692642</v>
      </c>
      <c r="DD25" s="104">
        <v>3365036</v>
      </c>
      <c r="DE25" s="104">
        <v>3896377</v>
      </c>
      <c r="DF25" s="104">
        <v>1118177</v>
      </c>
      <c r="DG25" s="103">
        <v>21904709</v>
      </c>
      <c r="DH25" s="106">
        <v>23802615</v>
      </c>
      <c r="DI25" s="100">
        <v>0</v>
      </c>
      <c r="DJ25" s="104">
        <v>289861</v>
      </c>
      <c r="DK25" s="102">
        <v>289861</v>
      </c>
      <c r="DL25" s="101">
        <v>0</v>
      </c>
      <c r="DM25" s="104">
        <v>3759783</v>
      </c>
      <c r="DN25" s="104">
        <v>3981752</v>
      </c>
      <c r="DO25" s="104">
        <v>10510149</v>
      </c>
      <c r="DP25" s="104">
        <v>8608394</v>
      </c>
      <c r="DQ25" s="104">
        <v>3707711</v>
      </c>
      <c r="DR25" s="103">
        <v>30567789</v>
      </c>
      <c r="DS25" s="106">
        <v>30857650</v>
      </c>
      <c r="DT25" s="100">
        <v>0</v>
      </c>
      <c r="DU25" s="104">
        <v>289861</v>
      </c>
      <c r="DV25" s="103">
        <v>289861</v>
      </c>
      <c r="DW25" s="100">
        <v>0</v>
      </c>
      <c r="DX25" s="104">
        <v>3601743</v>
      </c>
      <c r="DY25" s="104">
        <v>3838989</v>
      </c>
      <c r="DZ25" s="104">
        <v>10029338</v>
      </c>
      <c r="EA25" s="104">
        <v>7707974</v>
      </c>
      <c r="EB25" s="104">
        <v>3424803</v>
      </c>
      <c r="EC25" s="103">
        <v>28602847</v>
      </c>
      <c r="ED25" s="106">
        <v>28892708</v>
      </c>
      <c r="EE25" s="100">
        <v>0</v>
      </c>
      <c r="EF25" s="102">
        <v>0</v>
      </c>
      <c r="EG25" s="103">
        <v>0</v>
      </c>
      <c r="EH25" s="100">
        <v>0</v>
      </c>
      <c r="EI25" s="104">
        <v>158040</v>
      </c>
      <c r="EJ25" s="104">
        <v>142763</v>
      </c>
      <c r="EK25" s="104">
        <v>480811</v>
      </c>
      <c r="EL25" s="104">
        <v>900420</v>
      </c>
      <c r="EM25" s="104">
        <v>282908</v>
      </c>
      <c r="EN25" s="102">
        <v>1964942</v>
      </c>
      <c r="EO25" s="106">
        <v>1964942</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06">
        <v>0</v>
      </c>
      <c r="FE25" s="104">
        <v>0</v>
      </c>
      <c r="FF25" s="104">
        <v>0</v>
      </c>
      <c r="FG25" s="104">
        <v>0</v>
      </c>
      <c r="FH25" s="104">
        <v>0</v>
      </c>
      <c r="FI25" s="104">
        <v>0</v>
      </c>
      <c r="FJ25" s="103">
        <v>0</v>
      </c>
      <c r="FK25" s="106">
        <v>0</v>
      </c>
      <c r="FL25" s="100">
        <v>1443622</v>
      </c>
      <c r="FM25" s="104">
        <v>3036983</v>
      </c>
      <c r="FN25" s="103">
        <v>4480605</v>
      </c>
      <c r="FO25" s="100">
        <v>0</v>
      </c>
      <c r="FP25" s="104">
        <v>6064026</v>
      </c>
      <c r="FQ25" s="104">
        <v>7822576</v>
      </c>
      <c r="FR25" s="104">
        <v>6368701</v>
      </c>
      <c r="FS25" s="104">
        <v>5980433</v>
      </c>
      <c r="FT25" s="104">
        <v>3265975</v>
      </c>
      <c r="FU25" s="103">
        <v>29501711</v>
      </c>
      <c r="FV25" s="106">
        <v>33982316</v>
      </c>
      <c r="FW25" s="105">
        <v>793751</v>
      </c>
      <c r="FX25" s="104">
        <v>2434163</v>
      </c>
      <c r="FY25" s="102">
        <v>3227914</v>
      </c>
      <c r="FZ25" s="101">
        <v>0</v>
      </c>
      <c r="GA25" s="104">
        <v>5123200</v>
      </c>
      <c r="GB25" s="104">
        <v>7024024</v>
      </c>
      <c r="GC25" s="104">
        <v>5740556</v>
      </c>
      <c r="GD25" s="104">
        <v>5689661</v>
      </c>
      <c r="GE25" s="104">
        <v>3211525</v>
      </c>
      <c r="GF25" s="103">
        <v>26788966</v>
      </c>
      <c r="GG25" s="290">
        <v>30016880</v>
      </c>
      <c r="GH25" s="105">
        <v>60436</v>
      </c>
      <c r="GI25" s="104">
        <v>130860</v>
      </c>
      <c r="GJ25" s="102">
        <v>191296</v>
      </c>
      <c r="GK25" s="101">
        <v>0</v>
      </c>
      <c r="GL25" s="104">
        <v>382703</v>
      </c>
      <c r="GM25" s="104">
        <v>310500</v>
      </c>
      <c r="GN25" s="104">
        <v>356795</v>
      </c>
      <c r="GO25" s="104">
        <v>191772</v>
      </c>
      <c r="GP25" s="104">
        <v>0</v>
      </c>
      <c r="GQ25" s="103">
        <v>1241770</v>
      </c>
      <c r="GR25" s="106">
        <v>1433066</v>
      </c>
      <c r="GS25" s="100">
        <v>589435</v>
      </c>
      <c r="GT25" s="104">
        <v>471960</v>
      </c>
      <c r="GU25" s="103">
        <v>1061395</v>
      </c>
      <c r="GV25" s="100">
        <v>0</v>
      </c>
      <c r="GW25" s="104">
        <v>558123</v>
      </c>
      <c r="GX25" s="104">
        <v>488052</v>
      </c>
      <c r="GY25" s="104">
        <v>271350</v>
      </c>
      <c r="GZ25" s="104">
        <v>99000</v>
      </c>
      <c r="HA25" s="104">
        <v>54450</v>
      </c>
      <c r="HB25" s="102">
        <v>1470975</v>
      </c>
      <c r="HC25" s="106">
        <v>2532370</v>
      </c>
      <c r="HD25" s="100">
        <v>793380</v>
      </c>
      <c r="HE25" s="104">
        <v>1211617</v>
      </c>
      <c r="HF25" s="102">
        <v>2004997</v>
      </c>
      <c r="HG25" s="101">
        <v>0</v>
      </c>
      <c r="HH25" s="104">
        <v>12442947</v>
      </c>
      <c r="HI25" s="104">
        <v>10065821</v>
      </c>
      <c r="HJ25" s="104">
        <v>12925348</v>
      </c>
      <c r="HK25" s="104">
        <v>14534392</v>
      </c>
      <c r="HL25" s="104">
        <v>8981315</v>
      </c>
      <c r="HM25" s="103">
        <v>58949823</v>
      </c>
      <c r="HN25" s="99">
        <v>60954820</v>
      </c>
      <c r="HO25" s="105">
        <v>910392</v>
      </c>
      <c r="HP25" s="104">
        <v>1934082</v>
      </c>
      <c r="HQ25" s="103">
        <v>2844474</v>
      </c>
      <c r="HR25" s="100">
        <v>0</v>
      </c>
      <c r="HS25" s="104">
        <v>15544011</v>
      </c>
      <c r="HT25" s="104">
        <v>10657727</v>
      </c>
      <c r="HU25" s="104">
        <v>7356331</v>
      </c>
      <c r="HV25" s="104">
        <v>5450509</v>
      </c>
      <c r="HW25" s="104">
        <v>2490625</v>
      </c>
      <c r="HX25" s="102">
        <v>41499203</v>
      </c>
      <c r="HY25" s="106">
        <v>44343677</v>
      </c>
      <c r="HZ25" s="118">
        <v>0</v>
      </c>
      <c r="IA25" s="119">
        <v>65135</v>
      </c>
      <c r="IB25" s="120">
        <v>65135</v>
      </c>
      <c r="IC25" s="131">
        <v>0</v>
      </c>
      <c r="ID25" s="119">
        <v>13922829</v>
      </c>
      <c r="IE25" s="132">
        <v>16292183</v>
      </c>
      <c r="IF25" s="120">
        <v>26209229</v>
      </c>
      <c r="IG25" s="119">
        <v>7567595</v>
      </c>
      <c r="IH25" s="120">
        <v>7950626</v>
      </c>
      <c r="II25" s="133">
        <v>71942462</v>
      </c>
      <c r="IJ25" s="126">
        <v>72007597</v>
      </c>
      <c r="IK25" s="215">
        <v>0</v>
      </c>
      <c r="IL25" s="219">
        <v>0</v>
      </c>
      <c r="IM25" s="220">
        <v>0</v>
      </c>
      <c r="IN25" s="127">
        <v>0</v>
      </c>
      <c r="IO25" s="109">
        <v>90882</v>
      </c>
      <c r="IP25" s="109">
        <v>0</v>
      </c>
      <c r="IQ25" s="109">
        <v>0</v>
      </c>
      <c r="IR25" s="109">
        <v>0</v>
      </c>
      <c r="IS25" s="109">
        <v>261743</v>
      </c>
      <c r="IT25" s="128">
        <v>352625</v>
      </c>
      <c r="IU25" s="292">
        <v>352625</v>
      </c>
      <c r="IV25" s="129">
        <v>0</v>
      </c>
      <c r="IW25" s="109">
        <v>0</v>
      </c>
      <c r="IX25" s="110">
        <v>0</v>
      </c>
      <c r="IY25" s="443">
        <v>0</v>
      </c>
      <c r="IZ25" s="109">
        <v>0</v>
      </c>
      <c r="JA25" s="109">
        <v>0</v>
      </c>
      <c r="JB25" s="109">
        <v>0</v>
      </c>
      <c r="JC25" s="109">
        <v>0</v>
      </c>
      <c r="JD25" s="109">
        <v>0</v>
      </c>
      <c r="JE25" s="110">
        <v>0</v>
      </c>
      <c r="JF25" s="111">
        <v>0</v>
      </c>
      <c r="JG25" s="129">
        <v>0</v>
      </c>
      <c r="JH25" s="109">
        <v>0</v>
      </c>
      <c r="JI25" s="128">
        <v>0</v>
      </c>
      <c r="JJ25" s="108">
        <v>0</v>
      </c>
      <c r="JK25" s="109">
        <v>7007180</v>
      </c>
      <c r="JL25" s="109">
        <v>5669900</v>
      </c>
      <c r="JM25" s="109">
        <v>4874524</v>
      </c>
      <c r="JN25" s="109">
        <v>1893409</v>
      </c>
      <c r="JO25" s="109">
        <v>1375786</v>
      </c>
      <c r="JP25" s="110">
        <v>20820799</v>
      </c>
      <c r="JQ25" s="292">
        <v>20820799</v>
      </c>
      <c r="JR25" s="129">
        <v>0</v>
      </c>
      <c r="JS25" s="109">
        <v>0</v>
      </c>
      <c r="JT25" s="128">
        <v>0</v>
      </c>
      <c r="JU25" s="108">
        <v>0</v>
      </c>
      <c r="JV25" s="109">
        <v>243696</v>
      </c>
      <c r="JW25" s="109">
        <v>46175</v>
      </c>
      <c r="JX25" s="109">
        <v>418131</v>
      </c>
      <c r="JY25" s="109">
        <v>254575</v>
      </c>
      <c r="JZ25" s="109">
        <v>323911</v>
      </c>
      <c r="KA25" s="110">
        <v>1286488</v>
      </c>
      <c r="KB25" s="292">
        <v>1286488</v>
      </c>
      <c r="KC25" s="217">
        <v>0</v>
      </c>
      <c r="KD25" s="213">
        <v>65135</v>
      </c>
      <c r="KE25" s="110">
        <v>65135</v>
      </c>
      <c r="KF25" s="108">
        <v>0</v>
      </c>
      <c r="KG25" s="109">
        <v>2561225</v>
      </c>
      <c r="KH25" s="109">
        <v>2020098</v>
      </c>
      <c r="KI25" s="109">
        <v>5963991</v>
      </c>
      <c r="KJ25" s="109">
        <v>818461</v>
      </c>
      <c r="KK25" s="109">
        <v>321590</v>
      </c>
      <c r="KL25" s="110">
        <v>11685365</v>
      </c>
      <c r="KM25" s="130">
        <v>11750500</v>
      </c>
      <c r="KN25" s="215">
        <v>0</v>
      </c>
      <c r="KO25" s="219">
        <v>0</v>
      </c>
      <c r="KP25" s="220">
        <v>0</v>
      </c>
      <c r="KQ25" s="443">
        <v>0</v>
      </c>
      <c r="KR25" s="109">
        <v>4019846</v>
      </c>
      <c r="KS25" s="109">
        <v>8556010</v>
      </c>
      <c r="KT25" s="109">
        <v>14952583</v>
      </c>
      <c r="KU25" s="109">
        <v>4601150</v>
      </c>
      <c r="KV25" s="109">
        <v>5667596</v>
      </c>
      <c r="KW25" s="110">
        <v>37797185</v>
      </c>
      <c r="KX25" s="292">
        <v>37797185</v>
      </c>
      <c r="KY25" s="129">
        <v>0</v>
      </c>
      <c r="KZ25" s="109">
        <v>0</v>
      </c>
      <c r="LA25" s="110">
        <v>0</v>
      </c>
      <c r="LB25" s="443">
        <v>0</v>
      </c>
      <c r="LC25" s="109">
        <v>0</v>
      </c>
      <c r="LD25" s="109">
        <v>0</v>
      </c>
      <c r="LE25" s="109">
        <v>0</v>
      </c>
      <c r="LF25" s="109">
        <v>0</v>
      </c>
      <c r="LG25" s="109">
        <v>0</v>
      </c>
      <c r="LH25" s="110">
        <v>0</v>
      </c>
      <c r="LI25" s="111">
        <v>0</v>
      </c>
      <c r="LJ25" s="129">
        <v>0</v>
      </c>
      <c r="LK25" s="109">
        <v>0</v>
      </c>
      <c r="LL25" s="110">
        <v>0</v>
      </c>
      <c r="LM25" s="443">
        <v>0</v>
      </c>
      <c r="LN25" s="109">
        <v>0</v>
      </c>
      <c r="LO25" s="109">
        <v>0</v>
      </c>
      <c r="LP25" s="109">
        <v>0</v>
      </c>
      <c r="LQ25" s="109">
        <v>0</v>
      </c>
      <c r="LR25" s="109">
        <v>0</v>
      </c>
      <c r="LS25" s="110">
        <v>0</v>
      </c>
      <c r="LT25" s="292">
        <v>0</v>
      </c>
      <c r="LU25" s="129">
        <v>0</v>
      </c>
      <c r="LV25" s="109">
        <v>0</v>
      </c>
      <c r="LW25" s="110">
        <v>0</v>
      </c>
      <c r="LX25" s="443">
        <v>0</v>
      </c>
      <c r="LY25" s="109">
        <v>0</v>
      </c>
      <c r="LZ25" s="109">
        <v>0</v>
      </c>
      <c r="MA25" s="109">
        <v>0</v>
      </c>
      <c r="MB25" s="109">
        <v>0</v>
      </c>
      <c r="MC25" s="109">
        <v>0</v>
      </c>
      <c r="MD25" s="110">
        <v>0</v>
      </c>
      <c r="ME25" s="111">
        <v>0</v>
      </c>
      <c r="MF25" s="129">
        <v>0</v>
      </c>
      <c r="MG25" s="109">
        <v>0</v>
      </c>
      <c r="MH25" s="110">
        <v>0</v>
      </c>
      <c r="MI25" s="443">
        <v>0</v>
      </c>
      <c r="MJ25" s="109">
        <v>5356615</v>
      </c>
      <c r="MK25" s="109">
        <v>18282064</v>
      </c>
      <c r="ML25" s="109">
        <v>47966025</v>
      </c>
      <c r="MM25" s="109">
        <v>82495130</v>
      </c>
      <c r="MN25" s="109">
        <v>37308494</v>
      </c>
      <c r="MO25" s="110">
        <v>191408328</v>
      </c>
      <c r="MP25" s="130">
        <v>191408328</v>
      </c>
      <c r="MQ25" s="129">
        <v>0</v>
      </c>
      <c r="MR25" s="109">
        <v>0</v>
      </c>
      <c r="MS25" s="110">
        <v>0</v>
      </c>
      <c r="MT25" s="443">
        <v>0</v>
      </c>
      <c r="MU25" s="109">
        <v>917389</v>
      </c>
      <c r="MV25" s="109">
        <v>7443345</v>
      </c>
      <c r="MW25" s="109">
        <v>36804114</v>
      </c>
      <c r="MX25" s="109">
        <v>63995590</v>
      </c>
      <c r="MY25" s="109">
        <v>29086224</v>
      </c>
      <c r="MZ25" s="110">
        <v>138246662</v>
      </c>
      <c r="NA25" s="130">
        <v>138246662</v>
      </c>
      <c r="NB25" s="129">
        <v>0</v>
      </c>
      <c r="NC25" s="109">
        <v>0</v>
      </c>
      <c r="ND25" s="110">
        <v>0</v>
      </c>
      <c r="NE25" s="443">
        <v>0</v>
      </c>
      <c r="NF25" s="109">
        <v>4439226</v>
      </c>
      <c r="NG25" s="109">
        <v>10838719</v>
      </c>
      <c r="NH25" s="109">
        <v>11161911</v>
      </c>
      <c r="NI25" s="109">
        <v>16799715</v>
      </c>
      <c r="NJ25" s="109">
        <v>6788838</v>
      </c>
      <c r="NK25" s="110">
        <v>50028409</v>
      </c>
      <c r="NL25" s="292">
        <v>50028409</v>
      </c>
      <c r="NM25" s="129">
        <v>0</v>
      </c>
      <c r="NN25" s="109">
        <v>0</v>
      </c>
      <c r="NO25" s="110">
        <v>0</v>
      </c>
      <c r="NP25" s="443">
        <v>0</v>
      </c>
      <c r="NQ25" s="109">
        <v>0</v>
      </c>
      <c r="NR25" s="109">
        <v>0</v>
      </c>
      <c r="NS25" s="109">
        <v>0</v>
      </c>
      <c r="NT25" s="109">
        <v>657017</v>
      </c>
      <c r="NU25" s="109">
        <v>0</v>
      </c>
      <c r="NV25" s="110">
        <v>657017</v>
      </c>
      <c r="NW25" s="111">
        <v>657017</v>
      </c>
      <c r="NX25" s="129">
        <v>0</v>
      </c>
      <c r="NY25" s="109">
        <v>0</v>
      </c>
      <c r="NZ25" s="110">
        <v>0</v>
      </c>
      <c r="OA25" s="443">
        <v>0</v>
      </c>
      <c r="OB25" s="109">
        <v>0</v>
      </c>
      <c r="OC25" s="109">
        <v>0</v>
      </c>
      <c r="OD25" s="109">
        <v>0</v>
      </c>
      <c r="OE25" s="109">
        <v>1042808</v>
      </c>
      <c r="OF25" s="109">
        <v>1433432</v>
      </c>
      <c r="OG25" s="110">
        <v>2476240</v>
      </c>
      <c r="OH25" s="111">
        <v>2476240</v>
      </c>
      <c r="OI25" s="129">
        <v>5289771</v>
      </c>
      <c r="OJ25" s="109">
        <v>12667418</v>
      </c>
      <c r="OK25" s="128">
        <v>17957189</v>
      </c>
      <c r="OL25" s="108">
        <v>0</v>
      </c>
      <c r="OM25" s="109">
        <v>109951149</v>
      </c>
      <c r="ON25" s="109">
        <v>120194297</v>
      </c>
      <c r="OO25" s="109">
        <v>156959703</v>
      </c>
      <c r="OP25" s="109">
        <v>166780306</v>
      </c>
      <c r="OQ25" s="109">
        <v>91442128</v>
      </c>
      <c r="OR25" s="110">
        <v>645327583</v>
      </c>
      <c r="OS25" s="130">
        <v>663284772</v>
      </c>
    </row>
    <row r="26" spans="2:409" ht="21" customHeight="1" x14ac:dyDescent="0.2">
      <c r="B26" s="437" t="s">
        <v>21</v>
      </c>
      <c r="C26" s="100">
        <v>6680836</v>
      </c>
      <c r="D26" s="104">
        <v>12716641</v>
      </c>
      <c r="E26" s="103">
        <v>19397477</v>
      </c>
      <c r="F26" s="99">
        <v>0</v>
      </c>
      <c r="G26" s="104">
        <v>72383386</v>
      </c>
      <c r="H26" s="104">
        <v>106548880</v>
      </c>
      <c r="I26" s="104">
        <v>98363387</v>
      </c>
      <c r="J26" s="104">
        <v>78990401</v>
      </c>
      <c r="K26" s="104">
        <v>59776057</v>
      </c>
      <c r="L26" s="156">
        <v>416062111</v>
      </c>
      <c r="M26" s="106">
        <v>435459588</v>
      </c>
      <c r="N26" s="100">
        <v>2198169</v>
      </c>
      <c r="O26" s="104">
        <v>4674659</v>
      </c>
      <c r="P26" s="103">
        <v>6872828</v>
      </c>
      <c r="Q26" s="100">
        <v>0</v>
      </c>
      <c r="R26" s="104">
        <v>23726592</v>
      </c>
      <c r="S26" s="104">
        <v>38033025</v>
      </c>
      <c r="T26" s="104">
        <v>37845924</v>
      </c>
      <c r="U26" s="104">
        <v>33231889</v>
      </c>
      <c r="V26" s="104">
        <v>32881176</v>
      </c>
      <c r="W26" s="103">
        <v>165718606</v>
      </c>
      <c r="X26" s="106">
        <v>172591434</v>
      </c>
      <c r="Y26" s="100">
        <v>0</v>
      </c>
      <c r="Z26" s="104">
        <v>0</v>
      </c>
      <c r="AA26" s="103">
        <v>0</v>
      </c>
      <c r="AB26" s="100">
        <v>0</v>
      </c>
      <c r="AC26" s="104">
        <v>10380623</v>
      </c>
      <c r="AD26" s="104">
        <v>18765604</v>
      </c>
      <c r="AE26" s="104">
        <v>22730531</v>
      </c>
      <c r="AF26" s="104">
        <v>20520923</v>
      </c>
      <c r="AG26" s="104">
        <v>21034700</v>
      </c>
      <c r="AH26" s="103">
        <v>93432381</v>
      </c>
      <c r="AI26" s="106">
        <v>93432381</v>
      </c>
      <c r="AJ26" s="100">
        <v>0</v>
      </c>
      <c r="AK26" s="104">
        <v>0</v>
      </c>
      <c r="AL26" s="103">
        <v>0</v>
      </c>
      <c r="AM26" s="100">
        <v>0</v>
      </c>
      <c r="AN26" s="104">
        <v>28804</v>
      </c>
      <c r="AO26" s="104">
        <v>374312</v>
      </c>
      <c r="AP26" s="104">
        <v>700524</v>
      </c>
      <c r="AQ26" s="104">
        <v>1942768</v>
      </c>
      <c r="AR26" s="104">
        <v>2761496</v>
      </c>
      <c r="AS26" s="103">
        <v>5807904</v>
      </c>
      <c r="AT26" s="106">
        <v>5807904</v>
      </c>
      <c r="AU26" s="100">
        <v>1105332</v>
      </c>
      <c r="AV26" s="104">
        <v>3207542</v>
      </c>
      <c r="AW26" s="103">
        <v>4312874</v>
      </c>
      <c r="AX26" s="100">
        <v>0</v>
      </c>
      <c r="AY26" s="104">
        <v>8712055</v>
      </c>
      <c r="AZ26" s="104">
        <v>12346910</v>
      </c>
      <c r="BA26" s="104">
        <v>8104668</v>
      </c>
      <c r="BB26" s="104">
        <v>6346219</v>
      </c>
      <c r="BC26" s="104">
        <v>5442799</v>
      </c>
      <c r="BD26" s="103">
        <v>40952651</v>
      </c>
      <c r="BE26" s="106">
        <v>45265525</v>
      </c>
      <c r="BF26" s="100">
        <v>513557</v>
      </c>
      <c r="BG26" s="104">
        <v>918634</v>
      </c>
      <c r="BH26" s="102">
        <v>1432191</v>
      </c>
      <c r="BI26" s="101">
        <v>0</v>
      </c>
      <c r="BJ26" s="104">
        <v>992507</v>
      </c>
      <c r="BK26" s="104">
        <v>1526175</v>
      </c>
      <c r="BL26" s="104">
        <v>1000752</v>
      </c>
      <c r="BM26" s="104">
        <v>702649</v>
      </c>
      <c r="BN26" s="104">
        <v>205141</v>
      </c>
      <c r="BO26" s="103">
        <v>4427224</v>
      </c>
      <c r="BP26" s="106">
        <v>5859415</v>
      </c>
      <c r="BQ26" s="100">
        <v>579280</v>
      </c>
      <c r="BR26" s="104">
        <v>548483</v>
      </c>
      <c r="BS26" s="103">
        <v>1127763</v>
      </c>
      <c r="BT26" s="100">
        <v>0</v>
      </c>
      <c r="BU26" s="104">
        <v>3612603</v>
      </c>
      <c r="BV26" s="104">
        <v>5020024</v>
      </c>
      <c r="BW26" s="104">
        <v>5309449</v>
      </c>
      <c r="BX26" s="104">
        <v>3719330</v>
      </c>
      <c r="BY26" s="104">
        <v>3437040</v>
      </c>
      <c r="BZ26" s="103">
        <v>21098446</v>
      </c>
      <c r="CA26" s="106">
        <v>22226209</v>
      </c>
      <c r="CB26" s="100">
        <v>555523</v>
      </c>
      <c r="CC26" s="104">
        <v>1627623</v>
      </c>
      <c r="CD26" s="103">
        <v>2183146</v>
      </c>
      <c r="CE26" s="100">
        <v>0</v>
      </c>
      <c r="CF26" s="104">
        <v>20512664</v>
      </c>
      <c r="CG26" s="104">
        <v>28476276</v>
      </c>
      <c r="CH26" s="104">
        <v>23186259</v>
      </c>
      <c r="CI26" s="104">
        <v>12274030</v>
      </c>
      <c r="CJ26" s="104">
        <v>4522478</v>
      </c>
      <c r="CK26" s="103">
        <v>88971707</v>
      </c>
      <c r="CL26" s="106">
        <v>91154853</v>
      </c>
      <c r="CM26" s="100">
        <v>0</v>
      </c>
      <c r="CN26" s="104">
        <v>0</v>
      </c>
      <c r="CO26" s="103">
        <v>0</v>
      </c>
      <c r="CP26" s="101">
        <v>0</v>
      </c>
      <c r="CQ26" s="104">
        <v>17715621</v>
      </c>
      <c r="CR26" s="104">
        <v>24524175</v>
      </c>
      <c r="CS26" s="104">
        <v>20140261</v>
      </c>
      <c r="CT26" s="104">
        <v>10189266</v>
      </c>
      <c r="CU26" s="104">
        <v>3962768</v>
      </c>
      <c r="CV26" s="103">
        <v>76532091</v>
      </c>
      <c r="CW26" s="106">
        <v>76532091</v>
      </c>
      <c r="CX26" s="100">
        <v>555523</v>
      </c>
      <c r="CY26" s="104">
        <v>1627623</v>
      </c>
      <c r="CZ26" s="103">
        <v>2183146</v>
      </c>
      <c r="DA26" s="100">
        <v>0</v>
      </c>
      <c r="DB26" s="104">
        <v>2797043</v>
      </c>
      <c r="DC26" s="104">
        <v>3952101</v>
      </c>
      <c r="DD26" s="104">
        <v>3045998</v>
      </c>
      <c r="DE26" s="104">
        <v>2084764</v>
      </c>
      <c r="DF26" s="104">
        <v>559710</v>
      </c>
      <c r="DG26" s="103">
        <v>12439616</v>
      </c>
      <c r="DH26" s="106">
        <v>14622762</v>
      </c>
      <c r="DI26" s="100">
        <v>63176</v>
      </c>
      <c r="DJ26" s="104">
        <v>161480</v>
      </c>
      <c r="DK26" s="102">
        <v>224656</v>
      </c>
      <c r="DL26" s="101">
        <v>0</v>
      </c>
      <c r="DM26" s="104">
        <v>2133935</v>
      </c>
      <c r="DN26" s="104">
        <v>4618457</v>
      </c>
      <c r="DO26" s="104">
        <v>8972360</v>
      </c>
      <c r="DP26" s="104">
        <v>9969698</v>
      </c>
      <c r="DQ26" s="104">
        <v>4059961</v>
      </c>
      <c r="DR26" s="103">
        <v>29754411</v>
      </c>
      <c r="DS26" s="106">
        <v>29979067</v>
      </c>
      <c r="DT26" s="100">
        <v>63176</v>
      </c>
      <c r="DU26" s="104">
        <v>83589</v>
      </c>
      <c r="DV26" s="103">
        <v>146765</v>
      </c>
      <c r="DW26" s="100">
        <v>0</v>
      </c>
      <c r="DX26" s="104">
        <v>1973528</v>
      </c>
      <c r="DY26" s="104">
        <v>4013275</v>
      </c>
      <c r="DZ26" s="104">
        <v>8528671</v>
      </c>
      <c r="EA26" s="104">
        <v>9726475</v>
      </c>
      <c r="EB26" s="104">
        <v>3825392</v>
      </c>
      <c r="EC26" s="103">
        <v>28067341</v>
      </c>
      <c r="ED26" s="106">
        <v>28214106</v>
      </c>
      <c r="EE26" s="100">
        <v>0</v>
      </c>
      <c r="EF26" s="102">
        <v>77891</v>
      </c>
      <c r="EG26" s="103">
        <v>77891</v>
      </c>
      <c r="EH26" s="100">
        <v>0</v>
      </c>
      <c r="EI26" s="104">
        <v>160407</v>
      </c>
      <c r="EJ26" s="104">
        <v>605182</v>
      </c>
      <c r="EK26" s="104">
        <v>443689</v>
      </c>
      <c r="EL26" s="104">
        <v>243223</v>
      </c>
      <c r="EM26" s="104">
        <v>234569</v>
      </c>
      <c r="EN26" s="102">
        <v>1687070</v>
      </c>
      <c r="EO26" s="106">
        <v>1764961</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06">
        <v>0</v>
      </c>
      <c r="FE26" s="104">
        <v>0</v>
      </c>
      <c r="FF26" s="104">
        <v>0</v>
      </c>
      <c r="FG26" s="104">
        <v>0</v>
      </c>
      <c r="FH26" s="104">
        <v>0</v>
      </c>
      <c r="FI26" s="104">
        <v>0</v>
      </c>
      <c r="FJ26" s="103">
        <v>0</v>
      </c>
      <c r="FK26" s="106">
        <v>0</v>
      </c>
      <c r="FL26" s="100">
        <v>1559535</v>
      </c>
      <c r="FM26" s="104">
        <v>2651415</v>
      </c>
      <c r="FN26" s="103">
        <v>4210950</v>
      </c>
      <c r="FO26" s="100">
        <v>0</v>
      </c>
      <c r="FP26" s="104">
        <v>3934932</v>
      </c>
      <c r="FQ26" s="104">
        <v>9426007</v>
      </c>
      <c r="FR26" s="104">
        <v>7374970</v>
      </c>
      <c r="FS26" s="104">
        <v>5887346</v>
      </c>
      <c r="FT26" s="104">
        <v>3842968</v>
      </c>
      <c r="FU26" s="103">
        <v>30466223</v>
      </c>
      <c r="FV26" s="106">
        <v>34677173</v>
      </c>
      <c r="FW26" s="105">
        <v>1052952</v>
      </c>
      <c r="FX26" s="104">
        <v>2224683</v>
      </c>
      <c r="FY26" s="102">
        <v>3277635</v>
      </c>
      <c r="FZ26" s="101">
        <v>0</v>
      </c>
      <c r="GA26" s="104">
        <v>3192139</v>
      </c>
      <c r="GB26" s="104">
        <v>8876017</v>
      </c>
      <c r="GC26" s="104">
        <v>6940234</v>
      </c>
      <c r="GD26" s="104">
        <v>5505017</v>
      </c>
      <c r="GE26" s="104">
        <v>3842968</v>
      </c>
      <c r="GF26" s="103">
        <v>28356375</v>
      </c>
      <c r="GG26" s="290">
        <v>31634010</v>
      </c>
      <c r="GH26" s="105">
        <v>213483</v>
      </c>
      <c r="GI26" s="104">
        <v>20592</v>
      </c>
      <c r="GJ26" s="102">
        <v>234075</v>
      </c>
      <c r="GK26" s="101">
        <v>0</v>
      </c>
      <c r="GL26" s="104">
        <v>293955</v>
      </c>
      <c r="GM26" s="104">
        <v>166680</v>
      </c>
      <c r="GN26" s="104">
        <v>142866</v>
      </c>
      <c r="GO26" s="104">
        <v>235629</v>
      </c>
      <c r="GP26" s="104">
        <v>0</v>
      </c>
      <c r="GQ26" s="103">
        <v>839130</v>
      </c>
      <c r="GR26" s="106">
        <v>1073205</v>
      </c>
      <c r="GS26" s="100">
        <v>293100</v>
      </c>
      <c r="GT26" s="104">
        <v>406140</v>
      </c>
      <c r="GU26" s="103">
        <v>699240</v>
      </c>
      <c r="GV26" s="100">
        <v>0</v>
      </c>
      <c r="GW26" s="104">
        <v>448838</v>
      </c>
      <c r="GX26" s="104">
        <v>383310</v>
      </c>
      <c r="GY26" s="104">
        <v>291870</v>
      </c>
      <c r="GZ26" s="104">
        <v>146700</v>
      </c>
      <c r="HA26" s="104">
        <v>0</v>
      </c>
      <c r="HB26" s="102">
        <v>1270718</v>
      </c>
      <c r="HC26" s="106">
        <v>1969958</v>
      </c>
      <c r="HD26" s="100">
        <v>1006610</v>
      </c>
      <c r="HE26" s="104">
        <v>1576173</v>
      </c>
      <c r="HF26" s="102">
        <v>2582783</v>
      </c>
      <c r="HG26" s="101">
        <v>0</v>
      </c>
      <c r="HH26" s="104">
        <v>10589775</v>
      </c>
      <c r="HI26" s="104">
        <v>13249021</v>
      </c>
      <c r="HJ26" s="104">
        <v>12409607</v>
      </c>
      <c r="HK26" s="104">
        <v>12579752</v>
      </c>
      <c r="HL26" s="104">
        <v>11421234</v>
      </c>
      <c r="HM26" s="103">
        <v>60249389</v>
      </c>
      <c r="HN26" s="99">
        <v>62832172</v>
      </c>
      <c r="HO26" s="105">
        <v>1297823</v>
      </c>
      <c r="HP26" s="104">
        <v>2025291</v>
      </c>
      <c r="HQ26" s="103">
        <v>3323114</v>
      </c>
      <c r="HR26" s="100">
        <v>0</v>
      </c>
      <c r="HS26" s="104">
        <v>11485488</v>
      </c>
      <c r="HT26" s="104">
        <v>12746094</v>
      </c>
      <c r="HU26" s="104">
        <v>8574267</v>
      </c>
      <c r="HV26" s="104">
        <v>5047686</v>
      </c>
      <c r="HW26" s="104">
        <v>3048240</v>
      </c>
      <c r="HX26" s="102">
        <v>40901775</v>
      </c>
      <c r="HY26" s="106">
        <v>44224889</v>
      </c>
      <c r="HZ26" s="135">
        <v>0</v>
      </c>
      <c r="IA26" s="122">
        <v>0</v>
      </c>
      <c r="IB26" s="135">
        <v>0</v>
      </c>
      <c r="IC26" s="121">
        <v>0</v>
      </c>
      <c r="ID26" s="122">
        <v>14937418</v>
      </c>
      <c r="IE26" s="123">
        <v>22034528</v>
      </c>
      <c r="IF26" s="124">
        <v>23573691</v>
      </c>
      <c r="IG26" s="122">
        <v>10491994</v>
      </c>
      <c r="IH26" s="124">
        <v>7953685</v>
      </c>
      <c r="II26" s="125">
        <v>78991316</v>
      </c>
      <c r="IJ26" s="135">
        <v>78991316</v>
      </c>
      <c r="IK26" s="215">
        <v>0</v>
      </c>
      <c r="IL26" s="219">
        <v>0</v>
      </c>
      <c r="IM26" s="220">
        <v>0</v>
      </c>
      <c r="IN26" s="127">
        <v>0</v>
      </c>
      <c r="IO26" s="109">
        <v>130314</v>
      </c>
      <c r="IP26" s="109">
        <v>372201</v>
      </c>
      <c r="IQ26" s="109">
        <v>180774</v>
      </c>
      <c r="IR26" s="109">
        <v>547222</v>
      </c>
      <c r="IS26" s="109">
        <v>1122463</v>
      </c>
      <c r="IT26" s="128">
        <v>2352974</v>
      </c>
      <c r="IU26" s="292">
        <v>2352974</v>
      </c>
      <c r="IV26" s="129">
        <v>0</v>
      </c>
      <c r="IW26" s="109">
        <v>0</v>
      </c>
      <c r="IX26" s="110">
        <v>0</v>
      </c>
      <c r="IY26" s="443">
        <v>0</v>
      </c>
      <c r="IZ26" s="109">
        <v>0</v>
      </c>
      <c r="JA26" s="109">
        <v>0</v>
      </c>
      <c r="JB26" s="109">
        <v>0</v>
      </c>
      <c r="JC26" s="109">
        <v>0</v>
      </c>
      <c r="JD26" s="109">
        <v>0</v>
      </c>
      <c r="JE26" s="110">
        <v>0</v>
      </c>
      <c r="JF26" s="111">
        <v>0</v>
      </c>
      <c r="JG26" s="129">
        <v>0</v>
      </c>
      <c r="JH26" s="109">
        <v>0</v>
      </c>
      <c r="JI26" s="128">
        <v>0</v>
      </c>
      <c r="JJ26" s="108">
        <v>0</v>
      </c>
      <c r="JK26" s="109">
        <v>8570678</v>
      </c>
      <c r="JL26" s="109">
        <v>9940860</v>
      </c>
      <c r="JM26" s="109">
        <v>6719736</v>
      </c>
      <c r="JN26" s="109">
        <v>3678708</v>
      </c>
      <c r="JO26" s="109">
        <v>1243629</v>
      </c>
      <c r="JP26" s="110">
        <v>30153611</v>
      </c>
      <c r="JQ26" s="292">
        <v>30153611</v>
      </c>
      <c r="JR26" s="129">
        <v>0</v>
      </c>
      <c r="JS26" s="109">
        <v>0</v>
      </c>
      <c r="JT26" s="128">
        <v>0</v>
      </c>
      <c r="JU26" s="108">
        <v>0</v>
      </c>
      <c r="JV26" s="109">
        <v>0</v>
      </c>
      <c r="JW26" s="109">
        <v>0</v>
      </c>
      <c r="JX26" s="109">
        <v>0</v>
      </c>
      <c r="JY26" s="109">
        <v>0</v>
      </c>
      <c r="JZ26" s="109">
        <v>0</v>
      </c>
      <c r="KA26" s="110">
        <v>0</v>
      </c>
      <c r="KB26" s="292">
        <v>0</v>
      </c>
      <c r="KC26" s="217">
        <v>0</v>
      </c>
      <c r="KD26" s="213">
        <v>0</v>
      </c>
      <c r="KE26" s="110">
        <v>0</v>
      </c>
      <c r="KF26" s="108">
        <v>0</v>
      </c>
      <c r="KG26" s="109">
        <v>1374460</v>
      </c>
      <c r="KH26" s="109">
        <v>1067532</v>
      </c>
      <c r="KI26" s="109">
        <v>4548786</v>
      </c>
      <c r="KJ26" s="109">
        <v>1552059</v>
      </c>
      <c r="KK26" s="109">
        <v>626650</v>
      </c>
      <c r="KL26" s="110">
        <v>9169487</v>
      </c>
      <c r="KM26" s="130">
        <v>9169487</v>
      </c>
      <c r="KN26" s="215">
        <v>0</v>
      </c>
      <c r="KO26" s="219">
        <v>0</v>
      </c>
      <c r="KP26" s="220">
        <v>0</v>
      </c>
      <c r="KQ26" s="443">
        <v>0</v>
      </c>
      <c r="KR26" s="109">
        <v>4572484</v>
      </c>
      <c r="KS26" s="109">
        <v>10059770</v>
      </c>
      <c r="KT26" s="109">
        <v>11738777</v>
      </c>
      <c r="KU26" s="109">
        <v>4397243</v>
      </c>
      <c r="KV26" s="109">
        <v>2855696</v>
      </c>
      <c r="KW26" s="110">
        <v>33623970</v>
      </c>
      <c r="KX26" s="292">
        <v>33623970</v>
      </c>
      <c r="KY26" s="129">
        <v>0</v>
      </c>
      <c r="KZ26" s="109">
        <v>0</v>
      </c>
      <c r="LA26" s="110">
        <v>0</v>
      </c>
      <c r="LB26" s="443">
        <v>0</v>
      </c>
      <c r="LC26" s="109">
        <v>0</v>
      </c>
      <c r="LD26" s="109">
        <v>0</v>
      </c>
      <c r="LE26" s="109">
        <v>0</v>
      </c>
      <c r="LF26" s="109">
        <v>0</v>
      </c>
      <c r="LG26" s="109">
        <v>0</v>
      </c>
      <c r="LH26" s="110">
        <v>0</v>
      </c>
      <c r="LI26" s="111">
        <v>0</v>
      </c>
      <c r="LJ26" s="129">
        <v>0</v>
      </c>
      <c r="LK26" s="109">
        <v>0</v>
      </c>
      <c r="LL26" s="110">
        <v>0</v>
      </c>
      <c r="LM26" s="443">
        <v>0</v>
      </c>
      <c r="LN26" s="109">
        <v>0</v>
      </c>
      <c r="LO26" s="109">
        <v>0</v>
      </c>
      <c r="LP26" s="109">
        <v>0</v>
      </c>
      <c r="LQ26" s="109">
        <v>0</v>
      </c>
      <c r="LR26" s="109">
        <v>0</v>
      </c>
      <c r="LS26" s="110">
        <v>0</v>
      </c>
      <c r="LT26" s="292">
        <v>0</v>
      </c>
      <c r="LU26" s="129">
        <v>0</v>
      </c>
      <c r="LV26" s="109">
        <v>0</v>
      </c>
      <c r="LW26" s="110">
        <v>0</v>
      </c>
      <c r="LX26" s="443">
        <v>0</v>
      </c>
      <c r="LY26" s="109">
        <v>289482</v>
      </c>
      <c r="LZ26" s="109">
        <v>594165</v>
      </c>
      <c r="MA26" s="109">
        <v>385618</v>
      </c>
      <c r="MB26" s="109">
        <v>316762</v>
      </c>
      <c r="MC26" s="109">
        <v>2105247</v>
      </c>
      <c r="MD26" s="110">
        <v>3691274</v>
      </c>
      <c r="ME26" s="111">
        <v>3691274</v>
      </c>
      <c r="MF26" s="129">
        <v>0</v>
      </c>
      <c r="MG26" s="109">
        <v>0</v>
      </c>
      <c r="MH26" s="110">
        <v>0</v>
      </c>
      <c r="MI26" s="443">
        <v>0</v>
      </c>
      <c r="MJ26" s="109">
        <v>6198480</v>
      </c>
      <c r="MK26" s="109">
        <v>11357579</v>
      </c>
      <c r="ML26" s="109">
        <v>61235637</v>
      </c>
      <c r="MM26" s="109">
        <v>71643000</v>
      </c>
      <c r="MN26" s="109">
        <v>60353111</v>
      </c>
      <c r="MO26" s="110">
        <v>210787807</v>
      </c>
      <c r="MP26" s="130">
        <v>210787807</v>
      </c>
      <c r="MQ26" s="129">
        <v>0</v>
      </c>
      <c r="MR26" s="109">
        <v>0</v>
      </c>
      <c r="MS26" s="110">
        <v>0</v>
      </c>
      <c r="MT26" s="443">
        <v>0</v>
      </c>
      <c r="MU26" s="109">
        <v>921628</v>
      </c>
      <c r="MV26" s="109">
        <v>3047637</v>
      </c>
      <c r="MW26" s="109">
        <v>45994382</v>
      </c>
      <c r="MX26" s="109">
        <v>55093696</v>
      </c>
      <c r="MY26" s="109">
        <v>42518851</v>
      </c>
      <c r="MZ26" s="110">
        <v>147576194</v>
      </c>
      <c r="NA26" s="130">
        <v>147576194</v>
      </c>
      <c r="NB26" s="129">
        <v>0</v>
      </c>
      <c r="NC26" s="109">
        <v>0</v>
      </c>
      <c r="ND26" s="110">
        <v>0</v>
      </c>
      <c r="NE26" s="443">
        <v>0</v>
      </c>
      <c r="NF26" s="109">
        <v>5276852</v>
      </c>
      <c r="NG26" s="109">
        <v>8309942</v>
      </c>
      <c r="NH26" s="109">
        <v>14856299</v>
      </c>
      <c r="NI26" s="109">
        <v>12774863</v>
      </c>
      <c r="NJ26" s="109">
        <v>7856436</v>
      </c>
      <c r="NK26" s="110">
        <v>49074392</v>
      </c>
      <c r="NL26" s="292">
        <v>49074392</v>
      </c>
      <c r="NM26" s="129">
        <v>0</v>
      </c>
      <c r="NN26" s="109">
        <v>0</v>
      </c>
      <c r="NO26" s="110">
        <v>0</v>
      </c>
      <c r="NP26" s="443">
        <v>0</v>
      </c>
      <c r="NQ26" s="109">
        <v>0</v>
      </c>
      <c r="NR26" s="109">
        <v>0</v>
      </c>
      <c r="NS26" s="109">
        <v>0</v>
      </c>
      <c r="NT26" s="109">
        <v>326232</v>
      </c>
      <c r="NU26" s="109">
        <v>1323437</v>
      </c>
      <c r="NV26" s="110">
        <v>1649669</v>
      </c>
      <c r="NW26" s="111">
        <v>1649669</v>
      </c>
      <c r="NX26" s="129">
        <v>0</v>
      </c>
      <c r="NY26" s="109">
        <v>0</v>
      </c>
      <c r="NZ26" s="110">
        <v>0</v>
      </c>
      <c r="OA26" s="443">
        <v>0</v>
      </c>
      <c r="OB26" s="109">
        <v>0</v>
      </c>
      <c r="OC26" s="109">
        <v>0</v>
      </c>
      <c r="OD26" s="109">
        <v>384956</v>
      </c>
      <c r="OE26" s="109">
        <v>3448209</v>
      </c>
      <c r="OF26" s="109">
        <v>8654387</v>
      </c>
      <c r="OG26" s="110">
        <v>12487552</v>
      </c>
      <c r="OH26" s="111">
        <v>12487552</v>
      </c>
      <c r="OI26" s="129">
        <v>6680836</v>
      </c>
      <c r="OJ26" s="109">
        <v>12716641</v>
      </c>
      <c r="OK26" s="128">
        <v>19397477</v>
      </c>
      <c r="OL26" s="108">
        <v>0</v>
      </c>
      <c r="OM26" s="109">
        <v>93519284</v>
      </c>
      <c r="ON26" s="109">
        <v>139940987</v>
      </c>
      <c r="OO26" s="109">
        <v>183172715</v>
      </c>
      <c r="OP26" s="109">
        <v>161125395</v>
      </c>
      <c r="OQ26" s="109">
        <v>128082853</v>
      </c>
      <c r="OR26" s="110">
        <v>705841234</v>
      </c>
      <c r="OS26" s="130">
        <v>725238711</v>
      </c>
    </row>
    <row r="27" spans="2:409" ht="21" customHeight="1" x14ac:dyDescent="0.2">
      <c r="B27" s="437" t="s">
        <v>22</v>
      </c>
      <c r="C27" s="100">
        <v>1520748</v>
      </c>
      <c r="D27" s="104">
        <v>4211191</v>
      </c>
      <c r="E27" s="103">
        <v>5731939</v>
      </c>
      <c r="F27" s="99">
        <v>0</v>
      </c>
      <c r="G27" s="104">
        <v>27770043</v>
      </c>
      <c r="H27" s="104">
        <v>39901144</v>
      </c>
      <c r="I27" s="104">
        <v>29165356</v>
      </c>
      <c r="J27" s="104">
        <v>30237329</v>
      </c>
      <c r="K27" s="104">
        <v>23043247</v>
      </c>
      <c r="L27" s="156">
        <v>150117119</v>
      </c>
      <c r="M27" s="106">
        <v>155849058</v>
      </c>
      <c r="N27" s="100">
        <v>291014</v>
      </c>
      <c r="O27" s="104">
        <v>467097</v>
      </c>
      <c r="P27" s="103">
        <v>758111</v>
      </c>
      <c r="Q27" s="100">
        <v>0</v>
      </c>
      <c r="R27" s="104">
        <v>6542138</v>
      </c>
      <c r="S27" s="104">
        <v>8967213</v>
      </c>
      <c r="T27" s="104">
        <v>5016198</v>
      </c>
      <c r="U27" s="104">
        <v>11121484</v>
      </c>
      <c r="V27" s="104">
        <v>11653419</v>
      </c>
      <c r="W27" s="103">
        <v>43300452</v>
      </c>
      <c r="X27" s="106">
        <v>44058563</v>
      </c>
      <c r="Y27" s="100">
        <v>0</v>
      </c>
      <c r="Z27" s="104">
        <v>0</v>
      </c>
      <c r="AA27" s="103">
        <v>0</v>
      </c>
      <c r="AB27" s="100">
        <v>0</v>
      </c>
      <c r="AC27" s="104">
        <v>2901077</v>
      </c>
      <c r="AD27" s="104">
        <v>4535390</v>
      </c>
      <c r="AE27" s="104">
        <v>2170169</v>
      </c>
      <c r="AF27" s="104">
        <v>6148015</v>
      </c>
      <c r="AG27" s="104">
        <v>5698107</v>
      </c>
      <c r="AH27" s="103">
        <v>21452758</v>
      </c>
      <c r="AI27" s="106">
        <v>21452758</v>
      </c>
      <c r="AJ27" s="100">
        <v>0</v>
      </c>
      <c r="AK27" s="104">
        <v>0</v>
      </c>
      <c r="AL27" s="103">
        <v>0</v>
      </c>
      <c r="AM27" s="100">
        <v>0</v>
      </c>
      <c r="AN27" s="104">
        <v>243477</v>
      </c>
      <c r="AO27" s="104">
        <v>26541</v>
      </c>
      <c r="AP27" s="104">
        <v>166381</v>
      </c>
      <c r="AQ27" s="104">
        <v>1028596</v>
      </c>
      <c r="AR27" s="104">
        <v>2157247</v>
      </c>
      <c r="AS27" s="103">
        <v>3622242</v>
      </c>
      <c r="AT27" s="106">
        <v>3622242</v>
      </c>
      <c r="AU27" s="100">
        <v>184212</v>
      </c>
      <c r="AV27" s="104">
        <v>348405</v>
      </c>
      <c r="AW27" s="103">
        <v>532617</v>
      </c>
      <c r="AX27" s="100">
        <v>0</v>
      </c>
      <c r="AY27" s="104">
        <v>2261568</v>
      </c>
      <c r="AZ27" s="104">
        <v>2856342</v>
      </c>
      <c r="BA27" s="104">
        <v>1536551</v>
      </c>
      <c r="BB27" s="104">
        <v>2680416</v>
      </c>
      <c r="BC27" s="104">
        <v>3109419</v>
      </c>
      <c r="BD27" s="103">
        <v>12444296</v>
      </c>
      <c r="BE27" s="106">
        <v>12976913</v>
      </c>
      <c r="BF27" s="100">
        <v>0</v>
      </c>
      <c r="BG27" s="104">
        <v>33264</v>
      </c>
      <c r="BH27" s="102">
        <v>33264</v>
      </c>
      <c r="BI27" s="101">
        <v>0</v>
      </c>
      <c r="BJ27" s="104">
        <v>439855</v>
      </c>
      <c r="BK27" s="104">
        <v>376124</v>
      </c>
      <c r="BL27" s="104">
        <v>116798</v>
      </c>
      <c r="BM27" s="104">
        <v>293070</v>
      </c>
      <c r="BN27" s="104">
        <v>164149</v>
      </c>
      <c r="BO27" s="103">
        <v>1389996</v>
      </c>
      <c r="BP27" s="106">
        <v>1423260</v>
      </c>
      <c r="BQ27" s="100">
        <v>106802</v>
      </c>
      <c r="BR27" s="104">
        <v>85428</v>
      </c>
      <c r="BS27" s="103">
        <v>192230</v>
      </c>
      <c r="BT27" s="100">
        <v>0</v>
      </c>
      <c r="BU27" s="104">
        <v>696161</v>
      </c>
      <c r="BV27" s="104">
        <v>1172816</v>
      </c>
      <c r="BW27" s="104">
        <v>1026299</v>
      </c>
      <c r="BX27" s="104">
        <v>971387</v>
      </c>
      <c r="BY27" s="104">
        <v>524497</v>
      </c>
      <c r="BZ27" s="103">
        <v>4391160</v>
      </c>
      <c r="CA27" s="106">
        <v>4583390</v>
      </c>
      <c r="CB27" s="100">
        <v>118218</v>
      </c>
      <c r="CC27" s="104">
        <v>523330</v>
      </c>
      <c r="CD27" s="103">
        <v>641548</v>
      </c>
      <c r="CE27" s="100">
        <v>0</v>
      </c>
      <c r="CF27" s="104">
        <v>8076358</v>
      </c>
      <c r="CG27" s="104">
        <v>13173474</v>
      </c>
      <c r="CH27" s="104">
        <v>10143364</v>
      </c>
      <c r="CI27" s="104">
        <v>6191762</v>
      </c>
      <c r="CJ27" s="104">
        <v>3287087</v>
      </c>
      <c r="CK27" s="103">
        <v>40872045</v>
      </c>
      <c r="CL27" s="106">
        <v>41513593</v>
      </c>
      <c r="CM27" s="100">
        <v>0</v>
      </c>
      <c r="CN27" s="104">
        <v>0</v>
      </c>
      <c r="CO27" s="103">
        <v>0</v>
      </c>
      <c r="CP27" s="101">
        <v>0</v>
      </c>
      <c r="CQ27" s="104">
        <v>6644594</v>
      </c>
      <c r="CR27" s="104">
        <v>10145547</v>
      </c>
      <c r="CS27" s="104">
        <v>8453310</v>
      </c>
      <c r="CT27" s="104">
        <v>4452289</v>
      </c>
      <c r="CU27" s="104">
        <v>2891912</v>
      </c>
      <c r="CV27" s="103">
        <v>32587652</v>
      </c>
      <c r="CW27" s="106">
        <v>32587652</v>
      </c>
      <c r="CX27" s="100">
        <v>118218</v>
      </c>
      <c r="CY27" s="104">
        <v>523330</v>
      </c>
      <c r="CZ27" s="103">
        <v>641548</v>
      </c>
      <c r="DA27" s="100">
        <v>0</v>
      </c>
      <c r="DB27" s="104">
        <v>1431764</v>
      </c>
      <c r="DC27" s="104">
        <v>3027927</v>
      </c>
      <c r="DD27" s="104">
        <v>1690054</v>
      </c>
      <c r="DE27" s="104">
        <v>1739473</v>
      </c>
      <c r="DF27" s="104">
        <v>395175</v>
      </c>
      <c r="DG27" s="103">
        <v>8284393</v>
      </c>
      <c r="DH27" s="106">
        <v>8925941</v>
      </c>
      <c r="DI27" s="100">
        <v>0</v>
      </c>
      <c r="DJ27" s="104">
        <v>116036</v>
      </c>
      <c r="DK27" s="102">
        <v>116036</v>
      </c>
      <c r="DL27" s="101">
        <v>0</v>
      </c>
      <c r="DM27" s="104">
        <v>806871</v>
      </c>
      <c r="DN27" s="104">
        <v>1476776</v>
      </c>
      <c r="DO27" s="104">
        <v>3573173</v>
      </c>
      <c r="DP27" s="104">
        <v>3266196</v>
      </c>
      <c r="DQ27" s="104">
        <v>1976421</v>
      </c>
      <c r="DR27" s="103">
        <v>11099437</v>
      </c>
      <c r="DS27" s="106">
        <v>11215473</v>
      </c>
      <c r="DT27" s="100">
        <v>0</v>
      </c>
      <c r="DU27" s="104">
        <v>116036</v>
      </c>
      <c r="DV27" s="103">
        <v>116036</v>
      </c>
      <c r="DW27" s="100">
        <v>0</v>
      </c>
      <c r="DX27" s="104">
        <v>716814</v>
      </c>
      <c r="DY27" s="104">
        <v>1476776</v>
      </c>
      <c r="DZ27" s="104">
        <v>3370445</v>
      </c>
      <c r="EA27" s="104">
        <v>2438930</v>
      </c>
      <c r="EB27" s="104">
        <v>1650945</v>
      </c>
      <c r="EC27" s="103">
        <v>9653910</v>
      </c>
      <c r="ED27" s="106">
        <v>9769946</v>
      </c>
      <c r="EE27" s="100">
        <v>0</v>
      </c>
      <c r="EF27" s="102">
        <v>0</v>
      </c>
      <c r="EG27" s="103">
        <v>0</v>
      </c>
      <c r="EH27" s="100">
        <v>0</v>
      </c>
      <c r="EI27" s="104">
        <v>90057</v>
      </c>
      <c r="EJ27" s="104">
        <v>0</v>
      </c>
      <c r="EK27" s="104">
        <v>202728</v>
      </c>
      <c r="EL27" s="104">
        <v>827266</v>
      </c>
      <c r="EM27" s="104">
        <v>325476</v>
      </c>
      <c r="EN27" s="102">
        <v>1445527</v>
      </c>
      <c r="EO27" s="106">
        <v>1445527</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06">
        <v>0</v>
      </c>
      <c r="FE27" s="104">
        <v>0</v>
      </c>
      <c r="FF27" s="104">
        <v>0</v>
      </c>
      <c r="FG27" s="104">
        <v>0</v>
      </c>
      <c r="FH27" s="104">
        <v>0</v>
      </c>
      <c r="FI27" s="104">
        <v>0</v>
      </c>
      <c r="FJ27" s="103">
        <v>0</v>
      </c>
      <c r="FK27" s="106">
        <v>0</v>
      </c>
      <c r="FL27" s="100">
        <v>305897</v>
      </c>
      <c r="FM27" s="104">
        <v>1642696</v>
      </c>
      <c r="FN27" s="103">
        <v>1948593</v>
      </c>
      <c r="FO27" s="100">
        <v>0</v>
      </c>
      <c r="FP27" s="104">
        <v>2429130</v>
      </c>
      <c r="FQ27" s="104">
        <v>4031250</v>
      </c>
      <c r="FR27" s="104">
        <v>2521298</v>
      </c>
      <c r="FS27" s="104">
        <v>2837884</v>
      </c>
      <c r="FT27" s="104">
        <v>1837386</v>
      </c>
      <c r="FU27" s="103">
        <v>13656948</v>
      </c>
      <c r="FV27" s="106">
        <v>15605541</v>
      </c>
      <c r="FW27" s="105">
        <v>295502</v>
      </c>
      <c r="FX27" s="104">
        <v>1008323</v>
      </c>
      <c r="FY27" s="102">
        <v>1303825</v>
      </c>
      <c r="FZ27" s="101">
        <v>0</v>
      </c>
      <c r="GA27" s="104">
        <v>2011406</v>
      </c>
      <c r="GB27" s="104">
        <v>3639050</v>
      </c>
      <c r="GC27" s="104">
        <v>2206361</v>
      </c>
      <c r="GD27" s="104">
        <v>2757604</v>
      </c>
      <c r="GE27" s="104">
        <v>1837386</v>
      </c>
      <c r="GF27" s="103">
        <v>12451807</v>
      </c>
      <c r="GG27" s="290">
        <v>13755632</v>
      </c>
      <c r="GH27" s="105">
        <v>0</v>
      </c>
      <c r="GI27" s="104">
        <v>259217</v>
      </c>
      <c r="GJ27" s="102">
        <v>259217</v>
      </c>
      <c r="GK27" s="101">
        <v>0</v>
      </c>
      <c r="GL27" s="104">
        <v>122514</v>
      </c>
      <c r="GM27" s="104">
        <v>88520</v>
      </c>
      <c r="GN27" s="104">
        <v>90000</v>
      </c>
      <c r="GO27" s="104">
        <v>0</v>
      </c>
      <c r="GP27" s="104">
        <v>0</v>
      </c>
      <c r="GQ27" s="103">
        <v>301034</v>
      </c>
      <c r="GR27" s="106">
        <v>560251</v>
      </c>
      <c r="GS27" s="100">
        <v>10395</v>
      </c>
      <c r="GT27" s="104">
        <v>375156</v>
      </c>
      <c r="GU27" s="103">
        <v>385551</v>
      </c>
      <c r="GV27" s="100">
        <v>0</v>
      </c>
      <c r="GW27" s="104">
        <v>295210</v>
      </c>
      <c r="GX27" s="104">
        <v>303680</v>
      </c>
      <c r="GY27" s="104">
        <v>224937</v>
      </c>
      <c r="GZ27" s="104">
        <v>80280</v>
      </c>
      <c r="HA27" s="104">
        <v>0</v>
      </c>
      <c r="HB27" s="102">
        <v>904107</v>
      </c>
      <c r="HC27" s="106">
        <v>1289658</v>
      </c>
      <c r="HD27" s="100">
        <v>478019</v>
      </c>
      <c r="HE27" s="104">
        <v>691869</v>
      </c>
      <c r="HF27" s="102">
        <v>1169888</v>
      </c>
      <c r="HG27" s="101">
        <v>0</v>
      </c>
      <c r="HH27" s="104">
        <v>4428047</v>
      </c>
      <c r="HI27" s="104">
        <v>6555025</v>
      </c>
      <c r="HJ27" s="104">
        <v>4393139</v>
      </c>
      <c r="HK27" s="104">
        <v>4276618</v>
      </c>
      <c r="HL27" s="104">
        <v>2814717</v>
      </c>
      <c r="HM27" s="103">
        <v>22467546</v>
      </c>
      <c r="HN27" s="99">
        <v>23637434</v>
      </c>
      <c r="HO27" s="105">
        <v>327600</v>
      </c>
      <c r="HP27" s="104">
        <v>770163</v>
      </c>
      <c r="HQ27" s="103">
        <v>1097763</v>
      </c>
      <c r="HR27" s="100">
        <v>0</v>
      </c>
      <c r="HS27" s="104">
        <v>5487499</v>
      </c>
      <c r="HT27" s="104">
        <v>5697406</v>
      </c>
      <c r="HU27" s="104">
        <v>3518184</v>
      </c>
      <c r="HV27" s="104">
        <v>2543385</v>
      </c>
      <c r="HW27" s="104">
        <v>1474217</v>
      </c>
      <c r="HX27" s="102">
        <v>18720691</v>
      </c>
      <c r="HY27" s="106">
        <v>19818454</v>
      </c>
      <c r="HZ27" s="118">
        <v>145404</v>
      </c>
      <c r="IA27" s="119">
        <v>251955</v>
      </c>
      <c r="IB27" s="120">
        <v>397359</v>
      </c>
      <c r="IC27" s="131">
        <v>0</v>
      </c>
      <c r="ID27" s="119">
        <v>12156667</v>
      </c>
      <c r="IE27" s="132">
        <v>20124069</v>
      </c>
      <c r="IF27" s="120">
        <v>15760071</v>
      </c>
      <c r="IG27" s="119">
        <v>17049229</v>
      </c>
      <c r="IH27" s="120">
        <v>8223183</v>
      </c>
      <c r="II27" s="133">
        <v>73313219</v>
      </c>
      <c r="IJ27" s="126">
        <v>73710578</v>
      </c>
      <c r="IK27" s="215">
        <v>0</v>
      </c>
      <c r="IL27" s="219">
        <v>0</v>
      </c>
      <c r="IM27" s="220">
        <v>0</v>
      </c>
      <c r="IN27" s="127">
        <v>0</v>
      </c>
      <c r="IO27" s="109">
        <v>0</v>
      </c>
      <c r="IP27" s="109">
        <v>982690</v>
      </c>
      <c r="IQ27" s="109">
        <v>604767</v>
      </c>
      <c r="IR27" s="109">
        <v>999262</v>
      </c>
      <c r="IS27" s="109">
        <v>0</v>
      </c>
      <c r="IT27" s="128">
        <v>2586719</v>
      </c>
      <c r="IU27" s="292">
        <v>2586719</v>
      </c>
      <c r="IV27" s="129">
        <v>0</v>
      </c>
      <c r="IW27" s="109">
        <v>0</v>
      </c>
      <c r="IX27" s="110">
        <v>0</v>
      </c>
      <c r="IY27" s="443">
        <v>0</v>
      </c>
      <c r="IZ27" s="109">
        <v>0</v>
      </c>
      <c r="JA27" s="109">
        <v>0</v>
      </c>
      <c r="JB27" s="109">
        <v>0</v>
      </c>
      <c r="JC27" s="109">
        <v>0</v>
      </c>
      <c r="JD27" s="109">
        <v>0</v>
      </c>
      <c r="JE27" s="110">
        <v>0</v>
      </c>
      <c r="JF27" s="111">
        <v>0</v>
      </c>
      <c r="JG27" s="129">
        <v>0</v>
      </c>
      <c r="JH27" s="109">
        <v>0</v>
      </c>
      <c r="JI27" s="128">
        <v>0</v>
      </c>
      <c r="JJ27" s="108">
        <v>0</v>
      </c>
      <c r="JK27" s="109">
        <v>7045286</v>
      </c>
      <c r="JL27" s="109">
        <v>9353857</v>
      </c>
      <c r="JM27" s="109">
        <v>6354792</v>
      </c>
      <c r="JN27" s="109">
        <v>4430198</v>
      </c>
      <c r="JO27" s="109">
        <v>643581</v>
      </c>
      <c r="JP27" s="110">
        <v>27827714</v>
      </c>
      <c r="JQ27" s="292">
        <v>27827714</v>
      </c>
      <c r="JR27" s="129">
        <v>0</v>
      </c>
      <c r="JS27" s="109">
        <v>0</v>
      </c>
      <c r="JT27" s="128">
        <v>0</v>
      </c>
      <c r="JU27" s="108">
        <v>0</v>
      </c>
      <c r="JV27" s="109">
        <v>256329</v>
      </c>
      <c r="JW27" s="109">
        <v>207981</v>
      </c>
      <c r="JX27" s="109">
        <v>951935</v>
      </c>
      <c r="JY27" s="109">
        <v>534078</v>
      </c>
      <c r="JZ27" s="109">
        <v>743769</v>
      </c>
      <c r="KA27" s="110">
        <v>2694092</v>
      </c>
      <c r="KB27" s="292">
        <v>2694092</v>
      </c>
      <c r="KC27" s="217">
        <v>145404</v>
      </c>
      <c r="KD27" s="213">
        <v>251955</v>
      </c>
      <c r="KE27" s="110">
        <v>397359</v>
      </c>
      <c r="KF27" s="108">
        <v>0</v>
      </c>
      <c r="KG27" s="109">
        <v>2524897</v>
      </c>
      <c r="KH27" s="109">
        <v>4038661</v>
      </c>
      <c r="KI27" s="109">
        <v>1202076</v>
      </c>
      <c r="KJ27" s="109">
        <v>2600028</v>
      </c>
      <c r="KK27" s="109">
        <v>1433070</v>
      </c>
      <c r="KL27" s="110">
        <v>11798732</v>
      </c>
      <c r="KM27" s="130">
        <v>12196091</v>
      </c>
      <c r="KN27" s="215">
        <v>0</v>
      </c>
      <c r="KO27" s="219">
        <v>0</v>
      </c>
      <c r="KP27" s="220">
        <v>0</v>
      </c>
      <c r="KQ27" s="443">
        <v>0</v>
      </c>
      <c r="KR27" s="109">
        <v>2330155</v>
      </c>
      <c r="KS27" s="109">
        <v>5540880</v>
      </c>
      <c r="KT27" s="109">
        <v>5109231</v>
      </c>
      <c r="KU27" s="109">
        <v>4234741</v>
      </c>
      <c r="KV27" s="109">
        <v>2441115</v>
      </c>
      <c r="KW27" s="110">
        <v>19656122</v>
      </c>
      <c r="KX27" s="292">
        <v>19656122</v>
      </c>
      <c r="KY27" s="129">
        <v>0</v>
      </c>
      <c r="KZ27" s="109">
        <v>0</v>
      </c>
      <c r="LA27" s="110">
        <v>0</v>
      </c>
      <c r="LB27" s="443">
        <v>0</v>
      </c>
      <c r="LC27" s="109">
        <v>0</v>
      </c>
      <c r="LD27" s="109">
        <v>0</v>
      </c>
      <c r="LE27" s="109">
        <v>0</v>
      </c>
      <c r="LF27" s="109">
        <v>0</v>
      </c>
      <c r="LG27" s="109">
        <v>0</v>
      </c>
      <c r="LH27" s="110">
        <v>0</v>
      </c>
      <c r="LI27" s="111">
        <v>0</v>
      </c>
      <c r="LJ27" s="129">
        <v>0</v>
      </c>
      <c r="LK27" s="109">
        <v>0</v>
      </c>
      <c r="LL27" s="110">
        <v>0</v>
      </c>
      <c r="LM27" s="443">
        <v>0</v>
      </c>
      <c r="LN27" s="109">
        <v>0</v>
      </c>
      <c r="LO27" s="109">
        <v>0</v>
      </c>
      <c r="LP27" s="109">
        <v>1537270</v>
      </c>
      <c r="LQ27" s="109">
        <v>4250922</v>
      </c>
      <c r="LR27" s="109">
        <v>2961648</v>
      </c>
      <c r="LS27" s="110">
        <v>8749840</v>
      </c>
      <c r="LT27" s="292">
        <v>8749840</v>
      </c>
      <c r="LU27" s="129">
        <v>0</v>
      </c>
      <c r="LV27" s="109">
        <v>0</v>
      </c>
      <c r="LW27" s="110">
        <v>0</v>
      </c>
      <c r="LX27" s="443">
        <v>0</v>
      </c>
      <c r="LY27" s="109">
        <v>0</v>
      </c>
      <c r="LZ27" s="109">
        <v>0</v>
      </c>
      <c r="MA27" s="109">
        <v>0</v>
      </c>
      <c r="MB27" s="109">
        <v>0</v>
      </c>
      <c r="MC27" s="109">
        <v>0</v>
      </c>
      <c r="MD27" s="110">
        <v>0</v>
      </c>
      <c r="ME27" s="111">
        <v>0</v>
      </c>
      <c r="MF27" s="129">
        <v>0</v>
      </c>
      <c r="MG27" s="109">
        <v>0</v>
      </c>
      <c r="MH27" s="110">
        <v>0</v>
      </c>
      <c r="MI27" s="443">
        <v>0</v>
      </c>
      <c r="MJ27" s="109">
        <v>3244063</v>
      </c>
      <c r="MK27" s="109">
        <v>8207564</v>
      </c>
      <c r="ML27" s="109">
        <v>20318779</v>
      </c>
      <c r="MM27" s="109">
        <v>31365356</v>
      </c>
      <c r="MN27" s="109">
        <v>18146995</v>
      </c>
      <c r="MO27" s="110">
        <v>81282757</v>
      </c>
      <c r="MP27" s="130">
        <v>81282757</v>
      </c>
      <c r="MQ27" s="129">
        <v>0</v>
      </c>
      <c r="MR27" s="109">
        <v>0</v>
      </c>
      <c r="MS27" s="110">
        <v>0</v>
      </c>
      <c r="MT27" s="443">
        <v>0</v>
      </c>
      <c r="MU27" s="109">
        <v>664245</v>
      </c>
      <c r="MV27" s="109">
        <v>1231595</v>
      </c>
      <c r="MW27" s="109">
        <v>12878344</v>
      </c>
      <c r="MX27" s="109">
        <v>17613435</v>
      </c>
      <c r="MY27" s="109">
        <v>10939753</v>
      </c>
      <c r="MZ27" s="110">
        <v>43327372</v>
      </c>
      <c r="NA27" s="130">
        <v>43327372</v>
      </c>
      <c r="NB27" s="129">
        <v>0</v>
      </c>
      <c r="NC27" s="109">
        <v>0</v>
      </c>
      <c r="ND27" s="110">
        <v>0</v>
      </c>
      <c r="NE27" s="443">
        <v>0</v>
      </c>
      <c r="NF27" s="109">
        <v>2579818</v>
      </c>
      <c r="NG27" s="109">
        <v>6975969</v>
      </c>
      <c r="NH27" s="109">
        <v>7440435</v>
      </c>
      <c r="NI27" s="109">
        <v>11783380</v>
      </c>
      <c r="NJ27" s="109">
        <v>5499841</v>
      </c>
      <c r="NK27" s="110">
        <v>34279443</v>
      </c>
      <c r="NL27" s="292">
        <v>34279443</v>
      </c>
      <c r="NM27" s="129">
        <v>0</v>
      </c>
      <c r="NN27" s="109">
        <v>0</v>
      </c>
      <c r="NO27" s="110">
        <v>0</v>
      </c>
      <c r="NP27" s="443">
        <v>0</v>
      </c>
      <c r="NQ27" s="109">
        <v>0</v>
      </c>
      <c r="NR27" s="109">
        <v>0</v>
      </c>
      <c r="NS27" s="109">
        <v>0</v>
      </c>
      <c r="NT27" s="109">
        <v>0</v>
      </c>
      <c r="NU27" s="109">
        <v>0</v>
      </c>
      <c r="NV27" s="110">
        <v>0</v>
      </c>
      <c r="NW27" s="111">
        <v>0</v>
      </c>
      <c r="NX27" s="129">
        <v>0</v>
      </c>
      <c r="NY27" s="109">
        <v>0</v>
      </c>
      <c r="NZ27" s="110">
        <v>0</v>
      </c>
      <c r="OA27" s="443">
        <v>0</v>
      </c>
      <c r="OB27" s="109">
        <v>0</v>
      </c>
      <c r="OC27" s="109">
        <v>0</v>
      </c>
      <c r="OD27" s="109">
        <v>0</v>
      </c>
      <c r="OE27" s="109">
        <v>1968541</v>
      </c>
      <c r="OF27" s="109">
        <v>1707401</v>
      </c>
      <c r="OG27" s="110">
        <v>3675942</v>
      </c>
      <c r="OH27" s="111">
        <v>3675942</v>
      </c>
      <c r="OI27" s="129">
        <v>1666152</v>
      </c>
      <c r="OJ27" s="109">
        <v>4463146</v>
      </c>
      <c r="OK27" s="128">
        <v>6129298</v>
      </c>
      <c r="OL27" s="108">
        <v>0</v>
      </c>
      <c r="OM27" s="109">
        <v>43170773</v>
      </c>
      <c r="ON27" s="109">
        <v>68232777</v>
      </c>
      <c r="OO27" s="109">
        <v>65244206</v>
      </c>
      <c r="OP27" s="109">
        <v>78651914</v>
      </c>
      <c r="OQ27" s="109">
        <v>49413425</v>
      </c>
      <c r="OR27" s="110">
        <v>304713095</v>
      </c>
      <c r="OS27" s="130">
        <v>310842393</v>
      </c>
    </row>
    <row r="28" spans="2:409" ht="21" customHeight="1" x14ac:dyDescent="0.2">
      <c r="B28" s="437" t="s">
        <v>23</v>
      </c>
      <c r="C28" s="100">
        <v>3412792</v>
      </c>
      <c r="D28" s="104">
        <v>7456807</v>
      </c>
      <c r="E28" s="103">
        <v>10869599</v>
      </c>
      <c r="F28" s="99">
        <v>0</v>
      </c>
      <c r="G28" s="104">
        <v>52764934</v>
      </c>
      <c r="H28" s="104">
        <v>67478277</v>
      </c>
      <c r="I28" s="104">
        <v>55428994</v>
      </c>
      <c r="J28" s="104">
        <v>58219485</v>
      </c>
      <c r="K28" s="104">
        <v>34023690</v>
      </c>
      <c r="L28" s="156">
        <v>267915380</v>
      </c>
      <c r="M28" s="106">
        <v>278784979</v>
      </c>
      <c r="N28" s="100">
        <v>1133465</v>
      </c>
      <c r="O28" s="104">
        <v>2564399</v>
      </c>
      <c r="P28" s="103">
        <v>3697864</v>
      </c>
      <c r="Q28" s="100">
        <v>0</v>
      </c>
      <c r="R28" s="104">
        <v>12894695</v>
      </c>
      <c r="S28" s="104">
        <v>19170209</v>
      </c>
      <c r="T28" s="104">
        <v>14172897</v>
      </c>
      <c r="U28" s="104">
        <v>20845510</v>
      </c>
      <c r="V28" s="104">
        <v>13681394</v>
      </c>
      <c r="W28" s="103">
        <v>80764705</v>
      </c>
      <c r="X28" s="106">
        <v>84462569</v>
      </c>
      <c r="Y28" s="100">
        <v>0</v>
      </c>
      <c r="Z28" s="104">
        <v>0</v>
      </c>
      <c r="AA28" s="103">
        <v>0</v>
      </c>
      <c r="AB28" s="100">
        <v>0</v>
      </c>
      <c r="AC28" s="104">
        <v>5892773</v>
      </c>
      <c r="AD28" s="104">
        <v>7984710</v>
      </c>
      <c r="AE28" s="104">
        <v>7653254</v>
      </c>
      <c r="AF28" s="104">
        <v>12746671</v>
      </c>
      <c r="AG28" s="104">
        <v>7306750</v>
      </c>
      <c r="AH28" s="103">
        <v>41584158</v>
      </c>
      <c r="AI28" s="106">
        <v>41584158</v>
      </c>
      <c r="AJ28" s="100">
        <v>0</v>
      </c>
      <c r="AK28" s="104">
        <v>0</v>
      </c>
      <c r="AL28" s="103">
        <v>0</v>
      </c>
      <c r="AM28" s="100">
        <v>0</v>
      </c>
      <c r="AN28" s="104">
        <v>0</v>
      </c>
      <c r="AO28" s="104">
        <v>279203</v>
      </c>
      <c r="AP28" s="104">
        <v>293675</v>
      </c>
      <c r="AQ28" s="104">
        <v>1367456</v>
      </c>
      <c r="AR28" s="104">
        <v>1795141</v>
      </c>
      <c r="AS28" s="103">
        <v>3735475</v>
      </c>
      <c r="AT28" s="106">
        <v>3735475</v>
      </c>
      <c r="AU28" s="100">
        <v>783203</v>
      </c>
      <c r="AV28" s="104">
        <v>1932572</v>
      </c>
      <c r="AW28" s="103">
        <v>2715775</v>
      </c>
      <c r="AX28" s="100">
        <v>0</v>
      </c>
      <c r="AY28" s="104">
        <v>3754959</v>
      </c>
      <c r="AZ28" s="104">
        <v>7629881</v>
      </c>
      <c r="BA28" s="104">
        <v>3642742</v>
      </c>
      <c r="BB28" s="104">
        <v>3509870</v>
      </c>
      <c r="BC28" s="104">
        <v>2654076</v>
      </c>
      <c r="BD28" s="103">
        <v>21191528</v>
      </c>
      <c r="BE28" s="106">
        <v>23907303</v>
      </c>
      <c r="BF28" s="100">
        <v>159699</v>
      </c>
      <c r="BG28" s="104">
        <v>418166</v>
      </c>
      <c r="BH28" s="102">
        <v>577865</v>
      </c>
      <c r="BI28" s="101">
        <v>0</v>
      </c>
      <c r="BJ28" s="104">
        <v>472160</v>
      </c>
      <c r="BK28" s="104">
        <v>752560</v>
      </c>
      <c r="BL28" s="104">
        <v>384553</v>
      </c>
      <c r="BM28" s="104">
        <v>303846</v>
      </c>
      <c r="BN28" s="104">
        <v>189383</v>
      </c>
      <c r="BO28" s="103">
        <v>2102502</v>
      </c>
      <c r="BP28" s="106">
        <v>2680367</v>
      </c>
      <c r="BQ28" s="100">
        <v>190563</v>
      </c>
      <c r="BR28" s="104">
        <v>213661</v>
      </c>
      <c r="BS28" s="103">
        <v>404224</v>
      </c>
      <c r="BT28" s="100">
        <v>0</v>
      </c>
      <c r="BU28" s="104">
        <v>2774803</v>
      </c>
      <c r="BV28" s="104">
        <v>2523855</v>
      </c>
      <c r="BW28" s="104">
        <v>2198673</v>
      </c>
      <c r="BX28" s="104">
        <v>2917667</v>
      </c>
      <c r="BY28" s="104">
        <v>1736044</v>
      </c>
      <c r="BZ28" s="103">
        <v>12151042</v>
      </c>
      <c r="CA28" s="106">
        <v>12555266</v>
      </c>
      <c r="CB28" s="100">
        <v>26747</v>
      </c>
      <c r="CC28" s="104">
        <v>504957</v>
      </c>
      <c r="CD28" s="103">
        <v>531704</v>
      </c>
      <c r="CE28" s="100">
        <v>0</v>
      </c>
      <c r="CF28" s="104">
        <v>17887935</v>
      </c>
      <c r="CG28" s="104">
        <v>21525759</v>
      </c>
      <c r="CH28" s="104">
        <v>18141241</v>
      </c>
      <c r="CI28" s="104">
        <v>12251230</v>
      </c>
      <c r="CJ28" s="104">
        <v>4226119</v>
      </c>
      <c r="CK28" s="103">
        <v>74032284</v>
      </c>
      <c r="CL28" s="106">
        <v>74563988</v>
      </c>
      <c r="CM28" s="100">
        <v>0</v>
      </c>
      <c r="CN28" s="104">
        <v>0</v>
      </c>
      <c r="CO28" s="103">
        <v>0</v>
      </c>
      <c r="CP28" s="101">
        <v>0</v>
      </c>
      <c r="CQ28" s="104">
        <v>15459601</v>
      </c>
      <c r="CR28" s="104">
        <v>17743804</v>
      </c>
      <c r="CS28" s="104">
        <v>14510967</v>
      </c>
      <c r="CT28" s="104">
        <v>9807511</v>
      </c>
      <c r="CU28" s="104">
        <v>3352420</v>
      </c>
      <c r="CV28" s="103">
        <v>60874303</v>
      </c>
      <c r="CW28" s="106">
        <v>60874303</v>
      </c>
      <c r="CX28" s="100">
        <v>26747</v>
      </c>
      <c r="CY28" s="104">
        <v>504957</v>
      </c>
      <c r="CZ28" s="103">
        <v>531704</v>
      </c>
      <c r="DA28" s="100">
        <v>0</v>
      </c>
      <c r="DB28" s="104">
        <v>2428334</v>
      </c>
      <c r="DC28" s="104">
        <v>3781955</v>
      </c>
      <c r="DD28" s="104">
        <v>3630274</v>
      </c>
      <c r="DE28" s="104">
        <v>2443719</v>
      </c>
      <c r="DF28" s="104">
        <v>873699</v>
      </c>
      <c r="DG28" s="103">
        <v>13157981</v>
      </c>
      <c r="DH28" s="106">
        <v>13689685</v>
      </c>
      <c r="DI28" s="100">
        <v>103490</v>
      </c>
      <c r="DJ28" s="104">
        <v>112230</v>
      </c>
      <c r="DK28" s="102">
        <v>215720</v>
      </c>
      <c r="DL28" s="101">
        <v>0</v>
      </c>
      <c r="DM28" s="104">
        <v>1406383</v>
      </c>
      <c r="DN28" s="104">
        <v>2629723</v>
      </c>
      <c r="DO28" s="104">
        <v>5544795</v>
      </c>
      <c r="DP28" s="104">
        <v>4558528</v>
      </c>
      <c r="DQ28" s="104">
        <v>2480998</v>
      </c>
      <c r="DR28" s="103">
        <v>16620427</v>
      </c>
      <c r="DS28" s="106">
        <v>16836147</v>
      </c>
      <c r="DT28" s="100">
        <v>80334</v>
      </c>
      <c r="DU28" s="104">
        <v>112230</v>
      </c>
      <c r="DV28" s="103">
        <v>192564</v>
      </c>
      <c r="DW28" s="100">
        <v>0</v>
      </c>
      <c r="DX28" s="104">
        <v>1374775</v>
      </c>
      <c r="DY28" s="104">
        <v>2544778</v>
      </c>
      <c r="DZ28" s="104">
        <v>5412891</v>
      </c>
      <c r="EA28" s="104">
        <v>4354515</v>
      </c>
      <c r="EB28" s="104">
        <v>2190537</v>
      </c>
      <c r="EC28" s="103">
        <v>15877496</v>
      </c>
      <c r="ED28" s="106">
        <v>16070060</v>
      </c>
      <c r="EE28" s="100">
        <v>23156</v>
      </c>
      <c r="EF28" s="102">
        <v>0</v>
      </c>
      <c r="EG28" s="103">
        <v>23156</v>
      </c>
      <c r="EH28" s="100">
        <v>0</v>
      </c>
      <c r="EI28" s="104">
        <v>31608</v>
      </c>
      <c r="EJ28" s="104">
        <v>84945</v>
      </c>
      <c r="EK28" s="104">
        <v>131904</v>
      </c>
      <c r="EL28" s="104">
        <v>204013</v>
      </c>
      <c r="EM28" s="104">
        <v>290461</v>
      </c>
      <c r="EN28" s="102">
        <v>742931</v>
      </c>
      <c r="EO28" s="106">
        <v>766087</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06">
        <v>0</v>
      </c>
      <c r="FE28" s="104">
        <v>0</v>
      </c>
      <c r="FF28" s="104">
        <v>0</v>
      </c>
      <c r="FG28" s="104">
        <v>0</v>
      </c>
      <c r="FH28" s="104">
        <v>0</v>
      </c>
      <c r="FI28" s="104">
        <v>0</v>
      </c>
      <c r="FJ28" s="103">
        <v>0</v>
      </c>
      <c r="FK28" s="106">
        <v>0</v>
      </c>
      <c r="FL28" s="100">
        <v>996214</v>
      </c>
      <c r="FM28" s="104">
        <v>2632811</v>
      </c>
      <c r="FN28" s="103">
        <v>3629025</v>
      </c>
      <c r="FO28" s="100">
        <v>0</v>
      </c>
      <c r="FP28" s="104">
        <v>2760337</v>
      </c>
      <c r="FQ28" s="104">
        <v>7007389</v>
      </c>
      <c r="FR28" s="104">
        <v>4301850</v>
      </c>
      <c r="FS28" s="104">
        <v>4043877</v>
      </c>
      <c r="FT28" s="104">
        <v>2196845</v>
      </c>
      <c r="FU28" s="103">
        <v>20310298</v>
      </c>
      <c r="FV28" s="106">
        <v>23939323</v>
      </c>
      <c r="FW28" s="105">
        <v>554705</v>
      </c>
      <c r="FX28" s="104">
        <v>1697629</v>
      </c>
      <c r="FY28" s="102">
        <v>2252334</v>
      </c>
      <c r="FZ28" s="101">
        <v>0</v>
      </c>
      <c r="GA28" s="104">
        <v>2322028</v>
      </c>
      <c r="GB28" s="104">
        <v>6337877</v>
      </c>
      <c r="GC28" s="104">
        <v>3609678</v>
      </c>
      <c r="GD28" s="104">
        <v>3841377</v>
      </c>
      <c r="GE28" s="104">
        <v>2115665</v>
      </c>
      <c r="GF28" s="103">
        <v>18226625</v>
      </c>
      <c r="GG28" s="290">
        <v>20478959</v>
      </c>
      <c r="GH28" s="105">
        <v>45000</v>
      </c>
      <c r="GI28" s="104">
        <v>61520</v>
      </c>
      <c r="GJ28" s="102">
        <v>106520</v>
      </c>
      <c r="GK28" s="101">
        <v>0</v>
      </c>
      <c r="GL28" s="104">
        <v>104499</v>
      </c>
      <c r="GM28" s="104">
        <v>94194</v>
      </c>
      <c r="GN28" s="104">
        <v>42462</v>
      </c>
      <c r="GO28" s="104">
        <v>90000</v>
      </c>
      <c r="GP28" s="104">
        <v>81180</v>
      </c>
      <c r="GQ28" s="103">
        <v>412335</v>
      </c>
      <c r="GR28" s="106">
        <v>518855</v>
      </c>
      <c r="GS28" s="100">
        <v>396509</v>
      </c>
      <c r="GT28" s="104">
        <v>873662</v>
      </c>
      <c r="GU28" s="103">
        <v>1270171</v>
      </c>
      <c r="GV28" s="100">
        <v>0</v>
      </c>
      <c r="GW28" s="104">
        <v>333810</v>
      </c>
      <c r="GX28" s="104">
        <v>575318</v>
      </c>
      <c r="GY28" s="104">
        <v>649710</v>
      </c>
      <c r="GZ28" s="104">
        <v>112500</v>
      </c>
      <c r="HA28" s="104">
        <v>0</v>
      </c>
      <c r="HB28" s="102">
        <v>1671338</v>
      </c>
      <c r="HC28" s="106">
        <v>2941509</v>
      </c>
      <c r="HD28" s="100">
        <v>486690</v>
      </c>
      <c r="HE28" s="104">
        <v>325067</v>
      </c>
      <c r="HF28" s="102">
        <v>811757</v>
      </c>
      <c r="HG28" s="101">
        <v>0</v>
      </c>
      <c r="HH28" s="104">
        <v>10098138</v>
      </c>
      <c r="HI28" s="104">
        <v>8831799</v>
      </c>
      <c r="HJ28" s="104">
        <v>7785389</v>
      </c>
      <c r="HK28" s="104">
        <v>12574410</v>
      </c>
      <c r="HL28" s="104">
        <v>9568895</v>
      </c>
      <c r="HM28" s="103">
        <v>48858631</v>
      </c>
      <c r="HN28" s="99">
        <v>49670388</v>
      </c>
      <c r="HO28" s="105">
        <v>666186</v>
      </c>
      <c r="HP28" s="104">
        <v>1317343</v>
      </c>
      <c r="HQ28" s="103">
        <v>1983529</v>
      </c>
      <c r="HR28" s="100">
        <v>0</v>
      </c>
      <c r="HS28" s="104">
        <v>7717446</v>
      </c>
      <c r="HT28" s="104">
        <v>8313398</v>
      </c>
      <c r="HU28" s="104">
        <v>5482822</v>
      </c>
      <c r="HV28" s="104">
        <v>3945930</v>
      </c>
      <c r="HW28" s="104">
        <v>1869439</v>
      </c>
      <c r="HX28" s="102">
        <v>27329035</v>
      </c>
      <c r="HY28" s="106">
        <v>29312564</v>
      </c>
      <c r="HZ28" s="135">
        <v>0</v>
      </c>
      <c r="IA28" s="122">
        <v>0</v>
      </c>
      <c r="IB28" s="135">
        <v>0</v>
      </c>
      <c r="IC28" s="121">
        <v>0</v>
      </c>
      <c r="ID28" s="122">
        <v>15127676</v>
      </c>
      <c r="IE28" s="123">
        <v>9764626</v>
      </c>
      <c r="IF28" s="124">
        <v>10327422</v>
      </c>
      <c r="IG28" s="122">
        <v>8965437</v>
      </c>
      <c r="IH28" s="124">
        <v>1868280</v>
      </c>
      <c r="II28" s="125">
        <v>46053441</v>
      </c>
      <c r="IJ28" s="135">
        <v>46053441</v>
      </c>
      <c r="IK28" s="215">
        <v>0</v>
      </c>
      <c r="IL28" s="219">
        <v>0</v>
      </c>
      <c r="IM28" s="220">
        <v>0</v>
      </c>
      <c r="IN28" s="127">
        <v>0</v>
      </c>
      <c r="IO28" s="109">
        <v>0</v>
      </c>
      <c r="IP28" s="109">
        <v>0</v>
      </c>
      <c r="IQ28" s="109">
        <v>174946</v>
      </c>
      <c r="IR28" s="109">
        <v>0</v>
      </c>
      <c r="IS28" s="109">
        <v>232199</v>
      </c>
      <c r="IT28" s="128">
        <v>407145</v>
      </c>
      <c r="IU28" s="292">
        <v>407145</v>
      </c>
      <c r="IV28" s="129">
        <v>0</v>
      </c>
      <c r="IW28" s="109">
        <v>0</v>
      </c>
      <c r="IX28" s="110">
        <v>0</v>
      </c>
      <c r="IY28" s="443">
        <v>0</v>
      </c>
      <c r="IZ28" s="109">
        <v>0</v>
      </c>
      <c r="JA28" s="109">
        <v>0</v>
      </c>
      <c r="JB28" s="109">
        <v>0</v>
      </c>
      <c r="JC28" s="109">
        <v>0</v>
      </c>
      <c r="JD28" s="109">
        <v>0</v>
      </c>
      <c r="JE28" s="110">
        <v>0</v>
      </c>
      <c r="JF28" s="111">
        <v>0</v>
      </c>
      <c r="JG28" s="129">
        <v>0</v>
      </c>
      <c r="JH28" s="109">
        <v>0</v>
      </c>
      <c r="JI28" s="128">
        <v>0</v>
      </c>
      <c r="JJ28" s="108">
        <v>0</v>
      </c>
      <c r="JK28" s="109">
        <v>3028855</v>
      </c>
      <c r="JL28" s="109">
        <v>2739086</v>
      </c>
      <c r="JM28" s="109">
        <v>2818235</v>
      </c>
      <c r="JN28" s="109">
        <v>1622357</v>
      </c>
      <c r="JO28" s="109">
        <v>416782</v>
      </c>
      <c r="JP28" s="110">
        <v>10625315</v>
      </c>
      <c r="JQ28" s="292">
        <v>10625315</v>
      </c>
      <c r="JR28" s="129">
        <v>0</v>
      </c>
      <c r="JS28" s="109">
        <v>0</v>
      </c>
      <c r="JT28" s="128">
        <v>0</v>
      </c>
      <c r="JU28" s="108">
        <v>0</v>
      </c>
      <c r="JV28" s="109">
        <v>0</v>
      </c>
      <c r="JW28" s="109">
        <v>0</v>
      </c>
      <c r="JX28" s="109">
        <v>215757</v>
      </c>
      <c r="JY28" s="109">
        <v>274416</v>
      </c>
      <c r="JZ28" s="109">
        <v>0</v>
      </c>
      <c r="KA28" s="110">
        <v>490173</v>
      </c>
      <c r="KB28" s="292">
        <v>490173</v>
      </c>
      <c r="KC28" s="217">
        <v>0</v>
      </c>
      <c r="KD28" s="213">
        <v>0</v>
      </c>
      <c r="KE28" s="110">
        <v>0</v>
      </c>
      <c r="KF28" s="108">
        <v>0</v>
      </c>
      <c r="KG28" s="109">
        <v>870047</v>
      </c>
      <c r="KH28" s="109">
        <v>758362</v>
      </c>
      <c r="KI28" s="109">
        <v>1729690</v>
      </c>
      <c r="KJ28" s="109">
        <v>282456</v>
      </c>
      <c r="KK28" s="109">
        <v>0</v>
      </c>
      <c r="KL28" s="110">
        <v>3640555</v>
      </c>
      <c r="KM28" s="130">
        <v>3640555</v>
      </c>
      <c r="KN28" s="215">
        <v>0</v>
      </c>
      <c r="KO28" s="219">
        <v>0</v>
      </c>
      <c r="KP28" s="220">
        <v>0</v>
      </c>
      <c r="KQ28" s="443">
        <v>0</v>
      </c>
      <c r="KR28" s="109">
        <v>11228774</v>
      </c>
      <c r="KS28" s="109">
        <v>6267178</v>
      </c>
      <c r="KT28" s="109">
        <v>5388794</v>
      </c>
      <c r="KU28" s="109">
        <v>6466341</v>
      </c>
      <c r="KV28" s="109">
        <v>1219299</v>
      </c>
      <c r="KW28" s="110">
        <v>30570386</v>
      </c>
      <c r="KX28" s="292">
        <v>30570386</v>
      </c>
      <c r="KY28" s="129">
        <v>0</v>
      </c>
      <c r="KZ28" s="109">
        <v>0</v>
      </c>
      <c r="LA28" s="110">
        <v>0</v>
      </c>
      <c r="LB28" s="443">
        <v>0</v>
      </c>
      <c r="LC28" s="109">
        <v>0</v>
      </c>
      <c r="LD28" s="109">
        <v>0</v>
      </c>
      <c r="LE28" s="109">
        <v>0</v>
      </c>
      <c r="LF28" s="109">
        <v>0</v>
      </c>
      <c r="LG28" s="109">
        <v>0</v>
      </c>
      <c r="LH28" s="110">
        <v>0</v>
      </c>
      <c r="LI28" s="111">
        <v>0</v>
      </c>
      <c r="LJ28" s="129">
        <v>0</v>
      </c>
      <c r="LK28" s="109">
        <v>0</v>
      </c>
      <c r="LL28" s="110">
        <v>0</v>
      </c>
      <c r="LM28" s="443">
        <v>0</v>
      </c>
      <c r="LN28" s="109">
        <v>0</v>
      </c>
      <c r="LO28" s="109">
        <v>0</v>
      </c>
      <c r="LP28" s="109">
        <v>0</v>
      </c>
      <c r="LQ28" s="109">
        <v>0</v>
      </c>
      <c r="LR28" s="109">
        <v>0</v>
      </c>
      <c r="LS28" s="110">
        <v>0</v>
      </c>
      <c r="LT28" s="292">
        <v>0</v>
      </c>
      <c r="LU28" s="129">
        <v>0</v>
      </c>
      <c r="LV28" s="109">
        <v>0</v>
      </c>
      <c r="LW28" s="110">
        <v>0</v>
      </c>
      <c r="LX28" s="443">
        <v>0</v>
      </c>
      <c r="LY28" s="109">
        <v>0</v>
      </c>
      <c r="LZ28" s="109">
        <v>0</v>
      </c>
      <c r="MA28" s="109">
        <v>0</v>
      </c>
      <c r="MB28" s="109">
        <v>319867</v>
      </c>
      <c r="MC28" s="109">
        <v>0</v>
      </c>
      <c r="MD28" s="110">
        <v>319867</v>
      </c>
      <c r="ME28" s="111">
        <v>319867</v>
      </c>
      <c r="MF28" s="129">
        <v>0</v>
      </c>
      <c r="MG28" s="109">
        <v>0</v>
      </c>
      <c r="MH28" s="110">
        <v>0</v>
      </c>
      <c r="MI28" s="443">
        <v>0</v>
      </c>
      <c r="MJ28" s="109">
        <v>4834636</v>
      </c>
      <c r="MK28" s="109">
        <v>10473348</v>
      </c>
      <c r="ML28" s="109">
        <v>34950433</v>
      </c>
      <c r="MM28" s="109">
        <v>58365424</v>
      </c>
      <c r="MN28" s="109">
        <v>40224336</v>
      </c>
      <c r="MO28" s="110">
        <v>148848177</v>
      </c>
      <c r="MP28" s="130">
        <v>148848177</v>
      </c>
      <c r="MQ28" s="129">
        <v>0</v>
      </c>
      <c r="MR28" s="109">
        <v>0</v>
      </c>
      <c r="MS28" s="110">
        <v>0</v>
      </c>
      <c r="MT28" s="443">
        <v>0</v>
      </c>
      <c r="MU28" s="109">
        <v>543411</v>
      </c>
      <c r="MV28" s="109">
        <v>2941318</v>
      </c>
      <c r="MW28" s="109">
        <v>23695096</v>
      </c>
      <c r="MX28" s="109">
        <v>37326017</v>
      </c>
      <c r="MY28" s="109">
        <v>27565191</v>
      </c>
      <c r="MZ28" s="110">
        <v>92071033</v>
      </c>
      <c r="NA28" s="130">
        <v>92071033</v>
      </c>
      <c r="NB28" s="129">
        <v>0</v>
      </c>
      <c r="NC28" s="109">
        <v>0</v>
      </c>
      <c r="ND28" s="110">
        <v>0</v>
      </c>
      <c r="NE28" s="443">
        <v>0</v>
      </c>
      <c r="NF28" s="109">
        <v>4291225</v>
      </c>
      <c r="NG28" s="109">
        <v>7532030</v>
      </c>
      <c r="NH28" s="109">
        <v>11255337</v>
      </c>
      <c r="NI28" s="109">
        <v>19467684</v>
      </c>
      <c r="NJ28" s="109">
        <v>8489871</v>
      </c>
      <c r="NK28" s="110">
        <v>51036147</v>
      </c>
      <c r="NL28" s="292">
        <v>51036147</v>
      </c>
      <c r="NM28" s="129">
        <v>0</v>
      </c>
      <c r="NN28" s="109">
        <v>0</v>
      </c>
      <c r="NO28" s="110">
        <v>0</v>
      </c>
      <c r="NP28" s="443">
        <v>0</v>
      </c>
      <c r="NQ28" s="109">
        <v>0</v>
      </c>
      <c r="NR28" s="109">
        <v>0</v>
      </c>
      <c r="NS28" s="109">
        <v>0</v>
      </c>
      <c r="NT28" s="109">
        <v>0</v>
      </c>
      <c r="NU28" s="109">
        <v>700102</v>
      </c>
      <c r="NV28" s="110">
        <v>700102</v>
      </c>
      <c r="NW28" s="111">
        <v>700102</v>
      </c>
      <c r="NX28" s="129">
        <v>0</v>
      </c>
      <c r="NY28" s="109">
        <v>0</v>
      </c>
      <c r="NZ28" s="110">
        <v>0</v>
      </c>
      <c r="OA28" s="443">
        <v>0</v>
      </c>
      <c r="OB28" s="109">
        <v>0</v>
      </c>
      <c r="OC28" s="109">
        <v>0</v>
      </c>
      <c r="OD28" s="109">
        <v>0</v>
      </c>
      <c r="OE28" s="109">
        <v>1571723</v>
      </c>
      <c r="OF28" s="109">
        <v>3469172</v>
      </c>
      <c r="OG28" s="110">
        <v>5040895</v>
      </c>
      <c r="OH28" s="111">
        <v>5040895</v>
      </c>
      <c r="OI28" s="129">
        <v>3412792</v>
      </c>
      <c r="OJ28" s="109">
        <v>7456807</v>
      </c>
      <c r="OK28" s="128">
        <v>10869599</v>
      </c>
      <c r="OL28" s="108">
        <v>0</v>
      </c>
      <c r="OM28" s="109">
        <v>72727246</v>
      </c>
      <c r="ON28" s="109">
        <v>87716251</v>
      </c>
      <c r="OO28" s="109">
        <v>100706849</v>
      </c>
      <c r="OP28" s="109">
        <v>125550346</v>
      </c>
      <c r="OQ28" s="109">
        <v>76116306</v>
      </c>
      <c r="OR28" s="110">
        <v>462816998</v>
      </c>
      <c r="OS28" s="130">
        <v>473686597</v>
      </c>
    </row>
    <row r="29" spans="2:409" ht="21" customHeight="1" x14ac:dyDescent="0.2">
      <c r="B29" s="437" t="s">
        <v>24</v>
      </c>
      <c r="C29" s="100">
        <v>2762497</v>
      </c>
      <c r="D29" s="104">
        <v>3940310</v>
      </c>
      <c r="E29" s="103">
        <v>6702807</v>
      </c>
      <c r="F29" s="99">
        <v>0</v>
      </c>
      <c r="G29" s="104">
        <v>28654668</v>
      </c>
      <c r="H29" s="104">
        <v>28322512</v>
      </c>
      <c r="I29" s="104">
        <v>24889922</v>
      </c>
      <c r="J29" s="104">
        <v>27142950</v>
      </c>
      <c r="K29" s="104">
        <v>21276629</v>
      </c>
      <c r="L29" s="156">
        <v>130286681</v>
      </c>
      <c r="M29" s="106">
        <v>136989488</v>
      </c>
      <c r="N29" s="100">
        <v>542890</v>
      </c>
      <c r="O29" s="104">
        <v>1007884</v>
      </c>
      <c r="P29" s="103">
        <v>1550774</v>
      </c>
      <c r="Q29" s="100">
        <v>0</v>
      </c>
      <c r="R29" s="104">
        <v>6616731</v>
      </c>
      <c r="S29" s="104">
        <v>8165650</v>
      </c>
      <c r="T29" s="104">
        <v>8115294</v>
      </c>
      <c r="U29" s="104">
        <v>9683485</v>
      </c>
      <c r="V29" s="104">
        <v>10372674</v>
      </c>
      <c r="W29" s="103">
        <v>42953834</v>
      </c>
      <c r="X29" s="106">
        <v>44504608</v>
      </c>
      <c r="Y29" s="100">
        <v>0</v>
      </c>
      <c r="Z29" s="104">
        <v>0</v>
      </c>
      <c r="AA29" s="103">
        <v>0</v>
      </c>
      <c r="AB29" s="100">
        <v>0</v>
      </c>
      <c r="AC29" s="104">
        <v>2558598</v>
      </c>
      <c r="AD29" s="104">
        <v>3530948</v>
      </c>
      <c r="AE29" s="104">
        <v>4927841</v>
      </c>
      <c r="AF29" s="104">
        <v>5316698</v>
      </c>
      <c r="AG29" s="104">
        <v>5534758</v>
      </c>
      <c r="AH29" s="103">
        <v>21868843</v>
      </c>
      <c r="AI29" s="106">
        <v>21868843</v>
      </c>
      <c r="AJ29" s="100">
        <v>0</v>
      </c>
      <c r="AK29" s="104">
        <v>0</v>
      </c>
      <c r="AL29" s="103">
        <v>0</v>
      </c>
      <c r="AM29" s="100">
        <v>0</v>
      </c>
      <c r="AN29" s="104">
        <v>52822</v>
      </c>
      <c r="AO29" s="104">
        <v>108176</v>
      </c>
      <c r="AP29" s="104">
        <v>161644</v>
      </c>
      <c r="AQ29" s="104">
        <v>663932</v>
      </c>
      <c r="AR29" s="104">
        <v>1678744</v>
      </c>
      <c r="AS29" s="103">
        <v>2665318</v>
      </c>
      <c r="AT29" s="106">
        <v>2665318</v>
      </c>
      <c r="AU29" s="100">
        <v>329858</v>
      </c>
      <c r="AV29" s="104">
        <v>794211</v>
      </c>
      <c r="AW29" s="103">
        <v>1124069</v>
      </c>
      <c r="AX29" s="100">
        <v>0</v>
      </c>
      <c r="AY29" s="104">
        <v>2684562</v>
      </c>
      <c r="AZ29" s="104">
        <v>3274047</v>
      </c>
      <c r="BA29" s="104">
        <v>1805630</v>
      </c>
      <c r="BB29" s="104">
        <v>2260582</v>
      </c>
      <c r="BC29" s="104">
        <v>1998962</v>
      </c>
      <c r="BD29" s="103">
        <v>12023783</v>
      </c>
      <c r="BE29" s="106">
        <v>13147852</v>
      </c>
      <c r="BF29" s="100">
        <v>0</v>
      </c>
      <c r="BG29" s="104">
        <v>23395</v>
      </c>
      <c r="BH29" s="102">
        <v>23395</v>
      </c>
      <c r="BI29" s="101">
        <v>0</v>
      </c>
      <c r="BJ29" s="104">
        <v>97040</v>
      </c>
      <c r="BK29" s="104">
        <v>217868</v>
      </c>
      <c r="BL29" s="104">
        <v>139694</v>
      </c>
      <c r="BM29" s="104">
        <v>96898</v>
      </c>
      <c r="BN29" s="104">
        <v>130014</v>
      </c>
      <c r="BO29" s="103">
        <v>681514</v>
      </c>
      <c r="BP29" s="106">
        <v>704909</v>
      </c>
      <c r="BQ29" s="100">
        <v>213032</v>
      </c>
      <c r="BR29" s="104">
        <v>190278</v>
      </c>
      <c r="BS29" s="103">
        <v>403310</v>
      </c>
      <c r="BT29" s="100">
        <v>0</v>
      </c>
      <c r="BU29" s="104">
        <v>1223709</v>
      </c>
      <c r="BV29" s="104">
        <v>1034611</v>
      </c>
      <c r="BW29" s="104">
        <v>1080485</v>
      </c>
      <c r="BX29" s="104">
        <v>1345375</v>
      </c>
      <c r="BY29" s="104">
        <v>1030196</v>
      </c>
      <c r="BZ29" s="103">
        <v>5714376</v>
      </c>
      <c r="CA29" s="106">
        <v>6117686</v>
      </c>
      <c r="CB29" s="100">
        <v>306092</v>
      </c>
      <c r="CC29" s="104">
        <v>549577</v>
      </c>
      <c r="CD29" s="103">
        <v>855669</v>
      </c>
      <c r="CE29" s="100">
        <v>0</v>
      </c>
      <c r="CF29" s="104">
        <v>8754607</v>
      </c>
      <c r="CG29" s="104">
        <v>8473282</v>
      </c>
      <c r="CH29" s="104">
        <v>5500673</v>
      </c>
      <c r="CI29" s="104">
        <v>3502238</v>
      </c>
      <c r="CJ29" s="104">
        <v>2099442</v>
      </c>
      <c r="CK29" s="103">
        <v>28330242</v>
      </c>
      <c r="CL29" s="106">
        <v>29185911</v>
      </c>
      <c r="CM29" s="100">
        <v>0</v>
      </c>
      <c r="CN29" s="104">
        <v>0</v>
      </c>
      <c r="CO29" s="103">
        <v>0</v>
      </c>
      <c r="CP29" s="101">
        <v>0</v>
      </c>
      <c r="CQ29" s="104">
        <v>6182065</v>
      </c>
      <c r="CR29" s="104">
        <v>6170460</v>
      </c>
      <c r="CS29" s="104">
        <v>3419735</v>
      </c>
      <c r="CT29" s="104">
        <v>2168418</v>
      </c>
      <c r="CU29" s="104">
        <v>902956</v>
      </c>
      <c r="CV29" s="103">
        <v>18843634</v>
      </c>
      <c r="CW29" s="106">
        <v>18843634</v>
      </c>
      <c r="CX29" s="100">
        <v>306092</v>
      </c>
      <c r="CY29" s="104">
        <v>549577</v>
      </c>
      <c r="CZ29" s="103">
        <v>855669</v>
      </c>
      <c r="DA29" s="100">
        <v>0</v>
      </c>
      <c r="DB29" s="104">
        <v>2572542</v>
      </c>
      <c r="DC29" s="104">
        <v>2302822</v>
      </c>
      <c r="DD29" s="104">
        <v>2080938</v>
      </c>
      <c r="DE29" s="104">
        <v>1333820</v>
      </c>
      <c r="DF29" s="104">
        <v>1196486</v>
      </c>
      <c r="DG29" s="103">
        <v>9486608</v>
      </c>
      <c r="DH29" s="106">
        <v>10342277</v>
      </c>
      <c r="DI29" s="100">
        <v>57159</v>
      </c>
      <c r="DJ29" s="104">
        <v>21838</v>
      </c>
      <c r="DK29" s="102">
        <v>78997</v>
      </c>
      <c r="DL29" s="101">
        <v>0</v>
      </c>
      <c r="DM29" s="104">
        <v>1137118</v>
      </c>
      <c r="DN29" s="104">
        <v>939019</v>
      </c>
      <c r="DO29" s="104">
        <v>2727711</v>
      </c>
      <c r="DP29" s="104">
        <v>2172761</v>
      </c>
      <c r="DQ29" s="104">
        <v>1441723</v>
      </c>
      <c r="DR29" s="103">
        <v>8418332</v>
      </c>
      <c r="DS29" s="106">
        <v>8497329</v>
      </c>
      <c r="DT29" s="100">
        <v>57159</v>
      </c>
      <c r="DU29" s="104">
        <v>21838</v>
      </c>
      <c r="DV29" s="103">
        <v>78997</v>
      </c>
      <c r="DW29" s="100">
        <v>0</v>
      </c>
      <c r="DX29" s="104">
        <v>1040363</v>
      </c>
      <c r="DY29" s="104">
        <v>911175</v>
      </c>
      <c r="DZ29" s="104">
        <v>2533510</v>
      </c>
      <c r="EA29" s="104">
        <v>2099650</v>
      </c>
      <c r="EB29" s="104">
        <v>1176591</v>
      </c>
      <c r="EC29" s="103">
        <v>7761289</v>
      </c>
      <c r="ED29" s="106">
        <v>7840286</v>
      </c>
      <c r="EE29" s="100">
        <v>0</v>
      </c>
      <c r="EF29" s="102">
        <v>0</v>
      </c>
      <c r="EG29" s="103">
        <v>0</v>
      </c>
      <c r="EH29" s="100">
        <v>0</v>
      </c>
      <c r="EI29" s="104">
        <v>96755</v>
      </c>
      <c r="EJ29" s="104">
        <v>27844</v>
      </c>
      <c r="EK29" s="104">
        <v>194201</v>
      </c>
      <c r="EL29" s="104">
        <v>73111</v>
      </c>
      <c r="EM29" s="104">
        <v>265132</v>
      </c>
      <c r="EN29" s="102">
        <v>657043</v>
      </c>
      <c r="EO29" s="106">
        <v>657043</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06">
        <v>0</v>
      </c>
      <c r="FE29" s="104">
        <v>0</v>
      </c>
      <c r="FF29" s="104">
        <v>0</v>
      </c>
      <c r="FG29" s="104">
        <v>0</v>
      </c>
      <c r="FH29" s="104">
        <v>0</v>
      </c>
      <c r="FI29" s="104">
        <v>0</v>
      </c>
      <c r="FJ29" s="103">
        <v>0</v>
      </c>
      <c r="FK29" s="106">
        <v>0</v>
      </c>
      <c r="FL29" s="100">
        <v>707530</v>
      </c>
      <c r="FM29" s="104">
        <v>678609</v>
      </c>
      <c r="FN29" s="103">
        <v>1386139</v>
      </c>
      <c r="FO29" s="100">
        <v>0</v>
      </c>
      <c r="FP29" s="104">
        <v>1171844</v>
      </c>
      <c r="FQ29" s="104">
        <v>2340899</v>
      </c>
      <c r="FR29" s="104">
        <v>1518342</v>
      </c>
      <c r="FS29" s="104">
        <v>1511709</v>
      </c>
      <c r="FT29" s="104">
        <v>1358919</v>
      </c>
      <c r="FU29" s="103">
        <v>7901713</v>
      </c>
      <c r="FV29" s="106">
        <v>9287852</v>
      </c>
      <c r="FW29" s="105">
        <v>340500</v>
      </c>
      <c r="FX29" s="104">
        <v>548973</v>
      </c>
      <c r="FY29" s="102">
        <v>889473</v>
      </c>
      <c r="FZ29" s="101">
        <v>0</v>
      </c>
      <c r="GA29" s="104">
        <v>994876</v>
      </c>
      <c r="GB29" s="104">
        <v>2159678</v>
      </c>
      <c r="GC29" s="104">
        <v>1486932</v>
      </c>
      <c r="GD29" s="104">
        <v>1511709</v>
      </c>
      <c r="GE29" s="104">
        <v>1338129</v>
      </c>
      <c r="GF29" s="103">
        <v>7491324</v>
      </c>
      <c r="GG29" s="290">
        <v>8380797</v>
      </c>
      <c r="GH29" s="105">
        <v>42130</v>
      </c>
      <c r="GI29" s="104">
        <v>72936</v>
      </c>
      <c r="GJ29" s="102">
        <v>115066</v>
      </c>
      <c r="GK29" s="101">
        <v>0</v>
      </c>
      <c r="GL29" s="104">
        <v>10642</v>
      </c>
      <c r="GM29" s="104">
        <v>54321</v>
      </c>
      <c r="GN29" s="104">
        <v>10454</v>
      </c>
      <c r="GO29" s="104">
        <v>0</v>
      </c>
      <c r="GP29" s="104">
        <v>20790</v>
      </c>
      <c r="GQ29" s="103">
        <v>96207</v>
      </c>
      <c r="GR29" s="106">
        <v>211273</v>
      </c>
      <c r="GS29" s="100">
        <v>324900</v>
      </c>
      <c r="GT29" s="104">
        <v>56700</v>
      </c>
      <c r="GU29" s="103">
        <v>381600</v>
      </c>
      <c r="GV29" s="100">
        <v>0</v>
      </c>
      <c r="GW29" s="104">
        <v>166326</v>
      </c>
      <c r="GX29" s="104">
        <v>126900</v>
      </c>
      <c r="GY29" s="104">
        <v>20956</v>
      </c>
      <c r="GZ29" s="104">
        <v>0</v>
      </c>
      <c r="HA29" s="104">
        <v>0</v>
      </c>
      <c r="HB29" s="102">
        <v>314182</v>
      </c>
      <c r="HC29" s="106">
        <v>695782</v>
      </c>
      <c r="HD29" s="100">
        <v>681711</v>
      </c>
      <c r="HE29" s="104">
        <v>1136973</v>
      </c>
      <c r="HF29" s="102">
        <v>1818684</v>
      </c>
      <c r="HG29" s="101">
        <v>0</v>
      </c>
      <c r="HH29" s="104">
        <v>7117343</v>
      </c>
      <c r="HI29" s="104">
        <v>5395961</v>
      </c>
      <c r="HJ29" s="104">
        <v>4812112</v>
      </c>
      <c r="HK29" s="104">
        <v>8717962</v>
      </c>
      <c r="HL29" s="104">
        <v>4981852</v>
      </c>
      <c r="HM29" s="103">
        <v>31025230</v>
      </c>
      <c r="HN29" s="99">
        <v>32843914</v>
      </c>
      <c r="HO29" s="105">
        <v>467115</v>
      </c>
      <c r="HP29" s="104">
        <v>545429</v>
      </c>
      <c r="HQ29" s="103">
        <v>1012544</v>
      </c>
      <c r="HR29" s="100">
        <v>0</v>
      </c>
      <c r="HS29" s="104">
        <v>3857025</v>
      </c>
      <c r="HT29" s="104">
        <v>3007701</v>
      </c>
      <c r="HU29" s="104">
        <v>2215790</v>
      </c>
      <c r="HV29" s="104">
        <v>1554795</v>
      </c>
      <c r="HW29" s="104">
        <v>1022019</v>
      </c>
      <c r="HX29" s="102">
        <v>11657330</v>
      </c>
      <c r="HY29" s="106">
        <v>12669874</v>
      </c>
      <c r="HZ29" s="118">
        <v>150675</v>
      </c>
      <c r="IA29" s="119">
        <v>241190</v>
      </c>
      <c r="IB29" s="120">
        <v>391865</v>
      </c>
      <c r="IC29" s="131">
        <v>0</v>
      </c>
      <c r="ID29" s="119">
        <v>3631747</v>
      </c>
      <c r="IE29" s="132">
        <v>5022078</v>
      </c>
      <c r="IF29" s="120">
        <v>5262172</v>
      </c>
      <c r="IG29" s="119">
        <v>4326262</v>
      </c>
      <c r="IH29" s="120">
        <v>1369484</v>
      </c>
      <c r="II29" s="133">
        <v>19611743</v>
      </c>
      <c r="IJ29" s="126">
        <v>20003608</v>
      </c>
      <c r="IK29" s="215">
        <v>0</v>
      </c>
      <c r="IL29" s="219">
        <v>0</v>
      </c>
      <c r="IM29" s="220">
        <v>0</v>
      </c>
      <c r="IN29" s="127">
        <v>0</v>
      </c>
      <c r="IO29" s="109">
        <v>67521</v>
      </c>
      <c r="IP29" s="109">
        <v>225060</v>
      </c>
      <c r="IQ29" s="109">
        <v>550179</v>
      </c>
      <c r="IR29" s="109">
        <v>1345164</v>
      </c>
      <c r="IS29" s="109">
        <v>0</v>
      </c>
      <c r="IT29" s="128">
        <v>2187924</v>
      </c>
      <c r="IU29" s="292">
        <v>2187924</v>
      </c>
      <c r="IV29" s="129">
        <v>0</v>
      </c>
      <c r="IW29" s="109">
        <v>0</v>
      </c>
      <c r="IX29" s="110">
        <v>0</v>
      </c>
      <c r="IY29" s="443">
        <v>0</v>
      </c>
      <c r="IZ29" s="109">
        <v>0</v>
      </c>
      <c r="JA29" s="109">
        <v>0</v>
      </c>
      <c r="JB29" s="109">
        <v>0</v>
      </c>
      <c r="JC29" s="109">
        <v>0</v>
      </c>
      <c r="JD29" s="109">
        <v>0</v>
      </c>
      <c r="JE29" s="110">
        <v>0</v>
      </c>
      <c r="JF29" s="111">
        <v>0</v>
      </c>
      <c r="JG29" s="129">
        <v>0</v>
      </c>
      <c r="JH29" s="109">
        <v>0</v>
      </c>
      <c r="JI29" s="128">
        <v>0</v>
      </c>
      <c r="JJ29" s="108">
        <v>0</v>
      </c>
      <c r="JK29" s="109">
        <v>1449606</v>
      </c>
      <c r="JL29" s="109">
        <v>1181334</v>
      </c>
      <c r="JM29" s="109">
        <v>1177419</v>
      </c>
      <c r="JN29" s="109">
        <v>606277</v>
      </c>
      <c r="JO29" s="109">
        <v>111940</v>
      </c>
      <c r="JP29" s="110">
        <v>4526576</v>
      </c>
      <c r="JQ29" s="292">
        <v>4526576</v>
      </c>
      <c r="JR29" s="129">
        <v>0</v>
      </c>
      <c r="JS29" s="109">
        <v>0</v>
      </c>
      <c r="JT29" s="128">
        <v>0</v>
      </c>
      <c r="JU29" s="108">
        <v>0</v>
      </c>
      <c r="JV29" s="109">
        <v>401104</v>
      </c>
      <c r="JW29" s="109">
        <v>651199</v>
      </c>
      <c r="JX29" s="109">
        <v>370573</v>
      </c>
      <c r="JY29" s="109">
        <v>253220</v>
      </c>
      <c r="JZ29" s="109">
        <v>64087</v>
      </c>
      <c r="KA29" s="110">
        <v>1740183</v>
      </c>
      <c r="KB29" s="292">
        <v>1740183</v>
      </c>
      <c r="KC29" s="217">
        <v>150675</v>
      </c>
      <c r="KD29" s="213">
        <v>241190</v>
      </c>
      <c r="KE29" s="110">
        <v>391865</v>
      </c>
      <c r="KF29" s="108">
        <v>0</v>
      </c>
      <c r="KG29" s="109">
        <v>1454776</v>
      </c>
      <c r="KH29" s="109">
        <v>1938637</v>
      </c>
      <c r="KI29" s="109">
        <v>1592511</v>
      </c>
      <c r="KJ29" s="109">
        <v>1011705</v>
      </c>
      <c r="KK29" s="109">
        <v>620741</v>
      </c>
      <c r="KL29" s="110">
        <v>6618370</v>
      </c>
      <c r="KM29" s="130">
        <v>7010235</v>
      </c>
      <c r="KN29" s="215">
        <v>0</v>
      </c>
      <c r="KO29" s="219">
        <v>0</v>
      </c>
      <c r="KP29" s="220">
        <v>0</v>
      </c>
      <c r="KQ29" s="443">
        <v>0</v>
      </c>
      <c r="KR29" s="109">
        <v>258740</v>
      </c>
      <c r="KS29" s="109">
        <v>1025848</v>
      </c>
      <c r="KT29" s="109">
        <v>1571490</v>
      </c>
      <c r="KU29" s="109">
        <v>1109896</v>
      </c>
      <c r="KV29" s="109">
        <v>572716</v>
      </c>
      <c r="KW29" s="110">
        <v>4538690</v>
      </c>
      <c r="KX29" s="292">
        <v>4538690</v>
      </c>
      <c r="KY29" s="129">
        <v>0</v>
      </c>
      <c r="KZ29" s="109">
        <v>0</v>
      </c>
      <c r="LA29" s="110">
        <v>0</v>
      </c>
      <c r="LB29" s="443">
        <v>0</v>
      </c>
      <c r="LC29" s="109">
        <v>0</v>
      </c>
      <c r="LD29" s="109">
        <v>0</v>
      </c>
      <c r="LE29" s="109">
        <v>0</v>
      </c>
      <c r="LF29" s="109">
        <v>0</v>
      </c>
      <c r="LG29" s="109">
        <v>0</v>
      </c>
      <c r="LH29" s="110">
        <v>0</v>
      </c>
      <c r="LI29" s="111">
        <v>0</v>
      </c>
      <c r="LJ29" s="129">
        <v>0</v>
      </c>
      <c r="LK29" s="109">
        <v>0</v>
      </c>
      <c r="LL29" s="110">
        <v>0</v>
      </c>
      <c r="LM29" s="443">
        <v>0</v>
      </c>
      <c r="LN29" s="109">
        <v>0</v>
      </c>
      <c r="LO29" s="109">
        <v>0</v>
      </c>
      <c r="LP29" s="109">
        <v>0</v>
      </c>
      <c r="LQ29" s="109">
        <v>0</v>
      </c>
      <c r="LR29" s="109">
        <v>0</v>
      </c>
      <c r="LS29" s="110">
        <v>0</v>
      </c>
      <c r="LT29" s="292">
        <v>0</v>
      </c>
      <c r="LU29" s="129">
        <v>0</v>
      </c>
      <c r="LV29" s="109">
        <v>0</v>
      </c>
      <c r="LW29" s="110">
        <v>0</v>
      </c>
      <c r="LX29" s="443">
        <v>0</v>
      </c>
      <c r="LY29" s="109">
        <v>0</v>
      </c>
      <c r="LZ29" s="109">
        <v>0</v>
      </c>
      <c r="MA29" s="109">
        <v>0</v>
      </c>
      <c r="MB29" s="109">
        <v>0</v>
      </c>
      <c r="MC29" s="109">
        <v>0</v>
      </c>
      <c r="MD29" s="110">
        <v>0</v>
      </c>
      <c r="ME29" s="111">
        <v>0</v>
      </c>
      <c r="MF29" s="129">
        <v>0</v>
      </c>
      <c r="MG29" s="109">
        <v>0</v>
      </c>
      <c r="MH29" s="110">
        <v>0</v>
      </c>
      <c r="MI29" s="443">
        <v>0</v>
      </c>
      <c r="MJ29" s="109">
        <v>3816053</v>
      </c>
      <c r="MK29" s="109">
        <v>2657799</v>
      </c>
      <c r="ML29" s="109">
        <v>15168898</v>
      </c>
      <c r="MM29" s="109">
        <v>33077553</v>
      </c>
      <c r="MN29" s="109">
        <v>20248103</v>
      </c>
      <c r="MO29" s="110">
        <v>74968406</v>
      </c>
      <c r="MP29" s="130">
        <v>74968406</v>
      </c>
      <c r="MQ29" s="129">
        <v>0</v>
      </c>
      <c r="MR29" s="109">
        <v>0</v>
      </c>
      <c r="MS29" s="110">
        <v>0</v>
      </c>
      <c r="MT29" s="443">
        <v>0</v>
      </c>
      <c r="MU29" s="109">
        <v>0</v>
      </c>
      <c r="MV29" s="109">
        <v>0</v>
      </c>
      <c r="MW29" s="109">
        <v>7203786</v>
      </c>
      <c r="MX29" s="109">
        <v>24287494</v>
      </c>
      <c r="MY29" s="109">
        <v>16518646</v>
      </c>
      <c r="MZ29" s="110">
        <v>48009926</v>
      </c>
      <c r="NA29" s="130">
        <v>48009926</v>
      </c>
      <c r="NB29" s="129">
        <v>0</v>
      </c>
      <c r="NC29" s="109">
        <v>0</v>
      </c>
      <c r="ND29" s="110">
        <v>0</v>
      </c>
      <c r="NE29" s="443">
        <v>0</v>
      </c>
      <c r="NF29" s="109">
        <v>3816053</v>
      </c>
      <c r="NG29" s="109">
        <v>2657799</v>
      </c>
      <c r="NH29" s="109">
        <v>7965112</v>
      </c>
      <c r="NI29" s="109">
        <v>8790059</v>
      </c>
      <c r="NJ29" s="109">
        <v>3729457</v>
      </c>
      <c r="NK29" s="110">
        <v>26958480</v>
      </c>
      <c r="NL29" s="292">
        <v>26958480</v>
      </c>
      <c r="NM29" s="129">
        <v>0</v>
      </c>
      <c r="NN29" s="109">
        <v>0</v>
      </c>
      <c r="NO29" s="110">
        <v>0</v>
      </c>
      <c r="NP29" s="443">
        <v>0</v>
      </c>
      <c r="NQ29" s="109">
        <v>0</v>
      </c>
      <c r="NR29" s="109">
        <v>0</v>
      </c>
      <c r="NS29" s="109">
        <v>0</v>
      </c>
      <c r="NT29" s="109">
        <v>0</v>
      </c>
      <c r="NU29" s="109">
        <v>0</v>
      </c>
      <c r="NV29" s="110">
        <v>0</v>
      </c>
      <c r="NW29" s="111">
        <v>0</v>
      </c>
      <c r="NX29" s="129">
        <v>0</v>
      </c>
      <c r="NY29" s="109">
        <v>0</v>
      </c>
      <c r="NZ29" s="110">
        <v>0</v>
      </c>
      <c r="OA29" s="443">
        <v>0</v>
      </c>
      <c r="OB29" s="109">
        <v>0</v>
      </c>
      <c r="OC29" s="109">
        <v>0</v>
      </c>
      <c r="OD29" s="109">
        <v>0</v>
      </c>
      <c r="OE29" s="109">
        <v>0</v>
      </c>
      <c r="OF29" s="109">
        <v>0</v>
      </c>
      <c r="OG29" s="110">
        <v>0</v>
      </c>
      <c r="OH29" s="111">
        <v>0</v>
      </c>
      <c r="OI29" s="129">
        <v>2913172</v>
      </c>
      <c r="OJ29" s="109">
        <v>4181500</v>
      </c>
      <c r="OK29" s="128">
        <v>7094672</v>
      </c>
      <c r="OL29" s="108">
        <v>0</v>
      </c>
      <c r="OM29" s="109">
        <v>36102468</v>
      </c>
      <c r="ON29" s="109">
        <v>36002389</v>
      </c>
      <c r="OO29" s="109">
        <v>45320992</v>
      </c>
      <c r="OP29" s="109">
        <v>64546765</v>
      </c>
      <c r="OQ29" s="109">
        <v>42894216</v>
      </c>
      <c r="OR29" s="110">
        <v>224866830</v>
      </c>
      <c r="OS29" s="130">
        <v>231961502</v>
      </c>
    </row>
    <row r="30" spans="2:409" ht="21" customHeight="1" x14ac:dyDescent="0.2">
      <c r="B30" s="437" t="s">
        <v>25</v>
      </c>
      <c r="C30" s="100">
        <v>2693604</v>
      </c>
      <c r="D30" s="104">
        <v>4673258</v>
      </c>
      <c r="E30" s="103">
        <v>7366862</v>
      </c>
      <c r="F30" s="99">
        <v>0</v>
      </c>
      <c r="G30" s="104">
        <v>29446092</v>
      </c>
      <c r="H30" s="104">
        <v>33989428</v>
      </c>
      <c r="I30" s="104">
        <v>28276763</v>
      </c>
      <c r="J30" s="104">
        <v>27405652</v>
      </c>
      <c r="K30" s="104">
        <v>19769667</v>
      </c>
      <c r="L30" s="156">
        <v>138887602</v>
      </c>
      <c r="M30" s="106">
        <v>146254464</v>
      </c>
      <c r="N30" s="100">
        <v>518691</v>
      </c>
      <c r="O30" s="104">
        <v>1646709</v>
      </c>
      <c r="P30" s="103">
        <v>2165400</v>
      </c>
      <c r="Q30" s="100">
        <v>0</v>
      </c>
      <c r="R30" s="104">
        <v>8602699</v>
      </c>
      <c r="S30" s="104">
        <v>11027789</v>
      </c>
      <c r="T30" s="104">
        <v>9042756</v>
      </c>
      <c r="U30" s="104">
        <v>10124862</v>
      </c>
      <c r="V30" s="104">
        <v>9908219</v>
      </c>
      <c r="W30" s="103">
        <v>48706325</v>
      </c>
      <c r="X30" s="106">
        <v>50871725</v>
      </c>
      <c r="Y30" s="100">
        <v>0</v>
      </c>
      <c r="Z30" s="104">
        <v>0</v>
      </c>
      <c r="AA30" s="103">
        <v>0</v>
      </c>
      <c r="AB30" s="100">
        <v>0</v>
      </c>
      <c r="AC30" s="104">
        <v>4444582</v>
      </c>
      <c r="AD30" s="104">
        <v>5180126</v>
      </c>
      <c r="AE30" s="104">
        <v>5095449</v>
      </c>
      <c r="AF30" s="104">
        <v>5938203</v>
      </c>
      <c r="AG30" s="104">
        <v>6367920</v>
      </c>
      <c r="AH30" s="103">
        <v>27026280</v>
      </c>
      <c r="AI30" s="106">
        <v>27026280</v>
      </c>
      <c r="AJ30" s="100">
        <v>0</v>
      </c>
      <c r="AK30" s="104">
        <v>0</v>
      </c>
      <c r="AL30" s="103">
        <v>0</v>
      </c>
      <c r="AM30" s="100">
        <v>0</v>
      </c>
      <c r="AN30" s="104">
        <v>140221</v>
      </c>
      <c r="AO30" s="104">
        <v>545159</v>
      </c>
      <c r="AP30" s="104">
        <v>611071</v>
      </c>
      <c r="AQ30" s="104">
        <v>960782</v>
      </c>
      <c r="AR30" s="104">
        <v>1185578</v>
      </c>
      <c r="AS30" s="103">
        <v>3442811</v>
      </c>
      <c r="AT30" s="106">
        <v>3442811</v>
      </c>
      <c r="AU30" s="100">
        <v>358922</v>
      </c>
      <c r="AV30" s="104">
        <v>1366462</v>
      </c>
      <c r="AW30" s="103">
        <v>1725384</v>
      </c>
      <c r="AX30" s="100">
        <v>0</v>
      </c>
      <c r="AY30" s="104">
        <v>2914694</v>
      </c>
      <c r="AZ30" s="104">
        <v>3731418</v>
      </c>
      <c r="BA30" s="104">
        <v>2130330</v>
      </c>
      <c r="BB30" s="104">
        <v>1899488</v>
      </c>
      <c r="BC30" s="104">
        <v>1347043</v>
      </c>
      <c r="BD30" s="103">
        <v>12022973</v>
      </c>
      <c r="BE30" s="106">
        <v>13748357</v>
      </c>
      <c r="BF30" s="100">
        <v>23775</v>
      </c>
      <c r="BG30" s="104">
        <v>174586</v>
      </c>
      <c r="BH30" s="102">
        <v>198361</v>
      </c>
      <c r="BI30" s="101">
        <v>0</v>
      </c>
      <c r="BJ30" s="104">
        <v>36630</v>
      </c>
      <c r="BK30" s="104">
        <v>513868</v>
      </c>
      <c r="BL30" s="104">
        <v>131452</v>
      </c>
      <c r="BM30" s="104">
        <v>168936</v>
      </c>
      <c r="BN30" s="104">
        <v>212732</v>
      </c>
      <c r="BO30" s="103">
        <v>1063618</v>
      </c>
      <c r="BP30" s="106">
        <v>1261979</v>
      </c>
      <c r="BQ30" s="100">
        <v>135994</v>
      </c>
      <c r="BR30" s="104">
        <v>105661</v>
      </c>
      <c r="BS30" s="103">
        <v>241655</v>
      </c>
      <c r="BT30" s="100">
        <v>0</v>
      </c>
      <c r="BU30" s="104">
        <v>1066572</v>
      </c>
      <c r="BV30" s="104">
        <v>1057218</v>
      </c>
      <c r="BW30" s="104">
        <v>1074454</v>
      </c>
      <c r="BX30" s="104">
        <v>1157453</v>
      </c>
      <c r="BY30" s="104">
        <v>794946</v>
      </c>
      <c r="BZ30" s="103">
        <v>5150643</v>
      </c>
      <c r="CA30" s="106">
        <v>5392298</v>
      </c>
      <c r="CB30" s="100">
        <v>342435</v>
      </c>
      <c r="CC30" s="104">
        <v>542897</v>
      </c>
      <c r="CD30" s="103">
        <v>885332</v>
      </c>
      <c r="CE30" s="100">
        <v>0</v>
      </c>
      <c r="CF30" s="104">
        <v>10651722</v>
      </c>
      <c r="CG30" s="104">
        <v>11689678</v>
      </c>
      <c r="CH30" s="104">
        <v>9098065</v>
      </c>
      <c r="CI30" s="104">
        <v>6012359</v>
      </c>
      <c r="CJ30" s="104">
        <v>2018869</v>
      </c>
      <c r="CK30" s="103">
        <v>39470693</v>
      </c>
      <c r="CL30" s="106">
        <v>40356025</v>
      </c>
      <c r="CM30" s="100">
        <v>0</v>
      </c>
      <c r="CN30" s="104">
        <v>0</v>
      </c>
      <c r="CO30" s="103">
        <v>0</v>
      </c>
      <c r="CP30" s="101">
        <v>0</v>
      </c>
      <c r="CQ30" s="104">
        <v>8453874</v>
      </c>
      <c r="CR30" s="104">
        <v>7764606</v>
      </c>
      <c r="CS30" s="104">
        <v>6744696</v>
      </c>
      <c r="CT30" s="104">
        <v>4240883</v>
      </c>
      <c r="CU30" s="104">
        <v>1728297</v>
      </c>
      <c r="CV30" s="103">
        <v>28932356</v>
      </c>
      <c r="CW30" s="106">
        <v>28932356</v>
      </c>
      <c r="CX30" s="100">
        <v>342435</v>
      </c>
      <c r="CY30" s="104">
        <v>542897</v>
      </c>
      <c r="CZ30" s="103">
        <v>885332</v>
      </c>
      <c r="DA30" s="100">
        <v>0</v>
      </c>
      <c r="DB30" s="104">
        <v>2197848</v>
      </c>
      <c r="DC30" s="104">
        <v>3925072</v>
      </c>
      <c r="DD30" s="104">
        <v>2353369</v>
      </c>
      <c r="DE30" s="104">
        <v>1771476</v>
      </c>
      <c r="DF30" s="104">
        <v>290572</v>
      </c>
      <c r="DG30" s="103">
        <v>10538337</v>
      </c>
      <c r="DH30" s="106">
        <v>11423669</v>
      </c>
      <c r="DI30" s="100">
        <v>0</v>
      </c>
      <c r="DJ30" s="104">
        <v>109158</v>
      </c>
      <c r="DK30" s="102">
        <v>109158</v>
      </c>
      <c r="DL30" s="101">
        <v>0</v>
      </c>
      <c r="DM30" s="104">
        <v>1029461</v>
      </c>
      <c r="DN30" s="104">
        <v>1841814</v>
      </c>
      <c r="DO30" s="104">
        <v>2671705</v>
      </c>
      <c r="DP30" s="104">
        <v>2401286</v>
      </c>
      <c r="DQ30" s="104">
        <v>1077148</v>
      </c>
      <c r="DR30" s="103">
        <v>9021414</v>
      </c>
      <c r="DS30" s="106">
        <v>9130572</v>
      </c>
      <c r="DT30" s="100">
        <v>0</v>
      </c>
      <c r="DU30" s="104">
        <v>109158</v>
      </c>
      <c r="DV30" s="103">
        <v>109158</v>
      </c>
      <c r="DW30" s="100">
        <v>0</v>
      </c>
      <c r="DX30" s="104">
        <v>1029461</v>
      </c>
      <c r="DY30" s="104">
        <v>1424002</v>
      </c>
      <c r="DZ30" s="104">
        <v>2286829</v>
      </c>
      <c r="EA30" s="104">
        <v>1742554</v>
      </c>
      <c r="EB30" s="104">
        <v>760436</v>
      </c>
      <c r="EC30" s="103">
        <v>7243282</v>
      </c>
      <c r="ED30" s="106">
        <v>7352440</v>
      </c>
      <c r="EE30" s="100">
        <v>0</v>
      </c>
      <c r="EF30" s="102">
        <v>0</v>
      </c>
      <c r="EG30" s="103">
        <v>0</v>
      </c>
      <c r="EH30" s="100">
        <v>0</v>
      </c>
      <c r="EI30" s="104">
        <v>0</v>
      </c>
      <c r="EJ30" s="104">
        <v>417812</v>
      </c>
      <c r="EK30" s="104">
        <v>384876</v>
      </c>
      <c r="EL30" s="104">
        <v>658732</v>
      </c>
      <c r="EM30" s="104">
        <v>316712</v>
      </c>
      <c r="EN30" s="102">
        <v>1778132</v>
      </c>
      <c r="EO30" s="106">
        <v>1778132</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06">
        <v>0</v>
      </c>
      <c r="FE30" s="104">
        <v>0</v>
      </c>
      <c r="FF30" s="104">
        <v>0</v>
      </c>
      <c r="FG30" s="104">
        <v>0</v>
      </c>
      <c r="FH30" s="104">
        <v>0</v>
      </c>
      <c r="FI30" s="104">
        <v>0</v>
      </c>
      <c r="FJ30" s="103">
        <v>0</v>
      </c>
      <c r="FK30" s="106">
        <v>0</v>
      </c>
      <c r="FL30" s="100">
        <v>891886</v>
      </c>
      <c r="FM30" s="104">
        <v>1345744</v>
      </c>
      <c r="FN30" s="103">
        <v>2237630</v>
      </c>
      <c r="FO30" s="100">
        <v>0</v>
      </c>
      <c r="FP30" s="104">
        <v>1380684</v>
      </c>
      <c r="FQ30" s="104">
        <v>3704005</v>
      </c>
      <c r="FR30" s="104">
        <v>2220451</v>
      </c>
      <c r="FS30" s="104">
        <v>2176984</v>
      </c>
      <c r="FT30" s="104">
        <v>1176177</v>
      </c>
      <c r="FU30" s="103">
        <v>10658301</v>
      </c>
      <c r="FV30" s="106">
        <v>12895931</v>
      </c>
      <c r="FW30" s="105">
        <v>429669</v>
      </c>
      <c r="FX30" s="104">
        <v>1059094</v>
      </c>
      <c r="FY30" s="102">
        <v>1488763</v>
      </c>
      <c r="FZ30" s="101">
        <v>0</v>
      </c>
      <c r="GA30" s="104">
        <v>1087594</v>
      </c>
      <c r="GB30" s="104">
        <v>3481561</v>
      </c>
      <c r="GC30" s="104">
        <v>2080951</v>
      </c>
      <c r="GD30" s="104">
        <v>2030194</v>
      </c>
      <c r="GE30" s="104">
        <v>1156577</v>
      </c>
      <c r="GF30" s="103">
        <v>9836877</v>
      </c>
      <c r="GG30" s="290">
        <v>11325640</v>
      </c>
      <c r="GH30" s="105">
        <v>152617</v>
      </c>
      <c r="GI30" s="104">
        <v>0</v>
      </c>
      <c r="GJ30" s="102">
        <v>152617</v>
      </c>
      <c r="GK30" s="101">
        <v>0</v>
      </c>
      <c r="GL30" s="104">
        <v>83160</v>
      </c>
      <c r="GM30" s="104">
        <v>85824</v>
      </c>
      <c r="GN30" s="104">
        <v>67500</v>
      </c>
      <c r="GO30" s="104">
        <v>0</v>
      </c>
      <c r="GP30" s="104">
        <v>19600</v>
      </c>
      <c r="GQ30" s="103">
        <v>256084</v>
      </c>
      <c r="GR30" s="106">
        <v>408701</v>
      </c>
      <c r="GS30" s="100">
        <v>309600</v>
      </c>
      <c r="GT30" s="104">
        <v>286650</v>
      </c>
      <c r="GU30" s="103">
        <v>596250</v>
      </c>
      <c r="GV30" s="100">
        <v>0</v>
      </c>
      <c r="GW30" s="104">
        <v>209930</v>
      </c>
      <c r="GX30" s="104">
        <v>136620</v>
      </c>
      <c r="GY30" s="104">
        <v>72000</v>
      </c>
      <c r="GZ30" s="104">
        <v>146790</v>
      </c>
      <c r="HA30" s="104">
        <v>0</v>
      </c>
      <c r="HB30" s="102">
        <v>565340</v>
      </c>
      <c r="HC30" s="106">
        <v>1161590</v>
      </c>
      <c r="HD30" s="100">
        <v>441884</v>
      </c>
      <c r="HE30" s="104">
        <v>195676</v>
      </c>
      <c r="HF30" s="102">
        <v>637560</v>
      </c>
      <c r="HG30" s="101">
        <v>0</v>
      </c>
      <c r="HH30" s="104">
        <v>2970826</v>
      </c>
      <c r="HI30" s="104">
        <v>1700761</v>
      </c>
      <c r="HJ30" s="104">
        <v>2802824</v>
      </c>
      <c r="HK30" s="104">
        <v>4837945</v>
      </c>
      <c r="HL30" s="104">
        <v>4569192</v>
      </c>
      <c r="HM30" s="103">
        <v>16881548</v>
      </c>
      <c r="HN30" s="99">
        <v>17519108</v>
      </c>
      <c r="HO30" s="105">
        <v>498708</v>
      </c>
      <c r="HP30" s="104">
        <v>833074</v>
      </c>
      <c r="HQ30" s="103">
        <v>1331782</v>
      </c>
      <c r="HR30" s="100">
        <v>0</v>
      </c>
      <c r="HS30" s="104">
        <v>4810700</v>
      </c>
      <c r="HT30" s="104">
        <v>4025381</v>
      </c>
      <c r="HU30" s="104">
        <v>2440962</v>
      </c>
      <c r="HV30" s="104">
        <v>1852216</v>
      </c>
      <c r="HW30" s="104">
        <v>1020062</v>
      </c>
      <c r="HX30" s="102">
        <v>14149321</v>
      </c>
      <c r="HY30" s="106">
        <v>15481103</v>
      </c>
      <c r="HZ30" s="135">
        <v>87720</v>
      </c>
      <c r="IA30" s="122">
        <v>0</v>
      </c>
      <c r="IB30" s="135">
        <v>87720</v>
      </c>
      <c r="IC30" s="121">
        <v>0</v>
      </c>
      <c r="ID30" s="122">
        <v>7530411</v>
      </c>
      <c r="IE30" s="123">
        <v>4043851</v>
      </c>
      <c r="IF30" s="124">
        <v>4637371</v>
      </c>
      <c r="IG30" s="122">
        <v>2917899</v>
      </c>
      <c r="IH30" s="124">
        <v>886878</v>
      </c>
      <c r="II30" s="125">
        <v>20016410</v>
      </c>
      <c r="IJ30" s="135">
        <v>20104130</v>
      </c>
      <c r="IK30" s="215">
        <v>0</v>
      </c>
      <c r="IL30" s="219">
        <v>0</v>
      </c>
      <c r="IM30" s="220">
        <v>0</v>
      </c>
      <c r="IN30" s="127">
        <v>0</v>
      </c>
      <c r="IO30" s="109">
        <v>0</v>
      </c>
      <c r="IP30" s="109">
        <v>0</v>
      </c>
      <c r="IQ30" s="109">
        <v>0</v>
      </c>
      <c r="IR30" s="109">
        <v>0</v>
      </c>
      <c r="IS30" s="109">
        <v>0</v>
      </c>
      <c r="IT30" s="128">
        <v>0</v>
      </c>
      <c r="IU30" s="292">
        <v>0</v>
      </c>
      <c r="IV30" s="129">
        <v>0</v>
      </c>
      <c r="IW30" s="109">
        <v>0</v>
      </c>
      <c r="IX30" s="110">
        <v>0</v>
      </c>
      <c r="IY30" s="443">
        <v>0</v>
      </c>
      <c r="IZ30" s="109">
        <v>0</v>
      </c>
      <c r="JA30" s="109">
        <v>0</v>
      </c>
      <c r="JB30" s="109">
        <v>0</v>
      </c>
      <c r="JC30" s="109">
        <v>0</v>
      </c>
      <c r="JD30" s="109">
        <v>0</v>
      </c>
      <c r="JE30" s="110">
        <v>0</v>
      </c>
      <c r="JF30" s="111">
        <v>0</v>
      </c>
      <c r="JG30" s="129">
        <v>0</v>
      </c>
      <c r="JH30" s="109">
        <v>0</v>
      </c>
      <c r="JI30" s="128">
        <v>0</v>
      </c>
      <c r="JJ30" s="108">
        <v>0</v>
      </c>
      <c r="JK30" s="109">
        <v>4360980</v>
      </c>
      <c r="JL30" s="109">
        <v>1952684</v>
      </c>
      <c r="JM30" s="109">
        <v>1381210</v>
      </c>
      <c r="JN30" s="109">
        <v>362212</v>
      </c>
      <c r="JO30" s="109">
        <v>0</v>
      </c>
      <c r="JP30" s="110">
        <v>8057086</v>
      </c>
      <c r="JQ30" s="292">
        <v>8057086</v>
      </c>
      <c r="JR30" s="129">
        <v>0</v>
      </c>
      <c r="JS30" s="109">
        <v>0</v>
      </c>
      <c r="JT30" s="128">
        <v>0</v>
      </c>
      <c r="JU30" s="108">
        <v>0</v>
      </c>
      <c r="JV30" s="109">
        <v>0</v>
      </c>
      <c r="JW30" s="109">
        <v>0</v>
      </c>
      <c r="JX30" s="109">
        <v>0</v>
      </c>
      <c r="JY30" s="109">
        <v>0</v>
      </c>
      <c r="JZ30" s="109">
        <v>0</v>
      </c>
      <c r="KA30" s="110">
        <v>0</v>
      </c>
      <c r="KB30" s="292">
        <v>0</v>
      </c>
      <c r="KC30" s="217">
        <v>87720</v>
      </c>
      <c r="KD30" s="213">
        <v>0</v>
      </c>
      <c r="KE30" s="110">
        <v>87720</v>
      </c>
      <c r="KF30" s="108">
        <v>0</v>
      </c>
      <c r="KG30" s="109">
        <v>597923</v>
      </c>
      <c r="KH30" s="109">
        <v>577131</v>
      </c>
      <c r="KI30" s="109">
        <v>730863</v>
      </c>
      <c r="KJ30" s="109">
        <v>543947</v>
      </c>
      <c r="KK30" s="109">
        <v>302576</v>
      </c>
      <c r="KL30" s="110">
        <v>2752440</v>
      </c>
      <c r="KM30" s="130">
        <v>2840160</v>
      </c>
      <c r="KN30" s="215">
        <v>0</v>
      </c>
      <c r="KO30" s="219">
        <v>0</v>
      </c>
      <c r="KP30" s="220">
        <v>0</v>
      </c>
      <c r="KQ30" s="443">
        <v>0</v>
      </c>
      <c r="KR30" s="109">
        <v>2571508</v>
      </c>
      <c r="KS30" s="109">
        <v>1514036</v>
      </c>
      <c r="KT30" s="109">
        <v>2525298</v>
      </c>
      <c r="KU30" s="109">
        <v>2011740</v>
      </c>
      <c r="KV30" s="109">
        <v>584302</v>
      </c>
      <c r="KW30" s="110">
        <v>9206884</v>
      </c>
      <c r="KX30" s="292">
        <v>9206884</v>
      </c>
      <c r="KY30" s="129">
        <v>0</v>
      </c>
      <c r="KZ30" s="109">
        <v>0</v>
      </c>
      <c r="LA30" s="110">
        <v>0</v>
      </c>
      <c r="LB30" s="443">
        <v>0</v>
      </c>
      <c r="LC30" s="109">
        <v>0</v>
      </c>
      <c r="LD30" s="109">
        <v>0</v>
      </c>
      <c r="LE30" s="109">
        <v>0</v>
      </c>
      <c r="LF30" s="109">
        <v>0</v>
      </c>
      <c r="LG30" s="109">
        <v>0</v>
      </c>
      <c r="LH30" s="110">
        <v>0</v>
      </c>
      <c r="LI30" s="111">
        <v>0</v>
      </c>
      <c r="LJ30" s="129">
        <v>0</v>
      </c>
      <c r="LK30" s="109">
        <v>0</v>
      </c>
      <c r="LL30" s="110">
        <v>0</v>
      </c>
      <c r="LM30" s="443">
        <v>0</v>
      </c>
      <c r="LN30" s="109">
        <v>0</v>
      </c>
      <c r="LO30" s="109">
        <v>0</v>
      </c>
      <c r="LP30" s="109">
        <v>0</v>
      </c>
      <c r="LQ30" s="109">
        <v>0</v>
      </c>
      <c r="LR30" s="109">
        <v>0</v>
      </c>
      <c r="LS30" s="110">
        <v>0</v>
      </c>
      <c r="LT30" s="292">
        <v>0</v>
      </c>
      <c r="LU30" s="129">
        <v>0</v>
      </c>
      <c r="LV30" s="109">
        <v>0</v>
      </c>
      <c r="LW30" s="110">
        <v>0</v>
      </c>
      <c r="LX30" s="443">
        <v>0</v>
      </c>
      <c r="LY30" s="109">
        <v>0</v>
      </c>
      <c r="LZ30" s="109">
        <v>0</v>
      </c>
      <c r="MA30" s="109">
        <v>0</v>
      </c>
      <c r="MB30" s="109">
        <v>0</v>
      </c>
      <c r="MC30" s="109">
        <v>0</v>
      </c>
      <c r="MD30" s="110">
        <v>0</v>
      </c>
      <c r="ME30" s="111">
        <v>0</v>
      </c>
      <c r="MF30" s="129">
        <v>0</v>
      </c>
      <c r="MG30" s="109">
        <v>0</v>
      </c>
      <c r="MH30" s="110">
        <v>0</v>
      </c>
      <c r="MI30" s="443">
        <v>0</v>
      </c>
      <c r="MJ30" s="109">
        <v>3678721</v>
      </c>
      <c r="MK30" s="109">
        <v>7894512</v>
      </c>
      <c r="ML30" s="109">
        <v>18918774</v>
      </c>
      <c r="MM30" s="109">
        <v>38812232</v>
      </c>
      <c r="MN30" s="109">
        <v>20940535</v>
      </c>
      <c r="MO30" s="110">
        <v>90244774</v>
      </c>
      <c r="MP30" s="130">
        <v>90244774</v>
      </c>
      <c r="MQ30" s="129">
        <v>0</v>
      </c>
      <c r="MR30" s="109">
        <v>0</v>
      </c>
      <c r="MS30" s="110">
        <v>0</v>
      </c>
      <c r="MT30" s="443">
        <v>0</v>
      </c>
      <c r="MU30" s="109">
        <v>0</v>
      </c>
      <c r="MV30" s="109">
        <v>1107382</v>
      </c>
      <c r="MW30" s="109">
        <v>13950173</v>
      </c>
      <c r="MX30" s="109">
        <v>23946331</v>
      </c>
      <c r="MY30" s="109">
        <v>13438867</v>
      </c>
      <c r="MZ30" s="110">
        <v>52442753</v>
      </c>
      <c r="NA30" s="130">
        <v>52442753</v>
      </c>
      <c r="NB30" s="129">
        <v>0</v>
      </c>
      <c r="NC30" s="109">
        <v>0</v>
      </c>
      <c r="ND30" s="110">
        <v>0</v>
      </c>
      <c r="NE30" s="443">
        <v>0</v>
      </c>
      <c r="NF30" s="109">
        <v>3678721</v>
      </c>
      <c r="NG30" s="109">
        <v>6787130</v>
      </c>
      <c r="NH30" s="109">
        <v>4968601</v>
      </c>
      <c r="NI30" s="109">
        <v>14865901</v>
      </c>
      <c r="NJ30" s="109">
        <v>6216910</v>
      </c>
      <c r="NK30" s="110">
        <v>36517263</v>
      </c>
      <c r="NL30" s="292">
        <v>36517263</v>
      </c>
      <c r="NM30" s="129">
        <v>0</v>
      </c>
      <c r="NN30" s="109">
        <v>0</v>
      </c>
      <c r="NO30" s="110">
        <v>0</v>
      </c>
      <c r="NP30" s="443">
        <v>0</v>
      </c>
      <c r="NQ30" s="109">
        <v>0</v>
      </c>
      <c r="NR30" s="109">
        <v>0</v>
      </c>
      <c r="NS30" s="109">
        <v>0</v>
      </c>
      <c r="NT30" s="109">
        <v>0</v>
      </c>
      <c r="NU30" s="109">
        <v>0</v>
      </c>
      <c r="NV30" s="110">
        <v>0</v>
      </c>
      <c r="NW30" s="111">
        <v>0</v>
      </c>
      <c r="NX30" s="129">
        <v>0</v>
      </c>
      <c r="NY30" s="109">
        <v>0</v>
      </c>
      <c r="NZ30" s="110">
        <v>0</v>
      </c>
      <c r="OA30" s="443">
        <v>0</v>
      </c>
      <c r="OB30" s="109">
        <v>0</v>
      </c>
      <c r="OC30" s="109">
        <v>0</v>
      </c>
      <c r="OD30" s="109">
        <v>0</v>
      </c>
      <c r="OE30" s="109">
        <v>0</v>
      </c>
      <c r="OF30" s="109">
        <v>1284758</v>
      </c>
      <c r="OG30" s="110">
        <v>1284758</v>
      </c>
      <c r="OH30" s="111">
        <v>1284758</v>
      </c>
      <c r="OI30" s="129">
        <v>2781324</v>
      </c>
      <c r="OJ30" s="109">
        <v>4673258</v>
      </c>
      <c r="OK30" s="128">
        <v>7454582</v>
      </c>
      <c r="OL30" s="108">
        <v>0</v>
      </c>
      <c r="OM30" s="109">
        <v>40655224</v>
      </c>
      <c r="ON30" s="109">
        <v>45927791</v>
      </c>
      <c r="OO30" s="109">
        <v>51832908</v>
      </c>
      <c r="OP30" s="109">
        <v>69135783</v>
      </c>
      <c r="OQ30" s="109">
        <v>41597080</v>
      </c>
      <c r="OR30" s="110">
        <v>249148786</v>
      </c>
      <c r="OS30" s="130">
        <v>256603368</v>
      </c>
    </row>
    <row r="31" spans="2:409" ht="21" customHeight="1" x14ac:dyDescent="0.2">
      <c r="B31" s="437" t="s">
        <v>26</v>
      </c>
      <c r="C31" s="100">
        <v>2186808</v>
      </c>
      <c r="D31" s="104">
        <v>2831445</v>
      </c>
      <c r="E31" s="103">
        <v>5018253</v>
      </c>
      <c r="F31" s="99">
        <v>0</v>
      </c>
      <c r="G31" s="104">
        <v>24997510</v>
      </c>
      <c r="H31" s="104">
        <v>28862559</v>
      </c>
      <c r="I31" s="104">
        <v>28806520</v>
      </c>
      <c r="J31" s="104">
        <v>20072672</v>
      </c>
      <c r="K31" s="104">
        <v>24471366</v>
      </c>
      <c r="L31" s="156">
        <v>127210627</v>
      </c>
      <c r="M31" s="106">
        <v>132228880</v>
      </c>
      <c r="N31" s="100">
        <v>491392</v>
      </c>
      <c r="O31" s="104">
        <v>537648</v>
      </c>
      <c r="P31" s="103">
        <v>1029040</v>
      </c>
      <c r="Q31" s="100">
        <v>0</v>
      </c>
      <c r="R31" s="104">
        <v>6456710</v>
      </c>
      <c r="S31" s="104">
        <v>8212756</v>
      </c>
      <c r="T31" s="104">
        <v>8734282</v>
      </c>
      <c r="U31" s="104">
        <v>7408325</v>
      </c>
      <c r="V31" s="104">
        <v>13576892</v>
      </c>
      <c r="W31" s="103">
        <v>44388965</v>
      </c>
      <c r="X31" s="106">
        <v>45418005</v>
      </c>
      <c r="Y31" s="100">
        <v>0</v>
      </c>
      <c r="Z31" s="104">
        <v>0</v>
      </c>
      <c r="AA31" s="103">
        <v>0</v>
      </c>
      <c r="AB31" s="100">
        <v>0</v>
      </c>
      <c r="AC31" s="104">
        <v>3133913</v>
      </c>
      <c r="AD31" s="104">
        <v>4757777</v>
      </c>
      <c r="AE31" s="104">
        <v>5217775</v>
      </c>
      <c r="AF31" s="104">
        <v>4361426</v>
      </c>
      <c r="AG31" s="104">
        <v>8627996</v>
      </c>
      <c r="AH31" s="103">
        <v>26098887</v>
      </c>
      <c r="AI31" s="106">
        <v>26098887</v>
      </c>
      <c r="AJ31" s="100">
        <v>0</v>
      </c>
      <c r="AK31" s="104">
        <v>0</v>
      </c>
      <c r="AL31" s="103">
        <v>0</v>
      </c>
      <c r="AM31" s="100">
        <v>0</v>
      </c>
      <c r="AN31" s="104">
        <v>0</v>
      </c>
      <c r="AO31" s="104">
        <v>84463</v>
      </c>
      <c r="AP31" s="104">
        <v>210442</v>
      </c>
      <c r="AQ31" s="104">
        <v>576903</v>
      </c>
      <c r="AR31" s="104">
        <v>1177457</v>
      </c>
      <c r="AS31" s="103">
        <v>2049265</v>
      </c>
      <c r="AT31" s="106">
        <v>2049265</v>
      </c>
      <c r="AU31" s="100">
        <v>335283</v>
      </c>
      <c r="AV31" s="104">
        <v>415614</v>
      </c>
      <c r="AW31" s="103">
        <v>750897</v>
      </c>
      <c r="AX31" s="100">
        <v>0</v>
      </c>
      <c r="AY31" s="104">
        <v>2536975</v>
      </c>
      <c r="AZ31" s="104">
        <v>2300187</v>
      </c>
      <c r="BA31" s="104">
        <v>1789199</v>
      </c>
      <c r="BB31" s="104">
        <v>1581054</v>
      </c>
      <c r="BC31" s="104">
        <v>2865821</v>
      </c>
      <c r="BD31" s="103">
        <v>11073236</v>
      </c>
      <c r="BE31" s="106">
        <v>11824133</v>
      </c>
      <c r="BF31" s="100">
        <v>0</v>
      </c>
      <c r="BG31" s="104">
        <v>54318</v>
      </c>
      <c r="BH31" s="102">
        <v>54318</v>
      </c>
      <c r="BI31" s="101">
        <v>0</v>
      </c>
      <c r="BJ31" s="104">
        <v>0</v>
      </c>
      <c r="BK31" s="104">
        <v>95669</v>
      </c>
      <c r="BL31" s="104">
        <v>275678</v>
      </c>
      <c r="BM31" s="104">
        <v>103852</v>
      </c>
      <c r="BN31" s="104">
        <v>181840</v>
      </c>
      <c r="BO31" s="103">
        <v>657039</v>
      </c>
      <c r="BP31" s="106">
        <v>711357</v>
      </c>
      <c r="BQ31" s="100">
        <v>156109</v>
      </c>
      <c r="BR31" s="104">
        <v>67716</v>
      </c>
      <c r="BS31" s="103">
        <v>223825</v>
      </c>
      <c r="BT31" s="100">
        <v>0</v>
      </c>
      <c r="BU31" s="104">
        <v>785822</v>
      </c>
      <c r="BV31" s="104">
        <v>974660</v>
      </c>
      <c r="BW31" s="104">
        <v>1241188</v>
      </c>
      <c r="BX31" s="104">
        <v>785090</v>
      </c>
      <c r="BY31" s="104">
        <v>723778</v>
      </c>
      <c r="BZ31" s="103">
        <v>4510538</v>
      </c>
      <c r="CA31" s="106">
        <v>4734363</v>
      </c>
      <c r="CB31" s="100">
        <v>180819</v>
      </c>
      <c r="CC31" s="104">
        <v>300421</v>
      </c>
      <c r="CD31" s="103">
        <v>481240</v>
      </c>
      <c r="CE31" s="100">
        <v>0</v>
      </c>
      <c r="CF31" s="104">
        <v>7050579</v>
      </c>
      <c r="CG31" s="104">
        <v>8279491</v>
      </c>
      <c r="CH31" s="104">
        <v>6219829</v>
      </c>
      <c r="CI31" s="104">
        <v>3199734</v>
      </c>
      <c r="CJ31" s="104">
        <v>2357532</v>
      </c>
      <c r="CK31" s="103">
        <v>27107165</v>
      </c>
      <c r="CL31" s="106">
        <v>27588405</v>
      </c>
      <c r="CM31" s="100">
        <v>0</v>
      </c>
      <c r="CN31" s="104">
        <v>0</v>
      </c>
      <c r="CO31" s="103">
        <v>0</v>
      </c>
      <c r="CP31" s="101">
        <v>0</v>
      </c>
      <c r="CQ31" s="104">
        <v>5939545</v>
      </c>
      <c r="CR31" s="104">
        <v>6838691</v>
      </c>
      <c r="CS31" s="104">
        <v>4702227</v>
      </c>
      <c r="CT31" s="104">
        <v>2221819</v>
      </c>
      <c r="CU31" s="104">
        <v>1862403</v>
      </c>
      <c r="CV31" s="103">
        <v>21564685</v>
      </c>
      <c r="CW31" s="106">
        <v>21564685</v>
      </c>
      <c r="CX31" s="100">
        <v>180819</v>
      </c>
      <c r="CY31" s="104">
        <v>300421</v>
      </c>
      <c r="CZ31" s="103">
        <v>481240</v>
      </c>
      <c r="DA31" s="100">
        <v>0</v>
      </c>
      <c r="DB31" s="104">
        <v>1111034</v>
      </c>
      <c r="DC31" s="104">
        <v>1440800</v>
      </c>
      <c r="DD31" s="104">
        <v>1517602</v>
      </c>
      <c r="DE31" s="104">
        <v>977915</v>
      </c>
      <c r="DF31" s="104">
        <v>495129</v>
      </c>
      <c r="DG31" s="103">
        <v>5542480</v>
      </c>
      <c r="DH31" s="106">
        <v>6023720</v>
      </c>
      <c r="DI31" s="100">
        <v>0</v>
      </c>
      <c r="DJ31" s="104">
        <v>9143</v>
      </c>
      <c r="DK31" s="102">
        <v>9143</v>
      </c>
      <c r="DL31" s="101">
        <v>0</v>
      </c>
      <c r="DM31" s="104">
        <v>1168683</v>
      </c>
      <c r="DN31" s="104">
        <v>1357313</v>
      </c>
      <c r="DO31" s="104">
        <v>3555895</v>
      </c>
      <c r="DP31" s="104">
        <v>2640424</v>
      </c>
      <c r="DQ31" s="104">
        <v>2641443</v>
      </c>
      <c r="DR31" s="103">
        <v>11363758</v>
      </c>
      <c r="DS31" s="106">
        <v>11372901</v>
      </c>
      <c r="DT31" s="100">
        <v>0</v>
      </c>
      <c r="DU31" s="104">
        <v>9143</v>
      </c>
      <c r="DV31" s="103">
        <v>9143</v>
      </c>
      <c r="DW31" s="100">
        <v>0</v>
      </c>
      <c r="DX31" s="104">
        <v>848665</v>
      </c>
      <c r="DY31" s="104">
        <v>1160096</v>
      </c>
      <c r="DZ31" s="104">
        <v>3418768</v>
      </c>
      <c r="EA31" s="104">
        <v>2280053</v>
      </c>
      <c r="EB31" s="104">
        <v>2370212</v>
      </c>
      <c r="EC31" s="103">
        <v>10077794</v>
      </c>
      <c r="ED31" s="106">
        <v>10086937</v>
      </c>
      <c r="EE31" s="100">
        <v>0</v>
      </c>
      <c r="EF31" s="102">
        <v>0</v>
      </c>
      <c r="EG31" s="103">
        <v>0</v>
      </c>
      <c r="EH31" s="100">
        <v>0</v>
      </c>
      <c r="EI31" s="104">
        <v>320018</v>
      </c>
      <c r="EJ31" s="104">
        <v>197217</v>
      </c>
      <c r="EK31" s="104">
        <v>137127</v>
      </c>
      <c r="EL31" s="104">
        <v>360371</v>
      </c>
      <c r="EM31" s="104">
        <v>271231</v>
      </c>
      <c r="EN31" s="102">
        <v>1285964</v>
      </c>
      <c r="EO31" s="106">
        <v>1285964</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06">
        <v>0</v>
      </c>
      <c r="FE31" s="104">
        <v>0</v>
      </c>
      <c r="FF31" s="104">
        <v>0</v>
      </c>
      <c r="FG31" s="104">
        <v>0</v>
      </c>
      <c r="FH31" s="104">
        <v>0</v>
      </c>
      <c r="FI31" s="104">
        <v>0</v>
      </c>
      <c r="FJ31" s="103">
        <v>0</v>
      </c>
      <c r="FK31" s="106">
        <v>0</v>
      </c>
      <c r="FL31" s="100">
        <v>623769</v>
      </c>
      <c r="FM31" s="104">
        <v>992370</v>
      </c>
      <c r="FN31" s="103">
        <v>1616139</v>
      </c>
      <c r="FO31" s="100">
        <v>0</v>
      </c>
      <c r="FP31" s="104">
        <v>1861767</v>
      </c>
      <c r="FQ31" s="104">
        <v>2450453</v>
      </c>
      <c r="FR31" s="104">
        <v>2163099</v>
      </c>
      <c r="FS31" s="104">
        <v>1731461</v>
      </c>
      <c r="FT31" s="104">
        <v>2172266</v>
      </c>
      <c r="FU31" s="103">
        <v>10379046</v>
      </c>
      <c r="FV31" s="106">
        <v>11995185</v>
      </c>
      <c r="FW31" s="105">
        <v>365713</v>
      </c>
      <c r="FX31" s="104">
        <v>547932</v>
      </c>
      <c r="FY31" s="102">
        <v>913645</v>
      </c>
      <c r="FZ31" s="101">
        <v>0</v>
      </c>
      <c r="GA31" s="104">
        <v>1168466</v>
      </c>
      <c r="GB31" s="104">
        <v>2260533</v>
      </c>
      <c r="GC31" s="104">
        <v>1746986</v>
      </c>
      <c r="GD31" s="104">
        <v>1576586</v>
      </c>
      <c r="GE31" s="104">
        <v>1775922</v>
      </c>
      <c r="GF31" s="103">
        <v>8528493</v>
      </c>
      <c r="GG31" s="290">
        <v>9442138</v>
      </c>
      <c r="GH31" s="105">
        <v>34056</v>
      </c>
      <c r="GI31" s="104">
        <v>156528</v>
      </c>
      <c r="GJ31" s="102">
        <v>190584</v>
      </c>
      <c r="GK31" s="101">
        <v>0</v>
      </c>
      <c r="GL31" s="104">
        <v>240421</v>
      </c>
      <c r="GM31" s="104">
        <v>16200</v>
      </c>
      <c r="GN31" s="104">
        <v>56113</v>
      </c>
      <c r="GO31" s="104">
        <v>48153</v>
      </c>
      <c r="GP31" s="104">
        <v>65160</v>
      </c>
      <c r="GQ31" s="103">
        <v>426047</v>
      </c>
      <c r="GR31" s="106">
        <v>616631</v>
      </c>
      <c r="GS31" s="100">
        <v>224000</v>
      </c>
      <c r="GT31" s="104">
        <v>287910</v>
      </c>
      <c r="GU31" s="103">
        <v>511910</v>
      </c>
      <c r="GV31" s="100">
        <v>0</v>
      </c>
      <c r="GW31" s="104">
        <v>452880</v>
      </c>
      <c r="GX31" s="104">
        <v>173720</v>
      </c>
      <c r="GY31" s="104">
        <v>360000</v>
      </c>
      <c r="GZ31" s="104">
        <v>106722</v>
      </c>
      <c r="HA31" s="104">
        <v>331184</v>
      </c>
      <c r="HB31" s="102">
        <v>1424506</v>
      </c>
      <c r="HC31" s="106">
        <v>1936416</v>
      </c>
      <c r="HD31" s="100">
        <v>462083</v>
      </c>
      <c r="HE31" s="104">
        <v>461933</v>
      </c>
      <c r="HF31" s="102">
        <v>924016</v>
      </c>
      <c r="HG31" s="101">
        <v>0</v>
      </c>
      <c r="HH31" s="104">
        <v>4191312</v>
      </c>
      <c r="HI31" s="104">
        <v>4895068</v>
      </c>
      <c r="HJ31" s="104">
        <v>5240784</v>
      </c>
      <c r="HK31" s="104">
        <v>3516448</v>
      </c>
      <c r="HL31" s="104">
        <v>2127855</v>
      </c>
      <c r="HM31" s="103">
        <v>19971467</v>
      </c>
      <c r="HN31" s="99">
        <v>20895483</v>
      </c>
      <c r="HO31" s="105">
        <v>428745</v>
      </c>
      <c r="HP31" s="104">
        <v>529930</v>
      </c>
      <c r="HQ31" s="103">
        <v>958675</v>
      </c>
      <c r="HR31" s="100">
        <v>0</v>
      </c>
      <c r="HS31" s="104">
        <v>4268459</v>
      </c>
      <c r="HT31" s="104">
        <v>3667478</v>
      </c>
      <c r="HU31" s="104">
        <v>2892631</v>
      </c>
      <c r="HV31" s="104">
        <v>1576280</v>
      </c>
      <c r="HW31" s="104">
        <v>1595378</v>
      </c>
      <c r="HX31" s="102">
        <v>14000226</v>
      </c>
      <c r="HY31" s="106">
        <v>14958901</v>
      </c>
      <c r="HZ31" s="118">
        <v>0</v>
      </c>
      <c r="IA31" s="119">
        <v>91695</v>
      </c>
      <c r="IB31" s="120">
        <v>91695</v>
      </c>
      <c r="IC31" s="131">
        <v>0</v>
      </c>
      <c r="ID31" s="119">
        <v>4173239</v>
      </c>
      <c r="IE31" s="132">
        <v>7730536</v>
      </c>
      <c r="IF31" s="120">
        <v>11108953</v>
      </c>
      <c r="IG31" s="119">
        <v>3960700</v>
      </c>
      <c r="IH31" s="120">
        <v>1982624</v>
      </c>
      <c r="II31" s="133">
        <v>28956052</v>
      </c>
      <c r="IJ31" s="126">
        <v>29047747</v>
      </c>
      <c r="IK31" s="215">
        <v>0</v>
      </c>
      <c r="IL31" s="219">
        <v>0</v>
      </c>
      <c r="IM31" s="220">
        <v>0</v>
      </c>
      <c r="IN31" s="127">
        <v>0</v>
      </c>
      <c r="IO31" s="109">
        <v>0</v>
      </c>
      <c r="IP31" s="109">
        <v>0</v>
      </c>
      <c r="IQ31" s="109">
        <v>0</v>
      </c>
      <c r="IR31" s="109">
        <v>0</v>
      </c>
      <c r="IS31" s="109">
        <v>0</v>
      </c>
      <c r="IT31" s="128">
        <v>0</v>
      </c>
      <c r="IU31" s="292">
        <v>0</v>
      </c>
      <c r="IV31" s="129">
        <v>0</v>
      </c>
      <c r="IW31" s="109">
        <v>0</v>
      </c>
      <c r="IX31" s="110">
        <v>0</v>
      </c>
      <c r="IY31" s="443">
        <v>0</v>
      </c>
      <c r="IZ31" s="109">
        <v>0</v>
      </c>
      <c r="JA31" s="109">
        <v>0</v>
      </c>
      <c r="JB31" s="109">
        <v>0</v>
      </c>
      <c r="JC31" s="109">
        <v>0</v>
      </c>
      <c r="JD31" s="109">
        <v>0</v>
      </c>
      <c r="JE31" s="110">
        <v>0</v>
      </c>
      <c r="JF31" s="111">
        <v>0</v>
      </c>
      <c r="JG31" s="129">
        <v>0</v>
      </c>
      <c r="JH31" s="109">
        <v>0</v>
      </c>
      <c r="JI31" s="128">
        <v>0</v>
      </c>
      <c r="JJ31" s="108">
        <v>0</v>
      </c>
      <c r="JK31" s="109">
        <v>2041912</v>
      </c>
      <c r="JL31" s="109">
        <v>2149377</v>
      </c>
      <c r="JM31" s="109">
        <v>2832213</v>
      </c>
      <c r="JN31" s="109">
        <v>1053524</v>
      </c>
      <c r="JO31" s="109">
        <v>691488</v>
      </c>
      <c r="JP31" s="110">
        <v>8768514</v>
      </c>
      <c r="JQ31" s="292">
        <v>8768514</v>
      </c>
      <c r="JR31" s="129">
        <v>0</v>
      </c>
      <c r="JS31" s="109">
        <v>0</v>
      </c>
      <c r="JT31" s="128">
        <v>0</v>
      </c>
      <c r="JU31" s="108">
        <v>0</v>
      </c>
      <c r="JV31" s="109">
        <v>0</v>
      </c>
      <c r="JW31" s="109">
        <v>301044</v>
      </c>
      <c r="JX31" s="109">
        <v>344192</v>
      </c>
      <c r="JY31" s="109">
        <v>120627</v>
      </c>
      <c r="JZ31" s="109">
        <v>366988</v>
      </c>
      <c r="KA31" s="110">
        <v>1132851</v>
      </c>
      <c r="KB31" s="292">
        <v>1132851</v>
      </c>
      <c r="KC31" s="217">
        <v>0</v>
      </c>
      <c r="KD31" s="213">
        <v>91695</v>
      </c>
      <c r="KE31" s="110">
        <v>91695</v>
      </c>
      <c r="KF31" s="108">
        <v>0</v>
      </c>
      <c r="KG31" s="109">
        <v>556141</v>
      </c>
      <c r="KH31" s="109">
        <v>1226520</v>
      </c>
      <c r="KI31" s="109">
        <v>1672049</v>
      </c>
      <c r="KJ31" s="109">
        <v>306196</v>
      </c>
      <c r="KK31" s="109">
        <v>623391</v>
      </c>
      <c r="KL31" s="110">
        <v>4384297</v>
      </c>
      <c r="KM31" s="130">
        <v>4475992</v>
      </c>
      <c r="KN31" s="215">
        <v>0</v>
      </c>
      <c r="KO31" s="219">
        <v>0</v>
      </c>
      <c r="KP31" s="220">
        <v>0</v>
      </c>
      <c r="KQ31" s="443">
        <v>0</v>
      </c>
      <c r="KR31" s="109">
        <v>1575186</v>
      </c>
      <c r="KS31" s="109">
        <v>4053595</v>
      </c>
      <c r="KT31" s="109">
        <v>6260499</v>
      </c>
      <c r="KU31" s="109">
        <v>2480353</v>
      </c>
      <c r="KV31" s="109">
        <v>300757</v>
      </c>
      <c r="KW31" s="110">
        <v>14670390</v>
      </c>
      <c r="KX31" s="292">
        <v>14670390</v>
      </c>
      <c r="KY31" s="129">
        <v>0</v>
      </c>
      <c r="KZ31" s="109">
        <v>0</v>
      </c>
      <c r="LA31" s="110">
        <v>0</v>
      </c>
      <c r="LB31" s="443">
        <v>0</v>
      </c>
      <c r="LC31" s="109">
        <v>0</v>
      </c>
      <c r="LD31" s="109">
        <v>0</v>
      </c>
      <c r="LE31" s="109">
        <v>0</v>
      </c>
      <c r="LF31" s="109">
        <v>0</v>
      </c>
      <c r="LG31" s="109">
        <v>0</v>
      </c>
      <c r="LH31" s="110">
        <v>0</v>
      </c>
      <c r="LI31" s="111">
        <v>0</v>
      </c>
      <c r="LJ31" s="129">
        <v>0</v>
      </c>
      <c r="LK31" s="109">
        <v>0</v>
      </c>
      <c r="LL31" s="110">
        <v>0</v>
      </c>
      <c r="LM31" s="443">
        <v>0</v>
      </c>
      <c r="LN31" s="109">
        <v>0</v>
      </c>
      <c r="LO31" s="109">
        <v>0</v>
      </c>
      <c r="LP31" s="109">
        <v>0</v>
      </c>
      <c r="LQ31" s="109">
        <v>0</v>
      </c>
      <c r="LR31" s="109">
        <v>0</v>
      </c>
      <c r="LS31" s="110">
        <v>0</v>
      </c>
      <c r="LT31" s="292">
        <v>0</v>
      </c>
      <c r="LU31" s="129">
        <v>0</v>
      </c>
      <c r="LV31" s="109">
        <v>0</v>
      </c>
      <c r="LW31" s="110">
        <v>0</v>
      </c>
      <c r="LX31" s="443">
        <v>0</v>
      </c>
      <c r="LY31" s="109">
        <v>0</v>
      </c>
      <c r="LZ31" s="109">
        <v>0</v>
      </c>
      <c r="MA31" s="109">
        <v>0</v>
      </c>
      <c r="MB31" s="109">
        <v>0</v>
      </c>
      <c r="MC31" s="109">
        <v>0</v>
      </c>
      <c r="MD31" s="110">
        <v>0</v>
      </c>
      <c r="ME31" s="111">
        <v>0</v>
      </c>
      <c r="MF31" s="129">
        <v>0</v>
      </c>
      <c r="MG31" s="109">
        <v>0</v>
      </c>
      <c r="MH31" s="110">
        <v>0</v>
      </c>
      <c r="MI31" s="443">
        <v>0</v>
      </c>
      <c r="MJ31" s="109">
        <v>1599205</v>
      </c>
      <c r="MK31" s="109">
        <v>5802431</v>
      </c>
      <c r="ML31" s="109">
        <v>18356831</v>
      </c>
      <c r="MM31" s="109">
        <v>23278117</v>
      </c>
      <c r="MN31" s="109">
        <v>22096924</v>
      </c>
      <c r="MO31" s="110">
        <v>71133508</v>
      </c>
      <c r="MP31" s="130">
        <v>71133508</v>
      </c>
      <c r="MQ31" s="129">
        <v>0</v>
      </c>
      <c r="MR31" s="109">
        <v>0</v>
      </c>
      <c r="MS31" s="110">
        <v>0</v>
      </c>
      <c r="MT31" s="443">
        <v>0</v>
      </c>
      <c r="MU31" s="109">
        <v>497824</v>
      </c>
      <c r="MV31" s="109">
        <v>1268190</v>
      </c>
      <c r="MW31" s="109">
        <v>8913256</v>
      </c>
      <c r="MX31" s="109">
        <v>18574887</v>
      </c>
      <c r="MY31" s="109">
        <v>15131796</v>
      </c>
      <c r="MZ31" s="110">
        <v>44385953</v>
      </c>
      <c r="NA31" s="130">
        <v>44385953</v>
      </c>
      <c r="NB31" s="129">
        <v>0</v>
      </c>
      <c r="NC31" s="109">
        <v>0</v>
      </c>
      <c r="ND31" s="110">
        <v>0</v>
      </c>
      <c r="NE31" s="443">
        <v>0</v>
      </c>
      <c r="NF31" s="109">
        <v>1101381</v>
      </c>
      <c r="NG31" s="109">
        <v>4534241</v>
      </c>
      <c r="NH31" s="109">
        <v>9070174</v>
      </c>
      <c r="NI31" s="109">
        <v>4703230</v>
      </c>
      <c r="NJ31" s="109">
        <v>6084166</v>
      </c>
      <c r="NK31" s="110">
        <v>25493192</v>
      </c>
      <c r="NL31" s="292">
        <v>25493192</v>
      </c>
      <c r="NM31" s="129">
        <v>0</v>
      </c>
      <c r="NN31" s="109">
        <v>0</v>
      </c>
      <c r="NO31" s="110">
        <v>0</v>
      </c>
      <c r="NP31" s="443">
        <v>0</v>
      </c>
      <c r="NQ31" s="109">
        <v>0</v>
      </c>
      <c r="NR31" s="109">
        <v>0</v>
      </c>
      <c r="NS31" s="109">
        <v>0</v>
      </c>
      <c r="NT31" s="109">
        <v>0</v>
      </c>
      <c r="NU31" s="109">
        <v>0</v>
      </c>
      <c r="NV31" s="110">
        <v>0</v>
      </c>
      <c r="NW31" s="111">
        <v>0</v>
      </c>
      <c r="NX31" s="129">
        <v>0</v>
      </c>
      <c r="NY31" s="109">
        <v>0</v>
      </c>
      <c r="NZ31" s="110">
        <v>0</v>
      </c>
      <c r="OA31" s="443">
        <v>0</v>
      </c>
      <c r="OB31" s="109">
        <v>0</v>
      </c>
      <c r="OC31" s="109">
        <v>0</v>
      </c>
      <c r="OD31" s="109">
        <v>373401</v>
      </c>
      <c r="OE31" s="109">
        <v>0</v>
      </c>
      <c r="OF31" s="109">
        <v>880962</v>
      </c>
      <c r="OG31" s="110">
        <v>1254363</v>
      </c>
      <c r="OH31" s="111">
        <v>1254363</v>
      </c>
      <c r="OI31" s="129">
        <v>2186808</v>
      </c>
      <c r="OJ31" s="109">
        <v>2923140</v>
      </c>
      <c r="OK31" s="128">
        <v>5109948</v>
      </c>
      <c r="OL31" s="108">
        <v>0</v>
      </c>
      <c r="OM31" s="109">
        <v>30769954</v>
      </c>
      <c r="ON31" s="109">
        <v>42395526</v>
      </c>
      <c r="OO31" s="109">
        <v>58272304</v>
      </c>
      <c r="OP31" s="109">
        <v>47311489</v>
      </c>
      <c r="OQ31" s="109">
        <v>48550914</v>
      </c>
      <c r="OR31" s="110">
        <v>227300187</v>
      </c>
      <c r="OS31" s="130">
        <v>232410135</v>
      </c>
    </row>
    <row r="32" spans="2:409" ht="21" customHeight="1" x14ac:dyDescent="0.2">
      <c r="B32" s="437" t="s">
        <v>27</v>
      </c>
      <c r="C32" s="100">
        <v>3134796</v>
      </c>
      <c r="D32" s="104">
        <v>5652225</v>
      </c>
      <c r="E32" s="103">
        <v>8787021</v>
      </c>
      <c r="F32" s="99">
        <v>0</v>
      </c>
      <c r="G32" s="104">
        <v>24248463</v>
      </c>
      <c r="H32" s="104">
        <v>23959982</v>
      </c>
      <c r="I32" s="104">
        <v>21325945</v>
      </c>
      <c r="J32" s="104">
        <v>21289398</v>
      </c>
      <c r="K32" s="104">
        <v>18907741</v>
      </c>
      <c r="L32" s="156">
        <v>109731529</v>
      </c>
      <c r="M32" s="106">
        <v>118518550</v>
      </c>
      <c r="N32" s="100">
        <v>606460</v>
      </c>
      <c r="O32" s="104">
        <v>1210395</v>
      </c>
      <c r="P32" s="103">
        <v>1816855</v>
      </c>
      <c r="Q32" s="100">
        <v>0</v>
      </c>
      <c r="R32" s="104">
        <v>4879229</v>
      </c>
      <c r="S32" s="104">
        <v>6132146</v>
      </c>
      <c r="T32" s="104">
        <v>6551812</v>
      </c>
      <c r="U32" s="104">
        <v>4749438</v>
      </c>
      <c r="V32" s="104">
        <v>8746528</v>
      </c>
      <c r="W32" s="103">
        <v>31059153</v>
      </c>
      <c r="X32" s="106">
        <v>32876008</v>
      </c>
      <c r="Y32" s="100">
        <v>0</v>
      </c>
      <c r="Z32" s="104">
        <v>0</v>
      </c>
      <c r="AA32" s="103">
        <v>0</v>
      </c>
      <c r="AB32" s="100">
        <v>0</v>
      </c>
      <c r="AC32" s="104">
        <v>2377646</v>
      </c>
      <c r="AD32" s="104">
        <v>3044351</v>
      </c>
      <c r="AE32" s="104">
        <v>3884469</v>
      </c>
      <c r="AF32" s="104">
        <v>2146810</v>
      </c>
      <c r="AG32" s="104">
        <v>4493231</v>
      </c>
      <c r="AH32" s="103">
        <v>15946507</v>
      </c>
      <c r="AI32" s="106">
        <v>15946507</v>
      </c>
      <c r="AJ32" s="100">
        <v>0</v>
      </c>
      <c r="AK32" s="104">
        <v>0</v>
      </c>
      <c r="AL32" s="103">
        <v>0</v>
      </c>
      <c r="AM32" s="100">
        <v>0</v>
      </c>
      <c r="AN32" s="104">
        <v>81964</v>
      </c>
      <c r="AO32" s="104">
        <v>308665</v>
      </c>
      <c r="AP32" s="104">
        <v>237180</v>
      </c>
      <c r="AQ32" s="104">
        <v>475341</v>
      </c>
      <c r="AR32" s="104">
        <v>1221222</v>
      </c>
      <c r="AS32" s="103">
        <v>2324372</v>
      </c>
      <c r="AT32" s="106">
        <v>2324372</v>
      </c>
      <c r="AU32" s="100">
        <v>505022</v>
      </c>
      <c r="AV32" s="104">
        <v>976632</v>
      </c>
      <c r="AW32" s="103">
        <v>1481654</v>
      </c>
      <c r="AX32" s="100">
        <v>0</v>
      </c>
      <c r="AY32" s="104">
        <v>1405996</v>
      </c>
      <c r="AZ32" s="104">
        <v>1943051</v>
      </c>
      <c r="BA32" s="104">
        <v>1399425</v>
      </c>
      <c r="BB32" s="104">
        <v>1208050</v>
      </c>
      <c r="BC32" s="104">
        <v>2298415</v>
      </c>
      <c r="BD32" s="103">
        <v>8254937</v>
      </c>
      <c r="BE32" s="106">
        <v>9736591</v>
      </c>
      <c r="BF32" s="100">
        <v>0</v>
      </c>
      <c r="BG32" s="104">
        <v>72797</v>
      </c>
      <c r="BH32" s="102">
        <v>72797</v>
      </c>
      <c r="BI32" s="101">
        <v>0</v>
      </c>
      <c r="BJ32" s="104">
        <v>44439</v>
      </c>
      <c r="BK32" s="104">
        <v>67150</v>
      </c>
      <c r="BL32" s="104">
        <v>44439</v>
      </c>
      <c r="BM32" s="104">
        <v>0</v>
      </c>
      <c r="BN32" s="104">
        <v>9468</v>
      </c>
      <c r="BO32" s="103">
        <v>165496</v>
      </c>
      <c r="BP32" s="106">
        <v>238293</v>
      </c>
      <c r="BQ32" s="100">
        <v>101438</v>
      </c>
      <c r="BR32" s="104">
        <v>160966</v>
      </c>
      <c r="BS32" s="103">
        <v>262404</v>
      </c>
      <c r="BT32" s="100">
        <v>0</v>
      </c>
      <c r="BU32" s="104">
        <v>969184</v>
      </c>
      <c r="BV32" s="104">
        <v>768929</v>
      </c>
      <c r="BW32" s="104">
        <v>986299</v>
      </c>
      <c r="BX32" s="104">
        <v>919237</v>
      </c>
      <c r="BY32" s="104">
        <v>724192</v>
      </c>
      <c r="BZ32" s="103">
        <v>4367841</v>
      </c>
      <c r="CA32" s="106">
        <v>4630245</v>
      </c>
      <c r="CB32" s="100">
        <v>226245</v>
      </c>
      <c r="CC32" s="104">
        <v>1293612</v>
      </c>
      <c r="CD32" s="103">
        <v>1519857</v>
      </c>
      <c r="CE32" s="100">
        <v>0</v>
      </c>
      <c r="CF32" s="104">
        <v>8206146</v>
      </c>
      <c r="CG32" s="104">
        <v>5830819</v>
      </c>
      <c r="CH32" s="104">
        <v>4028536</v>
      </c>
      <c r="CI32" s="104">
        <v>3254355</v>
      </c>
      <c r="CJ32" s="104">
        <v>2443545</v>
      </c>
      <c r="CK32" s="103">
        <v>23763401</v>
      </c>
      <c r="CL32" s="106">
        <v>25283258</v>
      </c>
      <c r="CM32" s="100">
        <v>0</v>
      </c>
      <c r="CN32" s="104">
        <v>0</v>
      </c>
      <c r="CO32" s="103">
        <v>0</v>
      </c>
      <c r="CP32" s="101">
        <v>0</v>
      </c>
      <c r="CQ32" s="104">
        <v>6995786</v>
      </c>
      <c r="CR32" s="104">
        <v>4236087</v>
      </c>
      <c r="CS32" s="104">
        <v>3059304</v>
      </c>
      <c r="CT32" s="104">
        <v>2974872</v>
      </c>
      <c r="CU32" s="104">
        <v>1662918</v>
      </c>
      <c r="CV32" s="103">
        <v>18928967</v>
      </c>
      <c r="CW32" s="106">
        <v>18928967</v>
      </c>
      <c r="CX32" s="100">
        <v>226245</v>
      </c>
      <c r="CY32" s="104">
        <v>1293612</v>
      </c>
      <c r="CZ32" s="103">
        <v>1519857</v>
      </c>
      <c r="DA32" s="100">
        <v>0</v>
      </c>
      <c r="DB32" s="104">
        <v>1210360</v>
      </c>
      <c r="DC32" s="104">
        <v>1594732</v>
      </c>
      <c r="DD32" s="104">
        <v>969232</v>
      </c>
      <c r="DE32" s="104">
        <v>279483</v>
      </c>
      <c r="DF32" s="104">
        <v>780627</v>
      </c>
      <c r="DG32" s="103">
        <v>4834434</v>
      </c>
      <c r="DH32" s="106">
        <v>6354291</v>
      </c>
      <c r="DI32" s="100">
        <v>28296</v>
      </c>
      <c r="DJ32" s="104">
        <v>38976</v>
      </c>
      <c r="DK32" s="102">
        <v>67272</v>
      </c>
      <c r="DL32" s="101">
        <v>0</v>
      </c>
      <c r="DM32" s="104">
        <v>421339</v>
      </c>
      <c r="DN32" s="104">
        <v>1061105</v>
      </c>
      <c r="DO32" s="104">
        <v>1262806</v>
      </c>
      <c r="DP32" s="104">
        <v>1683385</v>
      </c>
      <c r="DQ32" s="104">
        <v>410299</v>
      </c>
      <c r="DR32" s="103">
        <v>4838934</v>
      </c>
      <c r="DS32" s="106">
        <v>4906206</v>
      </c>
      <c r="DT32" s="100">
        <v>0</v>
      </c>
      <c r="DU32" s="104">
        <v>38976</v>
      </c>
      <c r="DV32" s="103">
        <v>38976</v>
      </c>
      <c r="DW32" s="100">
        <v>0</v>
      </c>
      <c r="DX32" s="104">
        <v>421339</v>
      </c>
      <c r="DY32" s="104">
        <v>953951</v>
      </c>
      <c r="DZ32" s="104">
        <v>1262806</v>
      </c>
      <c r="EA32" s="104">
        <v>1628431</v>
      </c>
      <c r="EB32" s="104">
        <v>410299</v>
      </c>
      <c r="EC32" s="103">
        <v>4676826</v>
      </c>
      <c r="ED32" s="106">
        <v>4715802</v>
      </c>
      <c r="EE32" s="100">
        <v>28296</v>
      </c>
      <c r="EF32" s="102">
        <v>0</v>
      </c>
      <c r="EG32" s="103">
        <v>28296</v>
      </c>
      <c r="EH32" s="100">
        <v>0</v>
      </c>
      <c r="EI32" s="104">
        <v>0</v>
      </c>
      <c r="EJ32" s="104">
        <v>107154</v>
      </c>
      <c r="EK32" s="104">
        <v>0</v>
      </c>
      <c r="EL32" s="104">
        <v>54954</v>
      </c>
      <c r="EM32" s="104">
        <v>0</v>
      </c>
      <c r="EN32" s="102">
        <v>162108</v>
      </c>
      <c r="EO32" s="106">
        <v>190404</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06">
        <v>0</v>
      </c>
      <c r="FE32" s="104">
        <v>0</v>
      </c>
      <c r="FF32" s="104">
        <v>0</v>
      </c>
      <c r="FG32" s="104">
        <v>0</v>
      </c>
      <c r="FH32" s="104">
        <v>0</v>
      </c>
      <c r="FI32" s="104">
        <v>0</v>
      </c>
      <c r="FJ32" s="103">
        <v>0</v>
      </c>
      <c r="FK32" s="106">
        <v>0</v>
      </c>
      <c r="FL32" s="100">
        <v>1057114</v>
      </c>
      <c r="FM32" s="104">
        <v>1183078</v>
      </c>
      <c r="FN32" s="103">
        <v>2240192</v>
      </c>
      <c r="FO32" s="100">
        <v>0</v>
      </c>
      <c r="FP32" s="104">
        <v>801228</v>
      </c>
      <c r="FQ32" s="104">
        <v>2072902</v>
      </c>
      <c r="FR32" s="104">
        <v>1585958</v>
      </c>
      <c r="FS32" s="104">
        <v>871038</v>
      </c>
      <c r="FT32" s="104">
        <v>1420519</v>
      </c>
      <c r="FU32" s="103">
        <v>6751645</v>
      </c>
      <c r="FV32" s="106">
        <v>8991837</v>
      </c>
      <c r="FW32" s="105">
        <v>446770</v>
      </c>
      <c r="FX32" s="104">
        <v>1066798</v>
      </c>
      <c r="FY32" s="102">
        <v>1513568</v>
      </c>
      <c r="FZ32" s="101">
        <v>0</v>
      </c>
      <c r="GA32" s="104">
        <v>704208</v>
      </c>
      <c r="GB32" s="104">
        <v>1898272</v>
      </c>
      <c r="GC32" s="104">
        <v>1453460</v>
      </c>
      <c r="GD32" s="104">
        <v>871038</v>
      </c>
      <c r="GE32" s="104">
        <v>1240519</v>
      </c>
      <c r="GF32" s="103">
        <v>6167497</v>
      </c>
      <c r="GG32" s="290">
        <v>7681065</v>
      </c>
      <c r="GH32" s="105">
        <v>25344</v>
      </c>
      <c r="GI32" s="104">
        <v>9360</v>
      </c>
      <c r="GJ32" s="102">
        <v>34704</v>
      </c>
      <c r="GK32" s="101">
        <v>0</v>
      </c>
      <c r="GL32" s="104">
        <v>0</v>
      </c>
      <c r="GM32" s="104">
        <v>80130</v>
      </c>
      <c r="GN32" s="104">
        <v>24948</v>
      </c>
      <c r="GO32" s="104">
        <v>0</v>
      </c>
      <c r="GP32" s="104">
        <v>0</v>
      </c>
      <c r="GQ32" s="103">
        <v>105078</v>
      </c>
      <c r="GR32" s="106">
        <v>139782</v>
      </c>
      <c r="GS32" s="100">
        <v>585000</v>
      </c>
      <c r="GT32" s="104">
        <v>106920</v>
      </c>
      <c r="GU32" s="103">
        <v>691920</v>
      </c>
      <c r="GV32" s="100">
        <v>0</v>
      </c>
      <c r="GW32" s="104">
        <v>97020</v>
      </c>
      <c r="GX32" s="104">
        <v>94500</v>
      </c>
      <c r="GY32" s="104">
        <v>107550</v>
      </c>
      <c r="GZ32" s="104">
        <v>0</v>
      </c>
      <c r="HA32" s="104">
        <v>180000</v>
      </c>
      <c r="HB32" s="102">
        <v>479070</v>
      </c>
      <c r="HC32" s="106">
        <v>1170990</v>
      </c>
      <c r="HD32" s="100">
        <v>662869</v>
      </c>
      <c r="HE32" s="104">
        <v>1101673</v>
      </c>
      <c r="HF32" s="102">
        <v>1764542</v>
      </c>
      <c r="HG32" s="101">
        <v>0</v>
      </c>
      <c r="HH32" s="104">
        <v>6622871</v>
      </c>
      <c r="HI32" s="104">
        <v>6332510</v>
      </c>
      <c r="HJ32" s="104">
        <v>6136341</v>
      </c>
      <c r="HK32" s="104">
        <v>9603750</v>
      </c>
      <c r="HL32" s="104">
        <v>4969806</v>
      </c>
      <c r="HM32" s="103">
        <v>33665278</v>
      </c>
      <c r="HN32" s="99">
        <v>35429820</v>
      </c>
      <c r="HO32" s="105">
        <v>553812</v>
      </c>
      <c r="HP32" s="104">
        <v>824491</v>
      </c>
      <c r="HQ32" s="103">
        <v>1378303</v>
      </c>
      <c r="HR32" s="100">
        <v>0</v>
      </c>
      <c r="HS32" s="104">
        <v>3317650</v>
      </c>
      <c r="HT32" s="104">
        <v>2530500</v>
      </c>
      <c r="HU32" s="104">
        <v>1760492</v>
      </c>
      <c r="HV32" s="104">
        <v>1127432</v>
      </c>
      <c r="HW32" s="104">
        <v>917044</v>
      </c>
      <c r="HX32" s="102">
        <v>9653118</v>
      </c>
      <c r="HY32" s="106">
        <v>11031421</v>
      </c>
      <c r="HZ32" s="135">
        <v>0</v>
      </c>
      <c r="IA32" s="122">
        <v>0</v>
      </c>
      <c r="IB32" s="135">
        <v>0</v>
      </c>
      <c r="IC32" s="121">
        <v>0</v>
      </c>
      <c r="ID32" s="122">
        <v>4392227</v>
      </c>
      <c r="IE32" s="123">
        <v>2705324</v>
      </c>
      <c r="IF32" s="124">
        <v>7076344</v>
      </c>
      <c r="IG32" s="122">
        <v>5414406</v>
      </c>
      <c r="IH32" s="124">
        <v>4359646</v>
      </c>
      <c r="II32" s="125">
        <v>23947947</v>
      </c>
      <c r="IJ32" s="135">
        <v>23947947</v>
      </c>
      <c r="IK32" s="215">
        <v>0</v>
      </c>
      <c r="IL32" s="219">
        <v>0</v>
      </c>
      <c r="IM32" s="220">
        <v>0</v>
      </c>
      <c r="IN32" s="127">
        <v>0</v>
      </c>
      <c r="IO32" s="109">
        <v>0</v>
      </c>
      <c r="IP32" s="109">
        <v>0</v>
      </c>
      <c r="IQ32" s="109">
        <v>175496</v>
      </c>
      <c r="IR32" s="109">
        <v>0</v>
      </c>
      <c r="IS32" s="109">
        <v>0</v>
      </c>
      <c r="IT32" s="128">
        <v>175496</v>
      </c>
      <c r="IU32" s="292">
        <v>175496</v>
      </c>
      <c r="IV32" s="129">
        <v>0</v>
      </c>
      <c r="IW32" s="109">
        <v>0</v>
      </c>
      <c r="IX32" s="110">
        <v>0</v>
      </c>
      <c r="IY32" s="443">
        <v>0</v>
      </c>
      <c r="IZ32" s="109">
        <v>0</v>
      </c>
      <c r="JA32" s="109">
        <v>0</v>
      </c>
      <c r="JB32" s="109">
        <v>0</v>
      </c>
      <c r="JC32" s="109">
        <v>0</v>
      </c>
      <c r="JD32" s="109">
        <v>0</v>
      </c>
      <c r="JE32" s="110">
        <v>0</v>
      </c>
      <c r="JF32" s="111">
        <v>0</v>
      </c>
      <c r="JG32" s="129">
        <v>0</v>
      </c>
      <c r="JH32" s="109">
        <v>0</v>
      </c>
      <c r="JI32" s="128">
        <v>0</v>
      </c>
      <c r="JJ32" s="108">
        <v>0</v>
      </c>
      <c r="JK32" s="109">
        <v>1763455</v>
      </c>
      <c r="JL32" s="109">
        <v>908022</v>
      </c>
      <c r="JM32" s="109">
        <v>585437</v>
      </c>
      <c r="JN32" s="109">
        <v>145161</v>
      </c>
      <c r="JO32" s="109">
        <v>0</v>
      </c>
      <c r="JP32" s="110">
        <v>3402075</v>
      </c>
      <c r="JQ32" s="292">
        <v>3402075</v>
      </c>
      <c r="JR32" s="129">
        <v>0</v>
      </c>
      <c r="JS32" s="109">
        <v>0</v>
      </c>
      <c r="JT32" s="128">
        <v>0</v>
      </c>
      <c r="JU32" s="108">
        <v>0</v>
      </c>
      <c r="JV32" s="109">
        <v>76896</v>
      </c>
      <c r="JW32" s="109">
        <v>28259</v>
      </c>
      <c r="JX32" s="109">
        <v>367611</v>
      </c>
      <c r="JY32" s="109">
        <v>241200</v>
      </c>
      <c r="JZ32" s="109">
        <v>354402</v>
      </c>
      <c r="KA32" s="110">
        <v>1068368</v>
      </c>
      <c r="KB32" s="292">
        <v>1068368</v>
      </c>
      <c r="KC32" s="217">
        <v>0</v>
      </c>
      <c r="KD32" s="213">
        <v>0</v>
      </c>
      <c r="KE32" s="110">
        <v>0</v>
      </c>
      <c r="KF32" s="108">
        <v>0</v>
      </c>
      <c r="KG32" s="109">
        <v>1191151</v>
      </c>
      <c r="KH32" s="109">
        <v>803160</v>
      </c>
      <c r="KI32" s="109">
        <v>1344396</v>
      </c>
      <c r="KJ32" s="109">
        <v>490750</v>
      </c>
      <c r="KK32" s="109">
        <v>360210</v>
      </c>
      <c r="KL32" s="110">
        <v>4189667</v>
      </c>
      <c r="KM32" s="130">
        <v>4189667</v>
      </c>
      <c r="KN32" s="215">
        <v>0</v>
      </c>
      <c r="KO32" s="219">
        <v>0</v>
      </c>
      <c r="KP32" s="220">
        <v>0</v>
      </c>
      <c r="KQ32" s="443">
        <v>0</v>
      </c>
      <c r="KR32" s="109">
        <v>1360725</v>
      </c>
      <c r="KS32" s="109">
        <v>965883</v>
      </c>
      <c r="KT32" s="109">
        <v>3079884</v>
      </c>
      <c r="KU32" s="109">
        <v>1313314</v>
      </c>
      <c r="KV32" s="109">
        <v>1853443</v>
      </c>
      <c r="KW32" s="110">
        <v>8573249</v>
      </c>
      <c r="KX32" s="292">
        <v>8573249</v>
      </c>
      <c r="KY32" s="129">
        <v>0</v>
      </c>
      <c r="KZ32" s="109">
        <v>0</v>
      </c>
      <c r="LA32" s="110">
        <v>0</v>
      </c>
      <c r="LB32" s="443">
        <v>0</v>
      </c>
      <c r="LC32" s="109">
        <v>0</v>
      </c>
      <c r="LD32" s="109">
        <v>0</v>
      </c>
      <c r="LE32" s="109">
        <v>0</v>
      </c>
      <c r="LF32" s="109">
        <v>0</v>
      </c>
      <c r="LG32" s="109">
        <v>0</v>
      </c>
      <c r="LH32" s="110">
        <v>0</v>
      </c>
      <c r="LI32" s="111">
        <v>0</v>
      </c>
      <c r="LJ32" s="129">
        <v>0</v>
      </c>
      <c r="LK32" s="109">
        <v>0</v>
      </c>
      <c r="LL32" s="110">
        <v>0</v>
      </c>
      <c r="LM32" s="443">
        <v>0</v>
      </c>
      <c r="LN32" s="109">
        <v>0</v>
      </c>
      <c r="LO32" s="109">
        <v>0</v>
      </c>
      <c r="LP32" s="109">
        <v>1523520</v>
      </c>
      <c r="LQ32" s="109">
        <v>2918000</v>
      </c>
      <c r="LR32" s="109">
        <v>1791591</v>
      </c>
      <c r="LS32" s="110">
        <v>6233111</v>
      </c>
      <c r="LT32" s="292">
        <v>6233111</v>
      </c>
      <c r="LU32" s="129">
        <v>0</v>
      </c>
      <c r="LV32" s="109">
        <v>0</v>
      </c>
      <c r="LW32" s="110">
        <v>0</v>
      </c>
      <c r="LX32" s="443">
        <v>0</v>
      </c>
      <c r="LY32" s="109">
        <v>0</v>
      </c>
      <c r="LZ32" s="109">
        <v>0</v>
      </c>
      <c r="MA32" s="109">
        <v>0</v>
      </c>
      <c r="MB32" s="109">
        <v>305981</v>
      </c>
      <c r="MC32" s="109">
        <v>0</v>
      </c>
      <c r="MD32" s="110">
        <v>305981</v>
      </c>
      <c r="ME32" s="111">
        <v>305981</v>
      </c>
      <c r="MF32" s="129">
        <v>0</v>
      </c>
      <c r="MG32" s="109">
        <v>0</v>
      </c>
      <c r="MH32" s="110">
        <v>0</v>
      </c>
      <c r="MI32" s="443">
        <v>0</v>
      </c>
      <c r="MJ32" s="109">
        <v>4325715</v>
      </c>
      <c r="MK32" s="109">
        <v>4682059</v>
      </c>
      <c r="ML32" s="109">
        <v>12796845</v>
      </c>
      <c r="MM32" s="109">
        <v>24032205</v>
      </c>
      <c r="MN32" s="109">
        <v>18234934</v>
      </c>
      <c r="MO32" s="110">
        <v>64071758</v>
      </c>
      <c r="MP32" s="130">
        <v>64071758</v>
      </c>
      <c r="MQ32" s="129">
        <v>0</v>
      </c>
      <c r="MR32" s="109">
        <v>0</v>
      </c>
      <c r="MS32" s="110">
        <v>0</v>
      </c>
      <c r="MT32" s="443">
        <v>0</v>
      </c>
      <c r="MU32" s="109">
        <v>2019025</v>
      </c>
      <c r="MV32" s="109">
        <v>466936</v>
      </c>
      <c r="MW32" s="109">
        <v>8280057</v>
      </c>
      <c r="MX32" s="109">
        <v>17535436</v>
      </c>
      <c r="MY32" s="109">
        <v>11748757</v>
      </c>
      <c r="MZ32" s="110">
        <v>40050211</v>
      </c>
      <c r="NA32" s="130">
        <v>40050211</v>
      </c>
      <c r="NB32" s="129">
        <v>0</v>
      </c>
      <c r="NC32" s="109">
        <v>0</v>
      </c>
      <c r="ND32" s="110">
        <v>0</v>
      </c>
      <c r="NE32" s="443">
        <v>0</v>
      </c>
      <c r="NF32" s="109">
        <v>2306690</v>
      </c>
      <c r="NG32" s="109">
        <v>4215123</v>
      </c>
      <c r="NH32" s="109">
        <v>4516788</v>
      </c>
      <c r="NI32" s="109">
        <v>5678713</v>
      </c>
      <c r="NJ32" s="109">
        <v>5667857</v>
      </c>
      <c r="NK32" s="110">
        <v>22385171</v>
      </c>
      <c r="NL32" s="292">
        <v>22385171</v>
      </c>
      <c r="NM32" s="129">
        <v>0</v>
      </c>
      <c r="NN32" s="109">
        <v>0</v>
      </c>
      <c r="NO32" s="110">
        <v>0</v>
      </c>
      <c r="NP32" s="443">
        <v>0</v>
      </c>
      <c r="NQ32" s="109">
        <v>0</v>
      </c>
      <c r="NR32" s="109">
        <v>0</v>
      </c>
      <c r="NS32" s="109">
        <v>0</v>
      </c>
      <c r="NT32" s="109">
        <v>0</v>
      </c>
      <c r="NU32" s="109">
        <v>0</v>
      </c>
      <c r="NV32" s="110">
        <v>0</v>
      </c>
      <c r="NW32" s="111">
        <v>0</v>
      </c>
      <c r="NX32" s="129">
        <v>0</v>
      </c>
      <c r="NY32" s="109">
        <v>0</v>
      </c>
      <c r="NZ32" s="110">
        <v>0</v>
      </c>
      <c r="OA32" s="443">
        <v>0</v>
      </c>
      <c r="OB32" s="109">
        <v>0</v>
      </c>
      <c r="OC32" s="109">
        <v>0</v>
      </c>
      <c r="OD32" s="109">
        <v>0</v>
      </c>
      <c r="OE32" s="109">
        <v>818056</v>
      </c>
      <c r="OF32" s="109">
        <v>818320</v>
      </c>
      <c r="OG32" s="110">
        <v>1636376</v>
      </c>
      <c r="OH32" s="111">
        <v>1636376</v>
      </c>
      <c r="OI32" s="129">
        <v>3134796</v>
      </c>
      <c r="OJ32" s="109">
        <v>5652225</v>
      </c>
      <c r="OK32" s="128">
        <v>8787021</v>
      </c>
      <c r="OL32" s="108">
        <v>0</v>
      </c>
      <c r="OM32" s="109">
        <v>32966405</v>
      </c>
      <c r="ON32" s="109">
        <v>31347365</v>
      </c>
      <c r="OO32" s="109">
        <v>41199134</v>
      </c>
      <c r="OP32" s="109">
        <v>50736009</v>
      </c>
      <c r="OQ32" s="109">
        <v>41502321</v>
      </c>
      <c r="OR32" s="110">
        <v>197751234</v>
      </c>
      <c r="OS32" s="130">
        <v>206538255</v>
      </c>
    </row>
    <row r="33" spans="2:409" ht="21" customHeight="1" x14ac:dyDescent="0.2">
      <c r="B33" s="437" t="s">
        <v>28</v>
      </c>
      <c r="C33" s="100">
        <v>135428</v>
      </c>
      <c r="D33" s="104">
        <v>596226</v>
      </c>
      <c r="E33" s="103">
        <v>731654</v>
      </c>
      <c r="F33" s="99">
        <v>0</v>
      </c>
      <c r="G33" s="104">
        <v>5163140</v>
      </c>
      <c r="H33" s="104">
        <v>9237156</v>
      </c>
      <c r="I33" s="104">
        <v>6505835</v>
      </c>
      <c r="J33" s="104">
        <v>6195624</v>
      </c>
      <c r="K33" s="104">
        <v>4322662</v>
      </c>
      <c r="L33" s="156">
        <v>31424417</v>
      </c>
      <c r="M33" s="106">
        <v>32156071</v>
      </c>
      <c r="N33" s="100">
        <v>34992</v>
      </c>
      <c r="O33" s="104">
        <v>92178</v>
      </c>
      <c r="P33" s="103">
        <v>127170</v>
      </c>
      <c r="Q33" s="100">
        <v>0</v>
      </c>
      <c r="R33" s="104">
        <v>887972</v>
      </c>
      <c r="S33" s="104">
        <v>1651058</v>
      </c>
      <c r="T33" s="104">
        <v>1421591</v>
      </c>
      <c r="U33" s="104">
        <v>1640755</v>
      </c>
      <c r="V33" s="104">
        <v>1736984</v>
      </c>
      <c r="W33" s="103">
        <v>7338360</v>
      </c>
      <c r="X33" s="106">
        <v>7465530</v>
      </c>
      <c r="Y33" s="100">
        <v>0</v>
      </c>
      <c r="Z33" s="104">
        <v>0</v>
      </c>
      <c r="AA33" s="103">
        <v>0</v>
      </c>
      <c r="AB33" s="100">
        <v>0</v>
      </c>
      <c r="AC33" s="104">
        <v>318355</v>
      </c>
      <c r="AD33" s="104">
        <v>773148</v>
      </c>
      <c r="AE33" s="104">
        <v>680638</v>
      </c>
      <c r="AF33" s="104">
        <v>805363</v>
      </c>
      <c r="AG33" s="104">
        <v>961467</v>
      </c>
      <c r="AH33" s="103">
        <v>3538971</v>
      </c>
      <c r="AI33" s="106">
        <v>3538971</v>
      </c>
      <c r="AJ33" s="100">
        <v>0</v>
      </c>
      <c r="AK33" s="104">
        <v>0</v>
      </c>
      <c r="AL33" s="103">
        <v>0</v>
      </c>
      <c r="AM33" s="100">
        <v>0</v>
      </c>
      <c r="AN33" s="104">
        <v>0</v>
      </c>
      <c r="AO33" s="104">
        <v>0</v>
      </c>
      <c r="AP33" s="104">
        <v>186020</v>
      </c>
      <c r="AQ33" s="104">
        <v>102471</v>
      </c>
      <c r="AR33" s="104">
        <v>217688</v>
      </c>
      <c r="AS33" s="103">
        <v>506179</v>
      </c>
      <c r="AT33" s="106">
        <v>506179</v>
      </c>
      <c r="AU33" s="100">
        <v>25686</v>
      </c>
      <c r="AV33" s="104">
        <v>86814</v>
      </c>
      <c r="AW33" s="103">
        <v>112500</v>
      </c>
      <c r="AX33" s="100">
        <v>0</v>
      </c>
      <c r="AY33" s="104">
        <v>390017</v>
      </c>
      <c r="AZ33" s="104">
        <v>466685</v>
      </c>
      <c r="BA33" s="104">
        <v>383326</v>
      </c>
      <c r="BB33" s="104">
        <v>492560</v>
      </c>
      <c r="BC33" s="104">
        <v>342880</v>
      </c>
      <c r="BD33" s="103">
        <v>2075468</v>
      </c>
      <c r="BE33" s="106">
        <v>2187968</v>
      </c>
      <c r="BF33" s="100">
        <v>0</v>
      </c>
      <c r="BG33" s="104">
        <v>0</v>
      </c>
      <c r="BH33" s="102">
        <v>0</v>
      </c>
      <c r="BI33" s="101">
        <v>0</v>
      </c>
      <c r="BJ33" s="104">
        <v>22536</v>
      </c>
      <c r="BK33" s="104">
        <v>71102</v>
      </c>
      <c r="BL33" s="104">
        <v>0</v>
      </c>
      <c r="BM33" s="104">
        <v>44439</v>
      </c>
      <c r="BN33" s="104">
        <v>48299</v>
      </c>
      <c r="BO33" s="103">
        <v>186376</v>
      </c>
      <c r="BP33" s="106">
        <v>186376</v>
      </c>
      <c r="BQ33" s="100">
        <v>9306</v>
      </c>
      <c r="BR33" s="104">
        <v>5364</v>
      </c>
      <c r="BS33" s="103">
        <v>14670</v>
      </c>
      <c r="BT33" s="100">
        <v>0</v>
      </c>
      <c r="BU33" s="104">
        <v>157064</v>
      </c>
      <c r="BV33" s="104">
        <v>340123</v>
      </c>
      <c r="BW33" s="104">
        <v>171607</v>
      </c>
      <c r="BX33" s="104">
        <v>195922</v>
      </c>
      <c r="BY33" s="104">
        <v>166650</v>
      </c>
      <c r="BZ33" s="103">
        <v>1031366</v>
      </c>
      <c r="CA33" s="106">
        <v>1046036</v>
      </c>
      <c r="CB33" s="100">
        <v>24896</v>
      </c>
      <c r="CC33" s="104">
        <v>134980</v>
      </c>
      <c r="CD33" s="103">
        <v>159876</v>
      </c>
      <c r="CE33" s="100">
        <v>0</v>
      </c>
      <c r="CF33" s="104">
        <v>1961472</v>
      </c>
      <c r="CG33" s="104">
        <v>3522223</v>
      </c>
      <c r="CH33" s="104">
        <v>2401967</v>
      </c>
      <c r="CI33" s="104">
        <v>2137001</v>
      </c>
      <c r="CJ33" s="104">
        <v>1177437</v>
      </c>
      <c r="CK33" s="103">
        <v>11200100</v>
      </c>
      <c r="CL33" s="106">
        <v>11359976</v>
      </c>
      <c r="CM33" s="100">
        <v>0</v>
      </c>
      <c r="CN33" s="104">
        <v>0</v>
      </c>
      <c r="CO33" s="103">
        <v>0</v>
      </c>
      <c r="CP33" s="101">
        <v>0</v>
      </c>
      <c r="CQ33" s="104">
        <v>1520774</v>
      </c>
      <c r="CR33" s="104">
        <v>2705009</v>
      </c>
      <c r="CS33" s="104">
        <v>1790184</v>
      </c>
      <c r="CT33" s="104">
        <v>1443197</v>
      </c>
      <c r="CU33" s="104">
        <v>746987</v>
      </c>
      <c r="CV33" s="103">
        <v>8206151</v>
      </c>
      <c r="CW33" s="106">
        <v>8206151</v>
      </c>
      <c r="CX33" s="100">
        <v>24896</v>
      </c>
      <c r="CY33" s="104">
        <v>134980</v>
      </c>
      <c r="CZ33" s="103">
        <v>159876</v>
      </c>
      <c r="DA33" s="100">
        <v>0</v>
      </c>
      <c r="DB33" s="104">
        <v>440698</v>
      </c>
      <c r="DC33" s="104">
        <v>817214</v>
      </c>
      <c r="DD33" s="104">
        <v>611783</v>
      </c>
      <c r="DE33" s="104">
        <v>693804</v>
      </c>
      <c r="DF33" s="104">
        <v>430450</v>
      </c>
      <c r="DG33" s="103">
        <v>2993949</v>
      </c>
      <c r="DH33" s="106">
        <v>3153825</v>
      </c>
      <c r="DI33" s="100">
        <v>0</v>
      </c>
      <c r="DJ33" s="104">
        <v>29982</v>
      </c>
      <c r="DK33" s="102">
        <v>29982</v>
      </c>
      <c r="DL33" s="101">
        <v>0</v>
      </c>
      <c r="DM33" s="104">
        <v>95545</v>
      </c>
      <c r="DN33" s="104">
        <v>302784</v>
      </c>
      <c r="DO33" s="104">
        <v>606458</v>
      </c>
      <c r="DP33" s="104">
        <v>492836</v>
      </c>
      <c r="DQ33" s="104">
        <v>587583</v>
      </c>
      <c r="DR33" s="103">
        <v>2085206</v>
      </c>
      <c r="DS33" s="106">
        <v>2115188</v>
      </c>
      <c r="DT33" s="100">
        <v>0</v>
      </c>
      <c r="DU33" s="104">
        <v>29982</v>
      </c>
      <c r="DV33" s="103">
        <v>29982</v>
      </c>
      <c r="DW33" s="100">
        <v>0</v>
      </c>
      <c r="DX33" s="104">
        <v>36383</v>
      </c>
      <c r="DY33" s="104">
        <v>229244</v>
      </c>
      <c r="DZ33" s="104">
        <v>309349</v>
      </c>
      <c r="EA33" s="104">
        <v>369500</v>
      </c>
      <c r="EB33" s="104">
        <v>587583</v>
      </c>
      <c r="EC33" s="103">
        <v>1532059</v>
      </c>
      <c r="ED33" s="106">
        <v>1562041</v>
      </c>
      <c r="EE33" s="100">
        <v>0</v>
      </c>
      <c r="EF33" s="102">
        <v>0</v>
      </c>
      <c r="EG33" s="103">
        <v>0</v>
      </c>
      <c r="EH33" s="100">
        <v>0</v>
      </c>
      <c r="EI33" s="104">
        <v>59162</v>
      </c>
      <c r="EJ33" s="104">
        <v>73540</v>
      </c>
      <c r="EK33" s="104">
        <v>297109</v>
      </c>
      <c r="EL33" s="104">
        <v>123336</v>
      </c>
      <c r="EM33" s="104">
        <v>0</v>
      </c>
      <c r="EN33" s="102">
        <v>553147</v>
      </c>
      <c r="EO33" s="106">
        <v>553147</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06">
        <v>0</v>
      </c>
      <c r="FE33" s="104">
        <v>0</v>
      </c>
      <c r="FF33" s="104">
        <v>0</v>
      </c>
      <c r="FG33" s="104">
        <v>0</v>
      </c>
      <c r="FH33" s="104">
        <v>0</v>
      </c>
      <c r="FI33" s="104">
        <v>0</v>
      </c>
      <c r="FJ33" s="103">
        <v>0</v>
      </c>
      <c r="FK33" s="106">
        <v>0</v>
      </c>
      <c r="FL33" s="100">
        <v>40500</v>
      </c>
      <c r="FM33" s="104">
        <v>261626</v>
      </c>
      <c r="FN33" s="103">
        <v>302126</v>
      </c>
      <c r="FO33" s="100">
        <v>0</v>
      </c>
      <c r="FP33" s="104">
        <v>376884</v>
      </c>
      <c r="FQ33" s="104">
        <v>994175</v>
      </c>
      <c r="FR33" s="104">
        <v>563136</v>
      </c>
      <c r="FS33" s="104">
        <v>557336</v>
      </c>
      <c r="FT33" s="104">
        <v>331875</v>
      </c>
      <c r="FU33" s="103">
        <v>2823406</v>
      </c>
      <c r="FV33" s="106">
        <v>3125532</v>
      </c>
      <c r="FW33" s="105">
        <v>40500</v>
      </c>
      <c r="FX33" s="104">
        <v>103316</v>
      </c>
      <c r="FY33" s="102">
        <v>143816</v>
      </c>
      <c r="FZ33" s="101">
        <v>0</v>
      </c>
      <c r="GA33" s="104">
        <v>302084</v>
      </c>
      <c r="GB33" s="104">
        <v>900087</v>
      </c>
      <c r="GC33" s="104">
        <v>518586</v>
      </c>
      <c r="GD33" s="104">
        <v>527636</v>
      </c>
      <c r="GE33" s="104">
        <v>331875</v>
      </c>
      <c r="GF33" s="103">
        <v>2580268</v>
      </c>
      <c r="GG33" s="290">
        <v>2724084</v>
      </c>
      <c r="GH33" s="105">
        <v>0</v>
      </c>
      <c r="GI33" s="104">
        <v>16200</v>
      </c>
      <c r="GJ33" s="102">
        <v>16200</v>
      </c>
      <c r="GK33" s="101">
        <v>0</v>
      </c>
      <c r="GL33" s="104">
        <v>0</v>
      </c>
      <c r="GM33" s="104">
        <v>51498</v>
      </c>
      <c r="GN33" s="104">
        <v>0</v>
      </c>
      <c r="GO33" s="104">
        <v>29700</v>
      </c>
      <c r="GP33" s="104">
        <v>0</v>
      </c>
      <c r="GQ33" s="103">
        <v>81198</v>
      </c>
      <c r="GR33" s="106">
        <v>97398</v>
      </c>
      <c r="GS33" s="100">
        <v>0</v>
      </c>
      <c r="GT33" s="104">
        <v>142110</v>
      </c>
      <c r="GU33" s="103">
        <v>142110</v>
      </c>
      <c r="GV33" s="100">
        <v>0</v>
      </c>
      <c r="GW33" s="104">
        <v>74800</v>
      </c>
      <c r="GX33" s="104">
        <v>42590</v>
      </c>
      <c r="GY33" s="104">
        <v>44550</v>
      </c>
      <c r="GZ33" s="104">
        <v>0</v>
      </c>
      <c r="HA33" s="104">
        <v>0</v>
      </c>
      <c r="HB33" s="102">
        <v>161940</v>
      </c>
      <c r="HC33" s="106">
        <v>304050</v>
      </c>
      <c r="HD33" s="100">
        <v>0</v>
      </c>
      <c r="HE33" s="104">
        <v>0</v>
      </c>
      <c r="HF33" s="102">
        <v>0</v>
      </c>
      <c r="HG33" s="101">
        <v>0</v>
      </c>
      <c r="HH33" s="104">
        <v>829708</v>
      </c>
      <c r="HI33" s="104">
        <v>1549134</v>
      </c>
      <c r="HJ33" s="104">
        <v>835278</v>
      </c>
      <c r="HK33" s="104">
        <v>913832</v>
      </c>
      <c r="HL33" s="104">
        <v>256140</v>
      </c>
      <c r="HM33" s="103">
        <v>4384092</v>
      </c>
      <c r="HN33" s="99">
        <v>4384092</v>
      </c>
      <c r="HO33" s="105">
        <v>35040</v>
      </c>
      <c r="HP33" s="104">
        <v>77460</v>
      </c>
      <c r="HQ33" s="103">
        <v>112500</v>
      </c>
      <c r="HR33" s="100">
        <v>0</v>
      </c>
      <c r="HS33" s="104">
        <v>1011559</v>
      </c>
      <c r="HT33" s="104">
        <v>1217782</v>
      </c>
      <c r="HU33" s="104">
        <v>677405</v>
      </c>
      <c r="HV33" s="104">
        <v>453864</v>
      </c>
      <c r="HW33" s="104">
        <v>232643</v>
      </c>
      <c r="HX33" s="102">
        <v>3593253</v>
      </c>
      <c r="HY33" s="106">
        <v>3705753</v>
      </c>
      <c r="HZ33" s="118">
        <v>0</v>
      </c>
      <c r="IA33" s="119">
        <v>0</v>
      </c>
      <c r="IB33" s="120">
        <v>0</v>
      </c>
      <c r="IC33" s="131">
        <v>0</v>
      </c>
      <c r="ID33" s="119">
        <v>1246312</v>
      </c>
      <c r="IE33" s="132">
        <v>1818641</v>
      </c>
      <c r="IF33" s="120">
        <v>1032662</v>
      </c>
      <c r="IG33" s="119">
        <v>1772334</v>
      </c>
      <c r="IH33" s="120">
        <v>1180525</v>
      </c>
      <c r="II33" s="133">
        <v>7050474</v>
      </c>
      <c r="IJ33" s="126">
        <v>7050474</v>
      </c>
      <c r="IK33" s="215">
        <v>0</v>
      </c>
      <c r="IL33" s="219">
        <v>0</v>
      </c>
      <c r="IM33" s="220">
        <v>0</v>
      </c>
      <c r="IN33" s="127">
        <v>0</v>
      </c>
      <c r="IO33" s="109">
        <v>0</v>
      </c>
      <c r="IP33" s="109">
        <v>0</v>
      </c>
      <c r="IQ33" s="109">
        <v>0</v>
      </c>
      <c r="IR33" s="109">
        <v>0</v>
      </c>
      <c r="IS33" s="109">
        <v>0</v>
      </c>
      <c r="IT33" s="128">
        <v>0</v>
      </c>
      <c r="IU33" s="292">
        <v>0</v>
      </c>
      <c r="IV33" s="129">
        <v>0</v>
      </c>
      <c r="IW33" s="109">
        <v>0</v>
      </c>
      <c r="IX33" s="110">
        <v>0</v>
      </c>
      <c r="IY33" s="443">
        <v>0</v>
      </c>
      <c r="IZ33" s="109">
        <v>0</v>
      </c>
      <c r="JA33" s="109">
        <v>0</v>
      </c>
      <c r="JB33" s="109">
        <v>0</v>
      </c>
      <c r="JC33" s="109">
        <v>0</v>
      </c>
      <c r="JD33" s="109">
        <v>0</v>
      </c>
      <c r="JE33" s="110">
        <v>0</v>
      </c>
      <c r="JF33" s="111">
        <v>0</v>
      </c>
      <c r="JG33" s="129">
        <v>0</v>
      </c>
      <c r="JH33" s="109">
        <v>0</v>
      </c>
      <c r="JI33" s="128">
        <v>0</v>
      </c>
      <c r="JJ33" s="108">
        <v>0</v>
      </c>
      <c r="JK33" s="109">
        <v>767368</v>
      </c>
      <c r="JL33" s="109">
        <v>413415</v>
      </c>
      <c r="JM33" s="109">
        <v>481505</v>
      </c>
      <c r="JN33" s="109">
        <v>165411</v>
      </c>
      <c r="JO33" s="109">
        <v>19656</v>
      </c>
      <c r="JP33" s="110">
        <v>1847355</v>
      </c>
      <c r="JQ33" s="292">
        <v>1847355</v>
      </c>
      <c r="JR33" s="129">
        <v>0</v>
      </c>
      <c r="JS33" s="109">
        <v>0</v>
      </c>
      <c r="JT33" s="128">
        <v>0</v>
      </c>
      <c r="JU33" s="108">
        <v>0</v>
      </c>
      <c r="JV33" s="109">
        <v>214686</v>
      </c>
      <c r="JW33" s="109">
        <v>96885</v>
      </c>
      <c r="JX33" s="109">
        <v>105894</v>
      </c>
      <c r="JY33" s="109">
        <v>324063</v>
      </c>
      <c r="JZ33" s="109">
        <v>0</v>
      </c>
      <c r="KA33" s="110">
        <v>741528</v>
      </c>
      <c r="KB33" s="292">
        <v>741528</v>
      </c>
      <c r="KC33" s="217">
        <v>0</v>
      </c>
      <c r="KD33" s="213">
        <v>0</v>
      </c>
      <c r="KE33" s="110">
        <v>0</v>
      </c>
      <c r="KF33" s="108">
        <v>0</v>
      </c>
      <c r="KG33" s="109">
        <v>0</v>
      </c>
      <c r="KH33" s="109">
        <v>0</v>
      </c>
      <c r="KI33" s="109">
        <v>0</v>
      </c>
      <c r="KJ33" s="109">
        <v>0</v>
      </c>
      <c r="KK33" s="109">
        <v>0</v>
      </c>
      <c r="KL33" s="110">
        <v>0</v>
      </c>
      <c r="KM33" s="130">
        <v>0</v>
      </c>
      <c r="KN33" s="215">
        <v>0</v>
      </c>
      <c r="KO33" s="219">
        <v>0</v>
      </c>
      <c r="KP33" s="220">
        <v>0</v>
      </c>
      <c r="KQ33" s="443">
        <v>0</v>
      </c>
      <c r="KR33" s="109">
        <v>264258</v>
      </c>
      <c r="KS33" s="109">
        <v>1308341</v>
      </c>
      <c r="KT33" s="109">
        <v>445263</v>
      </c>
      <c r="KU33" s="109">
        <v>1154520</v>
      </c>
      <c r="KV33" s="109">
        <v>1160869</v>
      </c>
      <c r="KW33" s="110">
        <v>4333251</v>
      </c>
      <c r="KX33" s="292">
        <v>4333251</v>
      </c>
      <c r="KY33" s="129">
        <v>0</v>
      </c>
      <c r="KZ33" s="109">
        <v>0</v>
      </c>
      <c r="LA33" s="110">
        <v>0</v>
      </c>
      <c r="LB33" s="443">
        <v>0</v>
      </c>
      <c r="LC33" s="109">
        <v>0</v>
      </c>
      <c r="LD33" s="109">
        <v>0</v>
      </c>
      <c r="LE33" s="109">
        <v>0</v>
      </c>
      <c r="LF33" s="109">
        <v>0</v>
      </c>
      <c r="LG33" s="109">
        <v>0</v>
      </c>
      <c r="LH33" s="110">
        <v>0</v>
      </c>
      <c r="LI33" s="111">
        <v>0</v>
      </c>
      <c r="LJ33" s="129">
        <v>0</v>
      </c>
      <c r="LK33" s="109">
        <v>0</v>
      </c>
      <c r="LL33" s="110">
        <v>0</v>
      </c>
      <c r="LM33" s="443">
        <v>0</v>
      </c>
      <c r="LN33" s="109">
        <v>0</v>
      </c>
      <c r="LO33" s="109">
        <v>0</v>
      </c>
      <c r="LP33" s="109">
        <v>0</v>
      </c>
      <c r="LQ33" s="109">
        <v>128340</v>
      </c>
      <c r="LR33" s="109">
        <v>0</v>
      </c>
      <c r="LS33" s="110">
        <v>128340</v>
      </c>
      <c r="LT33" s="292">
        <v>128340</v>
      </c>
      <c r="LU33" s="129">
        <v>0</v>
      </c>
      <c r="LV33" s="109">
        <v>0</v>
      </c>
      <c r="LW33" s="110">
        <v>0</v>
      </c>
      <c r="LX33" s="443">
        <v>0</v>
      </c>
      <c r="LY33" s="109">
        <v>0</v>
      </c>
      <c r="LZ33" s="109">
        <v>0</v>
      </c>
      <c r="MA33" s="109">
        <v>0</v>
      </c>
      <c r="MB33" s="109">
        <v>0</v>
      </c>
      <c r="MC33" s="109">
        <v>0</v>
      </c>
      <c r="MD33" s="110">
        <v>0</v>
      </c>
      <c r="ME33" s="111">
        <v>0</v>
      </c>
      <c r="MF33" s="129">
        <v>0</v>
      </c>
      <c r="MG33" s="109">
        <v>0</v>
      </c>
      <c r="MH33" s="110">
        <v>0</v>
      </c>
      <c r="MI33" s="443">
        <v>0</v>
      </c>
      <c r="MJ33" s="109">
        <v>1023310</v>
      </c>
      <c r="MK33" s="109">
        <v>2698599</v>
      </c>
      <c r="ML33" s="109">
        <v>6351027</v>
      </c>
      <c r="MM33" s="109">
        <v>5950654</v>
      </c>
      <c r="MN33" s="109">
        <v>5986786</v>
      </c>
      <c r="MO33" s="110">
        <v>22010376</v>
      </c>
      <c r="MP33" s="130">
        <v>22010376</v>
      </c>
      <c r="MQ33" s="129">
        <v>0</v>
      </c>
      <c r="MR33" s="109">
        <v>0</v>
      </c>
      <c r="MS33" s="110">
        <v>0</v>
      </c>
      <c r="MT33" s="443">
        <v>0</v>
      </c>
      <c r="MU33" s="109">
        <v>0</v>
      </c>
      <c r="MV33" s="109">
        <v>478439</v>
      </c>
      <c r="MW33" s="109">
        <v>3310318</v>
      </c>
      <c r="MX33" s="109">
        <v>4338987</v>
      </c>
      <c r="MY33" s="109">
        <v>4999312</v>
      </c>
      <c r="MZ33" s="110">
        <v>13127056</v>
      </c>
      <c r="NA33" s="130">
        <v>13127056</v>
      </c>
      <c r="NB33" s="129">
        <v>0</v>
      </c>
      <c r="NC33" s="109">
        <v>0</v>
      </c>
      <c r="ND33" s="110">
        <v>0</v>
      </c>
      <c r="NE33" s="443">
        <v>0</v>
      </c>
      <c r="NF33" s="109">
        <v>1023310</v>
      </c>
      <c r="NG33" s="109">
        <v>2220160</v>
      </c>
      <c r="NH33" s="109">
        <v>3040709</v>
      </c>
      <c r="NI33" s="109">
        <v>1611667</v>
      </c>
      <c r="NJ33" s="109">
        <v>987474</v>
      </c>
      <c r="NK33" s="110">
        <v>8883320</v>
      </c>
      <c r="NL33" s="292">
        <v>8883320</v>
      </c>
      <c r="NM33" s="129">
        <v>0</v>
      </c>
      <c r="NN33" s="109">
        <v>0</v>
      </c>
      <c r="NO33" s="110">
        <v>0</v>
      </c>
      <c r="NP33" s="443">
        <v>0</v>
      </c>
      <c r="NQ33" s="109">
        <v>0</v>
      </c>
      <c r="NR33" s="109">
        <v>0</v>
      </c>
      <c r="NS33" s="109">
        <v>0</v>
      </c>
      <c r="NT33" s="109">
        <v>0</v>
      </c>
      <c r="NU33" s="109">
        <v>0</v>
      </c>
      <c r="NV33" s="110">
        <v>0</v>
      </c>
      <c r="NW33" s="111">
        <v>0</v>
      </c>
      <c r="NX33" s="129">
        <v>0</v>
      </c>
      <c r="NY33" s="109">
        <v>0</v>
      </c>
      <c r="NZ33" s="110">
        <v>0</v>
      </c>
      <c r="OA33" s="443">
        <v>0</v>
      </c>
      <c r="OB33" s="109">
        <v>0</v>
      </c>
      <c r="OC33" s="109">
        <v>0</v>
      </c>
      <c r="OD33" s="109">
        <v>0</v>
      </c>
      <c r="OE33" s="109">
        <v>0</v>
      </c>
      <c r="OF33" s="109">
        <v>0</v>
      </c>
      <c r="OG33" s="110">
        <v>0</v>
      </c>
      <c r="OH33" s="111">
        <v>0</v>
      </c>
      <c r="OI33" s="129">
        <v>135428</v>
      </c>
      <c r="OJ33" s="109">
        <v>596226</v>
      </c>
      <c r="OK33" s="128">
        <v>731654</v>
      </c>
      <c r="OL33" s="108">
        <v>0</v>
      </c>
      <c r="OM33" s="109">
        <v>7432762</v>
      </c>
      <c r="ON33" s="109">
        <v>13754396</v>
      </c>
      <c r="OO33" s="109">
        <v>13889524</v>
      </c>
      <c r="OP33" s="109">
        <v>13918612</v>
      </c>
      <c r="OQ33" s="109">
        <v>11489973</v>
      </c>
      <c r="OR33" s="110">
        <v>60485267</v>
      </c>
      <c r="OS33" s="130">
        <v>61216921</v>
      </c>
    </row>
    <row r="34" spans="2:409" ht="21" customHeight="1" x14ac:dyDescent="0.2">
      <c r="B34" s="437" t="s">
        <v>29</v>
      </c>
      <c r="C34" s="100">
        <v>576654</v>
      </c>
      <c r="D34" s="104">
        <v>909360</v>
      </c>
      <c r="E34" s="103">
        <v>1486014</v>
      </c>
      <c r="F34" s="99">
        <v>0</v>
      </c>
      <c r="G34" s="104">
        <v>8828722</v>
      </c>
      <c r="H34" s="104">
        <v>9632524</v>
      </c>
      <c r="I34" s="104">
        <v>10984735</v>
      </c>
      <c r="J34" s="104">
        <v>9727343</v>
      </c>
      <c r="K34" s="104">
        <v>7832535</v>
      </c>
      <c r="L34" s="156">
        <v>47005859</v>
      </c>
      <c r="M34" s="106">
        <v>48491873</v>
      </c>
      <c r="N34" s="100">
        <v>45684</v>
      </c>
      <c r="O34" s="104">
        <v>243451</v>
      </c>
      <c r="P34" s="103">
        <v>289135</v>
      </c>
      <c r="Q34" s="100">
        <v>0</v>
      </c>
      <c r="R34" s="104">
        <v>2194651</v>
      </c>
      <c r="S34" s="104">
        <v>2166644</v>
      </c>
      <c r="T34" s="104">
        <v>2879131</v>
      </c>
      <c r="U34" s="104">
        <v>3117327</v>
      </c>
      <c r="V34" s="104">
        <v>3859953</v>
      </c>
      <c r="W34" s="103">
        <v>14217706</v>
      </c>
      <c r="X34" s="106">
        <v>14506841</v>
      </c>
      <c r="Y34" s="100">
        <v>0</v>
      </c>
      <c r="Z34" s="104">
        <v>0</v>
      </c>
      <c r="AA34" s="103">
        <v>0</v>
      </c>
      <c r="AB34" s="100">
        <v>0</v>
      </c>
      <c r="AC34" s="104">
        <v>942897</v>
      </c>
      <c r="AD34" s="104">
        <v>1028529</v>
      </c>
      <c r="AE34" s="104">
        <v>1922888</v>
      </c>
      <c r="AF34" s="104">
        <v>2096455</v>
      </c>
      <c r="AG34" s="104">
        <v>2515525</v>
      </c>
      <c r="AH34" s="103">
        <v>8506294</v>
      </c>
      <c r="AI34" s="106">
        <v>8506294</v>
      </c>
      <c r="AJ34" s="100">
        <v>0</v>
      </c>
      <c r="AK34" s="104">
        <v>0</v>
      </c>
      <c r="AL34" s="103">
        <v>0</v>
      </c>
      <c r="AM34" s="100">
        <v>0</v>
      </c>
      <c r="AN34" s="104">
        <v>0</v>
      </c>
      <c r="AO34" s="104">
        <v>0</v>
      </c>
      <c r="AP34" s="104">
        <v>25620</v>
      </c>
      <c r="AQ34" s="104">
        <v>174679</v>
      </c>
      <c r="AR34" s="104">
        <v>551777</v>
      </c>
      <c r="AS34" s="103">
        <v>752076</v>
      </c>
      <c r="AT34" s="106">
        <v>752076</v>
      </c>
      <c r="AU34" s="100">
        <v>23832</v>
      </c>
      <c r="AV34" s="104">
        <v>193546</v>
      </c>
      <c r="AW34" s="103">
        <v>217378</v>
      </c>
      <c r="AX34" s="100">
        <v>0</v>
      </c>
      <c r="AY34" s="104">
        <v>952737</v>
      </c>
      <c r="AZ34" s="104">
        <v>681148</v>
      </c>
      <c r="BA34" s="104">
        <v>547117</v>
      </c>
      <c r="BB34" s="104">
        <v>449654</v>
      </c>
      <c r="BC34" s="104">
        <v>614353</v>
      </c>
      <c r="BD34" s="103">
        <v>3245009</v>
      </c>
      <c r="BE34" s="106">
        <v>3462387</v>
      </c>
      <c r="BF34" s="100">
        <v>0</v>
      </c>
      <c r="BG34" s="104">
        <v>33264</v>
      </c>
      <c r="BH34" s="102">
        <v>33264</v>
      </c>
      <c r="BI34" s="101">
        <v>0</v>
      </c>
      <c r="BJ34" s="104">
        <v>52580</v>
      </c>
      <c r="BK34" s="104">
        <v>30592</v>
      </c>
      <c r="BL34" s="104">
        <v>72567</v>
      </c>
      <c r="BM34" s="104">
        <v>54815</v>
      </c>
      <c r="BN34" s="104">
        <v>0</v>
      </c>
      <c r="BO34" s="103">
        <v>210554</v>
      </c>
      <c r="BP34" s="106">
        <v>243818</v>
      </c>
      <c r="BQ34" s="100">
        <v>21852</v>
      </c>
      <c r="BR34" s="104">
        <v>16641</v>
      </c>
      <c r="BS34" s="103">
        <v>38493</v>
      </c>
      <c r="BT34" s="100">
        <v>0</v>
      </c>
      <c r="BU34" s="104">
        <v>246437</v>
      </c>
      <c r="BV34" s="104">
        <v>426375</v>
      </c>
      <c r="BW34" s="104">
        <v>310939</v>
      </c>
      <c r="BX34" s="104">
        <v>341724</v>
      </c>
      <c r="BY34" s="104">
        <v>178298</v>
      </c>
      <c r="BZ34" s="103">
        <v>1503773</v>
      </c>
      <c r="CA34" s="106">
        <v>1542266</v>
      </c>
      <c r="CB34" s="100">
        <v>61618</v>
      </c>
      <c r="CC34" s="104">
        <v>164855</v>
      </c>
      <c r="CD34" s="103">
        <v>226473</v>
      </c>
      <c r="CE34" s="100">
        <v>0</v>
      </c>
      <c r="CF34" s="104">
        <v>2452155</v>
      </c>
      <c r="CG34" s="104">
        <v>3294855</v>
      </c>
      <c r="CH34" s="104">
        <v>3473852</v>
      </c>
      <c r="CI34" s="104">
        <v>1745752</v>
      </c>
      <c r="CJ34" s="104">
        <v>1202657</v>
      </c>
      <c r="CK34" s="103">
        <v>12169271</v>
      </c>
      <c r="CL34" s="106">
        <v>12395744</v>
      </c>
      <c r="CM34" s="100">
        <v>0</v>
      </c>
      <c r="CN34" s="104">
        <v>0</v>
      </c>
      <c r="CO34" s="103">
        <v>0</v>
      </c>
      <c r="CP34" s="101">
        <v>0</v>
      </c>
      <c r="CQ34" s="104">
        <v>1772203</v>
      </c>
      <c r="CR34" s="104">
        <v>2795520</v>
      </c>
      <c r="CS34" s="104">
        <v>2559525</v>
      </c>
      <c r="CT34" s="104">
        <v>1591681</v>
      </c>
      <c r="CU34" s="104">
        <v>884724</v>
      </c>
      <c r="CV34" s="103">
        <v>9603653</v>
      </c>
      <c r="CW34" s="106">
        <v>9603653</v>
      </c>
      <c r="CX34" s="100">
        <v>61618</v>
      </c>
      <c r="CY34" s="104">
        <v>164855</v>
      </c>
      <c r="CZ34" s="103">
        <v>226473</v>
      </c>
      <c r="DA34" s="100">
        <v>0</v>
      </c>
      <c r="DB34" s="104">
        <v>679952</v>
      </c>
      <c r="DC34" s="104">
        <v>499335</v>
      </c>
      <c r="DD34" s="104">
        <v>914327</v>
      </c>
      <c r="DE34" s="104">
        <v>154071</v>
      </c>
      <c r="DF34" s="104">
        <v>317933</v>
      </c>
      <c r="DG34" s="103">
        <v>2565618</v>
      </c>
      <c r="DH34" s="106">
        <v>2792091</v>
      </c>
      <c r="DI34" s="100">
        <v>0</v>
      </c>
      <c r="DJ34" s="104">
        <v>0</v>
      </c>
      <c r="DK34" s="102">
        <v>0</v>
      </c>
      <c r="DL34" s="101">
        <v>0</v>
      </c>
      <c r="DM34" s="104">
        <v>458093</v>
      </c>
      <c r="DN34" s="104">
        <v>557378</v>
      </c>
      <c r="DO34" s="104">
        <v>1364017</v>
      </c>
      <c r="DP34" s="104">
        <v>1534848</v>
      </c>
      <c r="DQ34" s="104">
        <v>899576</v>
      </c>
      <c r="DR34" s="103">
        <v>4813912</v>
      </c>
      <c r="DS34" s="106">
        <v>4813912</v>
      </c>
      <c r="DT34" s="100">
        <v>0</v>
      </c>
      <c r="DU34" s="104">
        <v>0</v>
      </c>
      <c r="DV34" s="103">
        <v>0</v>
      </c>
      <c r="DW34" s="100">
        <v>0</v>
      </c>
      <c r="DX34" s="104">
        <v>406648</v>
      </c>
      <c r="DY34" s="104">
        <v>474175</v>
      </c>
      <c r="DZ34" s="104">
        <v>1324525</v>
      </c>
      <c r="EA34" s="104">
        <v>1291185</v>
      </c>
      <c r="EB34" s="104">
        <v>899576</v>
      </c>
      <c r="EC34" s="103">
        <v>4396109</v>
      </c>
      <c r="ED34" s="106">
        <v>4396109</v>
      </c>
      <c r="EE34" s="100">
        <v>0</v>
      </c>
      <c r="EF34" s="102">
        <v>0</v>
      </c>
      <c r="EG34" s="103">
        <v>0</v>
      </c>
      <c r="EH34" s="100">
        <v>0</v>
      </c>
      <c r="EI34" s="104">
        <v>51445</v>
      </c>
      <c r="EJ34" s="104">
        <v>83203</v>
      </c>
      <c r="EK34" s="104">
        <v>39492</v>
      </c>
      <c r="EL34" s="104">
        <v>243663</v>
      </c>
      <c r="EM34" s="104">
        <v>0</v>
      </c>
      <c r="EN34" s="102">
        <v>417803</v>
      </c>
      <c r="EO34" s="106">
        <v>417803</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06">
        <v>0</v>
      </c>
      <c r="FE34" s="104">
        <v>0</v>
      </c>
      <c r="FF34" s="104">
        <v>0</v>
      </c>
      <c r="FG34" s="104">
        <v>0</v>
      </c>
      <c r="FH34" s="104">
        <v>0</v>
      </c>
      <c r="FI34" s="104">
        <v>0</v>
      </c>
      <c r="FJ34" s="103">
        <v>0</v>
      </c>
      <c r="FK34" s="106">
        <v>0</v>
      </c>
      <c r="FL34" s="100">
        <v>245238</v>
      </c>
      <c r="FM34" s="104">
        <v>219996</v>
      </c>
      <c r="FN34" s="103">
        <v>465234</v>
      </c>
      <c r="FO34" s="100">
        <v>0</v>
      </c>
      <c r="FP34" s="104">
        <v>658007</v>
      </c>
      <c r="FQ34" s="104">
        <v>975144</v>
      </c>
      <c r="FR34" s="104">
        <v>790003</v>
      </c>
      <c r="FS34" s="104">
        <v>811263</v>
      </c>
      <c r="FT34" s="104">
        <v>610544</v>
      </c>
      <c r="FU34" s="103">
        <v>3844961</v>
      </c>
      <c r="FV34" s="106">
        <v>4310195</v>
      </c>
      <c r="FW34" s="105">
        <v>175938</v>
      </c>
      <c r="FX34" s="104">
        <v>219996</v>
      </c>
      <c r="FY34" s="102">
        <v>395934</v>
      </c>
      <c r="FZ34" s="101">
        <v>0</v>
      </c>
      <c r="GA34" s="104">
        <v>426480</v>
      </c>
      <c r="GB34" s="104">
        <v>784074</v>
      </c>
      <c r="GC34" s="104">
        <v>790003</v>
      </c>
      <c r="GD34" s="104">
        <v>811263</v>
      </c>
      <c r="GE34" s="104">
        <v>581240</v>
      </c>
      <c r="GF34" s="103">
        <v>3393060</v>
      </c>
      <c r="GG34" s="290">
        <v>3788994</v>
      </c>
      <c r="GH34" s="105">
        <v>69300</v>
      </c>
      <c r="GI34" s="104">
        <v>0</v>
      </c>
      <c r="GJ34" s="102">
        <v>69300</v>
      </c>
      <c r="GK34" s="101">
        <v>0</v>
      </c>
      <c r="GL34" s="104">
        <v>51527</v>
      </c>
      <c r="GM34" s="104">
        <v>0</v>
      </c>
      <c r="GN34" s="104">
        <v>0</v>
      </c>
      <c r="GO34" s="104">
        <v>0</v>
      </c>
      <c r="GP34" s="104">
        <v>29304</v>
      </c>
      <c r="GQ34" s="103">
        <v>80831</v>
      </c>
      <c r="GR34" s="106">
        <v>150131</v>
      </c>
      <c r="GS34" s="100">
        <v>0</v>
      </c>
      <c r="GT34" s="104">
        <v>0</v>
      </c>
      <c r="GU34" s="103">
        <v>0</v>
      </c>
      <c r="GV34" s="100">
        <v>0</v>
      </c>
      <c r="GW34" s="104">
        <v>180000</v>
      </c>
      <c r="GX34" s="104">
        <v>191070</v>
      </c>
      <c r="GY34" s="104">
        <v>0</v>
      </c>
      <c r="GZ34" s="104">
        <v>0</v>
      </c>
      <c r="HA34" s="104">
        <v>0</v>
      </c>
      <c r="HB34" s="102">
        <v>371070</v>
      </c>
      <c r="HC34" s="106">
        <v>371070</v>
      </c>
      <c r="HD34" s="100">
        <v>85334</v>
      </c>
      <c r="HE34" s="104">
        <v>98478</v>
      </c>
      <c r="HF34" s="102">
        <v>183812</v>
      </c>
      <c r="HG34" s="101">
        <v>0</v>
      </c>
      <c r="HH34" s="104">
        <v>1797312</v>
      </c>
      <c r="HI34" s="104">
        <v>1520720</v>
      </c>
      <c r="HJ34" s="104">
        <v>1358855</v>
      </c>
      <c r="HK34" s="104">
        <v>1872894</v>
      </c>
      <c r="HL34" s="104">
        <v>852813</v>
      </c>
      <c r="HM34" s="103">
        <v>7402594</v>
      </c>
      <c r="HN34" s="99">
        <v>7586406</v>
      </c>
      <c r="HO34" s="105">
        <v>138780</v>
      </c>
      <c r="HP34" s="104">
        <v>182580</v>
      </c>
      <c r="HQ34" s="103">
        <v>321360</v>
      </c>
      <c r="HR34" s="100">
        <v>0</v>
      </c>
      <c r="HS34" s="104">
        <v>1268504</v>
      </c>
      <c r="HT34" s="104">
        <v>1117783</v>
      </c>
      <c r="HU34" s="104">
        <v>1118877</v>
      </c>
      <c r="HV34" s="104">
        <v>645259</v>
      </c>
      <c r="HW34" s="104">
        <v>406992</v>
      </c>
      <c r="HX34" s="102">
        <v>4557415</v>
      </c>
      <c r="HY34" s="106">
        <v>4878775</v>
      </c>
      <c r="HZ34" s="135">
        <v>0</v>
      </c>
      <c r="IA34" s="122">
        <v>88056</v>
      </c>
      <c r="IB34" s="135">
        <v>88056</v>
      </c>
      <c r="IC34" s="121">
        <v>0</v>
      </c>
      <c r="ID34" s="122">
        <v>3386840</v>
      </c>
      <c r="IE34" s="123">
        <v>3756584</v>
      </c>
      <c r="IF34" s="124">
        <v>7726533</v>
      </c>
      <c r="IG34" s="122">
        <v>4371825</v>
      </c>
      <c r="IH34" s="124">
        <v>1978821</v>
      </c>
      <c r="II34" s="125">
        <v>21220603</v>
      </c>
      <c r="IJ34" s="135">
        <v>21308659</v>
      </c>
      <c r="IK34" s="215">
        <v>0</v>
      </c>
      <c r="IL34" s="219">
        <v>0</v>
      </c>
      <c r="IM34" s="220">
        <v>0</v>
      </c>
      <c r="IN34" s="127">
        <v>0</v>
      </c>
      <c r="IO34" s="109">
        <v>114557</v>
      </c>
      <c r="IP34" s="109">
        <v>0</v>
      </c>
      <c r="IQ34" s="109">
        <v>145168</v>
      </c>
      <c r="IR34" s="109">
        <v>0</v>
      </c>
      <c r="IS34" s="109">
        <v>0</v>
      </c>
      <c r="IT34" s="128">
        <v>259725</v>
      </c>
      <c r="IU34" s="292">
        <v>259725</v>
      </c>
      <c r="IV34" s="129">
        <v>0</v>
      </c>
      <c r="IW34" s="109">
        <v>0</v>
      </c>
      <c r="IX34" s="110">
        <v>0</v>
      </c>
      <c r="IY34" s="443">
        <v>0</v>
      </c>
      <c r="IZ34" s="109">
        <v>0</v>
      </c>
      <c r="JA34" s="109">
        <v>0</v>
      </c>
      <c r="JB34" s="109">
        <v>0</v>
      </c>
      <c r="JC34" s="109">
        <v>0</v>
      </c>
      <c r="JD34" s="109">
        <v>0</v>
      </c>
      <c r="JE34" s="110">
        <v>0</v>
      </c>
      <c r="JF34" s="111">
        <v>0</v>
      </c>
      <c r="JG34" s="129">
        <v>0</v>
      </c>
      <c r="JH34" s="109">
        <v>0</v>
      </c>
      <c r="JI34" s="128">
        <v>0</v>
      </c>
      <c r="JJ34" s="108">
        <v>0</v>
      </c>
      <c r="JK34" s="109">
        <v>871552</v>
      </c>
      <c r="JL34" s="109">
        <v>974648</v>
      </c>
      <c r="JM34" s="109">
        <v>662538</v>
      </c>
      <c r="JN34" s="109">
        <v>252654</v>
      </c>
      <c r="JO34" s="109">
        <v>0</v>
      </c>
      <c r="JP34" s="110">
        <v>2761392</v>
      </c>
      <c r="JQ34" s="292">
        <v>2761392</v>
      </c>
      <c r="JR34" s="129">
        <v>0</v>
      </c>
      <c r="JS34" s="109">
        <v>0</v>
      </c>
      <c r="JT34" s="128">
        <v>0</v>
      </c>
      <c r="JU34" s="108">
        <v>0</v>
      </c>
      <c r="JV34" s="109">
        <v>95094</v>
      </c>
      <c r="JW34" s="109">
        <v>0</v>
      </c>
      <c r="JX34" s="109">
        <v>0</v>
      </c>
      <c r="JY34" s="109">
        <v>0</v>
      </c>
      <c r="JZ34" s="109">
        <v>0</v>
      </c>
      <c r="KA34" s="110">
        <v>95094</v>
      </c>
      <c r="KB34" s="292">
        <v>95094</v>
      </c>
      <c r="KC34" s="217">
        <v>0</v>
      </c>
      <c r="KD34" s="213">
        <v>88056</v>
      </c>
      <c r="KE34" s="110">
        <v>88056</v>
      </c>
      <c r="KF34" s="108">
        <v>0</v>
      </c>
      <c r="KG34" s="109">
        <v>1102472</v>
      </c>
      <c r="KH34" s="109">
        <v>830907</v>
      </c>
      <c r="KI34" s="109">
        <v>1151311</v>
      </c>
      <c r="KJ34" s="109">
        <v>1465560</v>
      </c>
      <c r="KK34" s="109">
        <v>321453</v>
      </c>
      <c r="KL34" s="110">
        <v>4871703</v>
      </c>
      <c r="KM34" s="130">
        <v>4959759</v>
      </c>
      <c r="KN34" s="215">
        <v>0</v>
      </c>
      <c r="KO34" s="219">
        <v>0</v>
      </c>
      <c r="KP34" s="220">
        <v>0</v>
      </c>
      <c r="KQ34" s="443">
        <v>0</v>
      </c>
      <c r="KR34" s="109">
        <v>1203165</v>
      </c>
      <c r="KS34" s="109">
        <v>1951029</v>
      </c>
      <c r="KT34" s="109">
        <v>2315664</v>
      </c>
      <c r="KU34" s="109">
        <v>846585</v>
      </c>
      <c r="KV34" s="109">
        <v>590256</v>
      </c>
      <c r="KW34" s="110">
        <v>6906699</v>
      </c>
      <c r="KX34" s="292">
        <v>6906699</v>
      </c>
      <c r="KY34" s="129">
        <v>0</v>
      </c>
      <c r="KZ34" s="109">
        <v>0</v>
      </c>
      <c r="LA34" s="110">
        <v>0</v>
      </c>
      <c r="LB34" s="443">
        <v>0</v>
      </c>
      <c r="LC34" s="109">
        <v>0</v>
      </c>
      <c r="LD34" s="109">
        <v>0</v>
      </c>
      <c r="LE34" s="109">
        <v>0</v>
      </c>
      <c r="LF34" s="109">
        <v>0</v>
      </c>
      <c r="LG34" s="109">
        <v>0</v>
      </c>
      <c r="LH34" s="110">
        <v>0</v>
      </c>
      <c r="LI34" s="111">
        <v>0</v>
      </c>
      <c r="LJ34" s="129">
        <v>0</v>
      </c>
      <c r="LK34" s="109">
        <v>0</v>
      </c>
      <c r="LL34" s="110">
        <v>0</v>
      </c>
      <c r="LM34" s="443">
        <v>0</v>
      </c>
      <c r="LN34" s="109">
        <v>0</v>
      </c>
      <c r="LO34" s="109">
        <v>0</v>
      </c>
      <c r="LP34" s="109">
        <v>3451852</v>
      </c>
      <c r="LQ34" s="109">
        <v>1807026</v>
      </c>
      <c r="LR34" s="109">
        <v>1067112</v>
      </c>
      <c r="LS34" s="110">
        <v>6325990</v>
      </c>
      <c r="LT34" s="292">
        <v>6325990</v>
      </c>
      <c r="LU34" s="129">
        <v>0</v>
      </c>
      <c r="LV34" s="109">
        <v>0</v>
      </c>
      <c r="LW34" s="110">
        <v>0</v>
      </c>
      <c r="LX34" s="443">
        <v>0</v>
      </c>
      <c r="LY34" s="109">
        <v>0</v>
      </c>
      <c r="LZ34" s="109">
        <v>0</v>
      </c>
      <c r="MA34" s="109">
        <v>0</v>
      </c>
      <c r="MB34" s="109">
        <v>0</v>
      </c>
      <c r="MC34" s="109">
        <v>0</v>
      </c>
      <c r="MD34" s="110">
        <v>0</v>
      </c>
      <c r="ME34" s="111">
        <v>0</v>
      </c>
      <c r="MF34" s="129">
        <v>0</v>
      </c>
      <c r="MG34" s="109">
        <v>0</v>
      </c>
      <c r="MH34" s="110">
        <v>0</v>
      </c>
      <c r="MI34" s="443">
        <v>0</v>
      </c>
      <c r="MJ34" s="109">
        <v>580620</v>
      </c>
      <c r="MK34" s="109">
        <v>2742468</v>
      </c>
      <c r="ML34" s="109">
        <v>5487519</v>
      </c>
      <c r="MM34" s="109">
        <v>12249537</v>
      </c>
      <c r="MN34" s="109">
        <v>8156702</v>
      </c>
      <c r="MO34" s="110">
        <v>29216846</v>
      </c>
      <c r="MP34" s="130">
        <v>29216846</v>
      </c>
      <c r="MQ34" s="129">
        <v>0</v>
      </c>
      <c r="MR34" s="109">
        <v>0</v>
      </c>
      <c r="MS34" s="110">
        <v>0</v>
      </c>
      <c r="MT34" s="443">
        <v>0</v>
      </c>
      <c r="MU34" s="109">
        <v>0</v>
      </c>
      <c r="MV34" s="109">
        <v>431979</v>
      </c>
      <c r="MW34" s="109">
        <v>2434232</v>
      </c>
      <c r="MX34" s="109">
        <v>7263878</v>
      </c>
      <c r="MY34" s="109">
        <v>5548263</v>
      </c>
      <c r="MZ34" s="110">
        <v>15678352</v>
      </c>
      <c r="NA34" s="130">
        <v>15678352</v>
      </c>
      <c r="NB34" s="129">
        <v>0</v>
      </c>
      <c r="NC34" s="109">
        <v>0</v>
      </c>
      <c r="ND34" s="110">
        <v>0</v>
      </c>
      <c r="NE34" s="443">
        <v>0</v>
      </c>
      <c r="NF34" s="109">
        <v>580620</v>
      </c>
      <c r="NG34" s="109">
        <v>2310489</v>
      </c>
      <c r="NH34" s="109">
        <v>3053287</v>
      </c>
      <c r="NI34" s="109">
        <v>4985659</v>
      </c>
      <c r="NJ34" s="109">
        <v>2608439</v>
      </c>
      <c r="NK34" s="110">
        <v>13538494</v>
      </c>
      <c r="NL34" s="292">
        <v>13538494</v>
      </c>
      <c r="NM34" s="129">
        <v>0</v>
      </c>
      <c r="NN34" s="109">
        <v>0</v>
      </c>
      <c r="NO34" s="110">
        <v>0</v>
      </c>
      <c r="NP34" s="443">
        <v>0</v>
      </c>
      <c r="NQ34" s="109">
        <v>0</v>
      </c>
      <c r="NR34" s="109">
        <v>0</v>
      </c>
      <c r="NS34" s="109">
        <v>0</v>
      </c>
      <c r="NT34" s="109">
        <v>0</v>
      </c>
      <c r="NU34" s="109">
        <v>0</v>
      </c>
      <c r="NV34" s="110">
        <v>0</v>
      </c>
      <c r="NW34" s="111">
        <v>0</v>
      </c>
      <c r="NX34" s="129">
        <v>0</v>
      </c>
      <c r="NY34" s="109">
        <v>0</v>
      </c>
      <c r="NZ34" s="110">
        <v>0</v>
      </c>
      <c r="OA34" s="443">
        <v>0</v>
      </c>
      <c r="OB34" s="109">
        <v>0</v>
      </c>
      <c r="OC34" s="109">
        <v>0</v>
      </c>
      <c r="OD34" s="109">
        <v>0</v>
      </c>
      <c r="OE34" s="109">
        <v>0</v>
      </c>
      <c r="OF34" s="109">
        <v>0</v>
      </c>
      <c r="OG34" s="110">
        <v>0</v>
      </c>
      <c r="OH34" s="111">
        <v>0</v>
      </c>
      <c r="OI34" s="129">
        <v>576654</v>
      </c>
      <c r="OJ34" s="109">
        <v>997416</v>
      </c>
      <c r="OK34" s="128">
        <v>1574070</v>
      </c>
      <c r="OL34" s="108">
        <v>0</v>
      </c>
      <c r="OM34" s="109">
        <v>12796182</v>
      </c>
      <c r="ON34" s="109">
        <v>16131576</v>
      </c>
      <c r="OO34" s="109">
        <v>24198787</v>
      </c>
      <c r="OP34" s="109">
        <v>26348705</v>
      </c>
      <c r="OQ34" s="109">
        <v>17968058</v>
      </c>
      <c r="OR34" s="110">
        <v>97443308</v>
      </c>
      <c r="OS34" s="130">
        <v>99017378</v>
      </c>
    </row>
    <row r="35" spans="2:409" ht="21" customHeight="1" x14ac:dyDescent="0.2">
      <c r="B35" s="437" t="s">
        <v>30</v>
      </c>
      <c r="C35" s="100">
        <v>884766</v>
      </c>
      <c r="D35" s="104">
        <v>982969</v>
      </c>
      <c r="E35" s="157">
        <v>1867735</v>
      </c>
      <c r="F35" s="158">
        <v>0</v>
      </c>
      <c r="G35" s="159">
        <v>7647242</v>
      </c>
      <c r="H35" s="159">
        <v>7115758</v>
      </c>
      <c r="I35" s="159">
        <v>8083521</v>
      </c>
      <c r="J35" s="159">
        <v>8873334</v>
      </c>
      <c r="K35" s="159">
        <v>2901248</v>
      </c>
      <c r="L35" s="160">
        <v>34621103</v>
      </c>
      <c r="M35" s="106">
        <v>36488838</v>
      </c>
      <c r="N35" s="100">
        <v>153188</v>
      </c>
      <c r="O35" s="104">
        <v>286108</v>
      </c>
      <c r="P35" s="103">
        <v>439296</v>
      </c>
      <c r="Q35" s="100">
        <v>0</v>
      </c>
      <c r="R35" s="104">
        <v>2110193</v>
      </c>
      <c r="S35" s="104">
        <v>2033060</v>
      </c>
      <c r="T35" s="104">
        <v>2789841</v>
      </c>
      <c r="U35" s="104">
        <v>4206193</v>
      </c>
      <c r="V35" s="104">
        <v>1615459</v>
      </c>
      <c r="W35" s="103">
        <v>12754746</v>
      </c>
      <c r="X35" s="106">
        <v>13194042</v>
      </c>
      <c r="Y35" s="100">
        <v>0</v>
      </c>
      <c r="Z35" s="104">
        <v>0</v>
      </c>
      <c r="AA35" s="103">
        <v>0</v>
      </c>
      <c r="AB35" s="100">
        <v>0</v>
      </c>
      <c r="AC35" s="104">
        <v>471120</v>
      </c>
      <c r="AD35" s="104">
        <v>979635</v>
      </c>
      <c r="AE35" s="104">
        <v>1495742</v>
      </c>
      <c r="AF35" s="104">
        <v>2470501</v>
      </c>
      <c r="AG35" s="104">
        <v>1067930</v>
      </c>
      <c r="AH35" s="103">
        <v>6484928</v>
      </c>
      <c r="AI35" s="106">
        <v>6484928</v>
      </c>
      <c r="AJ35" s="100">
        <v>0</v>
      </c>
      <c r="AK35" s="104">
        <v>0</v>
      </c>
      <c r="AL35" s="103">
        <v>0</v>
      </c>
      <c r="AM35" s="100">
        <v>0</v>
      </c>
      <c r="AN35" s="104">
        <v>129855</v>
      </c>
      <c r="AO35" s="104">
        <v>0</v>
      </c>
      <c r="AP35" s="104">
        <v>193315</v>
      </c>
      <c r="AQ35" s="104">
        <v>430586</v>
      </c>
      <c r="AR35" s="104">
        <v>185886</v>
      </c>
      <c r="AS35" s="103">
        <v>939642</v>
      </c>
      <c r="AT35" s="106">
        <v>939642</v>
      </c>
      <c r="AU35" s="100">
        <v>125450</v>
      </c>
      <c r="AV35" s="104">
        <v>276055</v>
      </c>
      <c r="AW35" s="103">
        <v>401505</v>
      </c>
      <c r="AX35" s="100">
        <v>0</v>
      </c>
      <c r="AY35" s="104">
        <v>1068457</v>
      </c>
      <c r="AZ35" s="104">
        <v>772179</v>
      </c>
      <c r="BA35" s="104">
        <v>733190</v>
      </c>
      <c r="BB35" s="104">
        <v>788142</v>
      </c>
      <c r="BC35" s="104">
        <v>242339</v>
      </c>
      <c r="BD35" s="103">
        <v>3604307</v>
      </c>
      <c r="BE35" s="106">
        <v>4005812</v>
      </c>
      <c r="BF35" s="100">
        <v>0</v>
      </c>
      <c r="BG35" s="104">
        <v>0</v>
      </c>
      <c r="BH35" s="102">
        <v>0</v>
      </c>
      <c r="BI35" s="101">
        <v>0</v>
      </c>
      <c r="BJ35" s="104">
        <v>117639</v>
      </c>
      <c r="BK35" s="104">
        <v>76308</v>
      </c>
      <c r="BL35" s="104">
        <v>109035</v>
      </c>
      <c r="BM35" s="104">
        <v>68832</v>
      </c>
      <c r="BN35" s="104">
        <v>0</v>
      </c>
      <c r="BO35" s="103">
        <v>371814</v>
      </c>
      <c r="BP35" s="106">
        <v>371814</v>
      </c>
      <c r="BQ35" s="100">
        <v>27738</v>
      </c>
      <c r="BR35" s="104">
        <v>10053</v>
      </c>
      <c r="BS35" s="103">
        <v>37791</v>
      </c>
      <c r="BT35" s="100">
        <v>0</v>
      </c>
      <c r="BU35" s="104">
        <v>323122</v>
      </c>
      <c r="BV35" s="104">
        <v>204938</v>
      </c>
      <c r="BW35" s="104">
        <v>258559</v>
      </c>
      <c r="BX35" s="104">
        <v>448132</v>
      </c>
      <c r="BY35" s="104">
        <v>119304</v>
      </c>
      <c r="BZ35" s="103">
        <v>1354055</v>
      </c>
      <c r="CA35" s="106">
        <v>1391846</v>
      </c>
      <c r="CB35" s="100">
        <v>124216</v>
      </c>
      <c r="CC35" s="104">
        <v>294810</v>
      </c>
      <c r="CD35" s="103">
        <v>419026</v>
      </c>
      <c r="CE35" s="100">
        <v>0</v>
      </c>
      <c r="CF35" s="104">
        <v>2325055</v>
      </c>
      <c r="CG35" s="104">
        <v>1960072</v>
      </c>
      <c r="CH35" s="104">
        <v>1803750</v>
      </c>
      <c r="CI35" s="104">
        <v>1341608</v>
      </c>
      <c r="CJ35" s="104">
        <v>278974</v>
      </c>
      <c r="CK35" s="103">
        <v>7709459</v>
      </c>
      <c r="CL35" s="106">
        <v>8128485</v>
      </c>
      <c r="CM35" s="100">
        <v>0</v>
      </c>
      <c r="CN35" s="104">
        <v>0</v>
      </c>
      <c r="CO35" s="103">
        <v>0</v>
      </c>
      <c r="CP35" s="101">
        <v>0</v>
      </c>
      <c r="CQ35" s="104">
        <v>1942232</v>
      </c>
      <c r="CR35" s="104">
        <v>1551077</v>
      </c>
      <c r="CS35" s="104">
        <v>1525008</v>
      </c>
      <c r="CT35" s="104">
        <v>1043360</v>
      </c>
      <c r="CU35" s="104">
        <v>171558</v>
      </c>
      <c r="CV35" s="103">
        <v>6233235</v>
      </c>
      <c r="CW35" s="106">
        <v>6233235</v>
      </c>
      <c r="CX35" s="100">
        <v>124216</v>
      </c>
      <c r="CY35" s="104">
        <v>294810</v>
      </c>
      <c r="CZ35" s="103">
        <v>419026</v>
      </c>
      <c r="DA35" s="100">
        <v>0</v>
      </c>
      <c r="DB35" s="104">
        <v>382823</v>
      </c>
      <c r="DC35" s="104">
        <v>408995</v>
      </c>
      <c r="DD35" s="104">
        <v>278742</v>
      </c>
      <c r="DE35" s="104">
        <v>298248</v>
      </c>
      <c r="DF35" s="104">
        <v>107416</v>
      </c>
      <c r="DG35" s="103">
        <v>1476224</v>
      </c>
      <c r="DH35" s="106">
        <v>1895250</v>
      </c>
      <c r="DI35" s="100">
        <v>0</v>
      </c>
      <c r="DJ35" s="104">
        <v>25785</v>
      </c>
      <c r="DK35" s="102">
        <v>25785</v>
      </c>
      <c r="DL35" s="101">
        <v>0</v>
      </c>
      <c r="DM35" s="104">
        <v>399769</v>
      </c>
      <c r="DN35" s="104">
        <v>480173</v>
      </c>
      <c r="DO35" s="104">
        <v>664483</v>
      </c>
      <c r="DP35" s="104">
        <v>907128</v>
      </c>
      <c r="DQ35" s="104">
        <v>127448</v>
      </c>
      <c r="DR35" s="103">
        <v>2579001</v>
      </c>
      <c r="DS35" s="106">
        <v>2604786</v>
      </c>
      <c r="DT35" s="100">
        <v>0</v>
      </c>
      <c r="DU35" s="104">
        <v>25785</v>
      </c>
      <c r="DV35" s="103">
        <v>25785</v>
      </c>
      <c r="DW35" s="100">
        <v>0</v>
      </c>
      <c r="DX35" s="104">
        <v>399769</v>
      </c>
      <c r="DY35" s="104">
        <v>430972</v>
      </c>
      <c r="DZ35" s="104">
        <v>664483</v>
      </c>
      <c r="EA35" s="104">
        <v>907128</v>
      </c>
      <c r="EB35" s="104">
        <v>72853</v>
      </c>
      <c r="EC35" s="103">
        <v>2475205</v>
      </c>
      <c r="ED35" s="106">
        <v>2500990</v>
      </c>
      <c r="EE35" s="100">
        <v>0</v>
      </c>
      <c r="EF35" s="102">
        <v>0</v>
      </c>
      <c r="EG35" s="103">
        <v>0</v>
      </c>
      <c r="EH35" s="100">
        <v>0</v>
      </c>
      <c r="EI35" s="104">
        <v>0</v>
      </c>
      <c r="EJ35" s="104">
        <v>49201</v>
      </c>
      <c r="EK35" s="104">
        <v>0</v>
      </c>
      <c r="EL35" s="104">
        <v>0</v>
      </c>
      <c r="EM35" s="104">
        <v>54595</v>
      </c>
      <c r="EN35" s="102">
        <v>103796</v>
      </c>
      <c r="EO35" s="106">
        <v>103796</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06">
        <v>0</v>
      </c>
      <c r="FE35" s="104">
        <v>0</v>
      </c>
      <c r="FF35" s="104">
        <v>0</v>
      </c>
      <c r="FG35" s="104">
        <v>0</v>
      </c>
      <c r="FH35" s="104">
        <v>0</v>
      </c>
      <c r="FI35" s="104">
        <v>0</v>
      </c>
      <c r="FJ35" s="103">
        <v>0</v>
      </c>
      <c r="FK35" s="106">
        <v>0</v>
      </c>
      <c r="FL35" s="100">
        <v>275780</v>
      </c>
      <c r="FM35" s="104">
        <v>222726</v>
      </c>
      <c r="FN35" s="103">
        <v>498506</v>
      </c>
      <c r="FO35" s="100">
        <v>0</v>
      </c>
      <c r="FP35" s="104">
        <v>475719</v>
      </c>
      <c r="FQ35" s="104">
        <v>576050</v>
      </c>
      <c r="FR35" s="104">
        <v>970013</v>
      </c>
      <c r="FS35" s="104">
        <v>642543</v>
      </c>
      <c r="FT35" s="104">
        <v>200070</v>
      </c>
      <c r="FU35" s="103">
        <v>2864395</v>
      </c>
      <c r="FV35" s="106">
        <v>3362901</v>
      </c>
      <c r="FW35" s="105">
        <v>252740</v>
      </c>
      <c r="FX35" s="104">
        <v>186294</v>
      </c>
      <c r="FY35" s="102">
        <v>439034</v>
      </c>
      <c r="FZ35" s="101">
        <v>0</v>
      </c>
      <c r="GA35" s="104">
        <v>464829</v>
      </c>
      <c r="GB35" s="104">
        <v>576050</v>
      </c>
      <c r="GC35" s="104">
        <v>880013</v>
      </c>
      <c r="GD35" s="104">
        <v>642543</v>
      </c>
      <c r="GE35" s="104">
        <v>200070</v>
      </c>
      <c r="GF35" s="103">
        <v>2763505</v>
      </c>
      <c r="GG35" s="290">
        <v>3202539</v>
      </c>
      <c r="GH35" s="105">
        <v>23040</v>
      </c>
      <c r="GI35" s="104">
        <v>36432</v>
      </c>
      <c r="GJ35" s="102">
        <v>59472</v>
      </c>
      <c r="GK35" s="101">
        <v>0</v>
      </c>
      <c r="GL35" s="104">
        <v>10890</v>
      </c>
      <c r="GM35" s="104">
        <v>0</v>
      </c>
      <c r="GN35" s="104">
        <v>90000</v>
      </c>
      <c r="GO35" s="104">
        <v>0</v>
      </c>
      <c r="GP35" s="104">
        <v>0</v>
      </c>
      <c r="GQ35" s="103">
        <v>100890</v>
      </c>
      <c r="GR35" s="106">
        <v>160362</v>
      </c>
      <c r="GS35" s="100">
        <v>0</v>
      </c>
      <c r="GT35" s="104">
        <v>0</v>
      </c>
      <c r="GU35" s="103">
        <v>0</v>
      </c>
      <c r="GV35" s="100">
        <v>0</v>
      </c>
      <c r="GW35" s="104">
        <v>0</v>
      </c>
      <c r="GX35" s="104">
        <v>0</v>
      </c>
      <c r="GY35" s="104">
        <v>0</v>
      </c>
      <c r="GZ35" s="104">
        <v>0</v>
      </c>
      <c r="HA35" s="104">
        <v>0</v>
      </c>
      <c r="HB35" s="102">
        <v>0</v>
      </c>
      <c r="HC35" s="106">
        <v>0</v>
      </c>
      <c r="HD35" s="100">
        <v>153073</v>
      </c>
      <c r="HE35" s="104">
        <v>0</v>
      </c>
      <c r="HF35" s="102">
        <v>153073</v>
      </c>
      <c r="HG35" s="101">
        <v>0</v>
      </c>
      <c r="HH35" s="104">
        <v>1143612</v>
      </c>
      <c r="HI35" s="104">
        <v>1302896</v>
      </c>
      <c r="HJ35" s="104">
        <v>1136059</v>
      </c>
      <c r="HK35" s="104">
        <v>1217184</v>
      </c>
      <c r="HL35" s="104">
        <v>525730</v>
      </c>
      <c r="HM35" s="103">
        <v>5325481</v>
      </c>
      <c r="HN35" s="99">
        <v>5478554</v>
      </c>
      <c r="HO35" s="105">
        <v>178509</v>
      </c>
      <c r="HP35" s="104">
        <v>153540</v>
      </c>
      <c r="HQ35" s="103">
        <v>332049</v>
      </c>
      <c r="HR35" s="100">
        <v>0</v>
      </c>
      <c r="HS35" s="104">
        <v>1192894</v>
      </c>
      <c r="HT35" s="104">
        <v>763507</v>
      </c>
      <c r="HU35" s="104">
        <v>719375</v>
      </c>
      <c r="HV35" s="104">
        <v>558678</v>
      </c>
      <c r="HW35" s="104">
        <v>153567</v>
      </c>
      <c r="HX35" s="102">
        <v>3388021</v>
      </c>
      <c r="HY35" s="106">
        <v>3720070</v>
      </c>
      <c r="HZ35" s="118">
        <v>0</v>
      </c>
      <c r="IA35" s="119">
        <v>0</v>
      </c>
      <c r="IB35" s="120">
        <v>0</v>
      </c>
      <c r="IC35" s="131">
        <v>0</v>
      </c>
      <c r="ID35" s="119">
        <v>2516971</v>
      </c>
      <c r="IE35" s="132">
        <v>1883625</v>
      </c>
      <c r="IF35" s="120">
        <v>1841416</v>
      </c>
      <c r="IG35" s="119">
        <v>2716092</v>
      </c>
      <c r="IH35" s="120">
        <v>570888</v>
      </c>
      <c r="II35" s="133">
        <v>9528992</v>
      </c>
      <c r="IJ35" s="126">
        <v>9528992</v>
      </c>
      <c r="IK35" s="215">
        <v>0</v>
      </c>
      <c r="IL35" s="219">
        <v>0</v>
      </c>
      <c r="IM35" s="220">
        <v>0</v>
      </c>
      <c r="IN35" s="127">
        <v>0</v>
      </c>
      <c r="IO35" s="109">
        <v>0</v>
      </c>
      <c r="IP35" s="109">
        <v>111519</v>
      </c>
      <c r="IQ35" s="109">
        <v>179199</v>
      </c>
      <c r="IR35" s="109">
        <v>0</v>
      </c>
      <c r="IS35" s="109">
        <v>0</v>
      </c>
      <c r="IT35" s="128">
        <v>290718</v>
      </c>
      <c r="IU35" s="292">
        <v>290718</v>
      </c>
      <c r="IV35" s="129">
        <v>0</v>
      </c>
      <c r="IW35" s="109">
        <v>0</v>
      </c>
      <c r="IX35" s="110">
        <v>0</v>
      </c>
      <c r="IY35" s="443">
        <v>0</v>
      </c>
      <c r="IZ35" s="109">
        <v>0</v>
      </c>
      <c r="JA35" s="109">
        <v>0</v>
      </c>
      <c r="JB35" s="109">
        <v>0</v>
      </c>
      <c r="JC35" s="109">
        <v>0</v>
      </c>
      <c r="JD35" s="109">
        <v>0</v>
      </c>
      <c r="JE35" s="110">
        <v>0</v>
      </c>
      <c r="JF35" s="111">
        <v>0</v>
      </c>
      <c r="JG35" s="129">
        <v>0</v>
      </c>
      <c r="JH35" s="109">
        <v>0</v>
      </c>
      <c r="JI35" s="128">
        <v>0</v>
      </c>
      <c r="JJ35" s="108">
        <v>0</v>
      </c>
      <c r="JK35" s="109">
        <v>1475608</v>
      </c>
      <c r="JL35" s="109">
        <v>515833</v>
      </c>
      <c r="JM35" s="109">
        <v>959263</v>
      </c>
      <c r="JN35" s="109">
        <v>572256</v>
      </c>
      <c r="JO35" s="109">
        <v>0</v>
      </c>
      <c r="JP35" s="110">
        <v>3522960</v>
      </c>
      <c r="JQ35" s="292">
        <v>3522960</v>
      </c>
      <c r="JR35" s="129">
        <v>0</v>
      </c>
      <c r="JS35" s="109">
        <v>0</v>
      </c>
      <c r="JT35" s="128">
        <v>0</v>
      </c>
      <c r="JU35" s="108">
        <v>0</v>
      </c>
      <c r="JV35" s="109">
        <v>43938</v>
      </c>
      <c r="JW35" s="109">
        <v>361952</v>
      </c>
      <c r="JX35" s="109">
        <v>198540</v>
      </c>
      <c r="JY35" s="109">
        <v>0</v>
      </c>
      <c r="JZ35" s="109">
        <v>0</v>
      </c>
      <c r="KA35" s="110">
        <v>604430</v>
      </c>
      <c r="KB35" s="292">
        <v>604430</v>
      </c>
      <c r="KC35" s="217">
        <v>0</v>
      </c>
      <c r="KD35" s="213">
        <v>0</v>
      </c>
      <c r="KE35" s="110">
        <v>0</v>
      </c>
      <c r="KF35" s="108">
        <v>0</v>
      </c>
      <c r="KG35" s="109">
        <v>0</v>
      </c>
      <c r="KH35" s="109">
        <v>0</v>
      </c>
      <c r="KI35" s="109">
        <v>0</v>
      </c>
      <c r="KJ35" s="109">
        <v>295704</v>
      </c>
      <c r="KK35" s="109">
        <v>0</v>
      </c>
      <c r="KL35" s="110">
        <v>295704</v>
      </c>
      <c r="KM35" s="130">
        <v>295704</v>
      </c>
      <c r="KN35" s="215">
        <v>0</v>
      </c>
      <c r="KO35" s="219">
        <v>0</v>
      </c>
      <c r="KP35" s="220">
        <v>0</v>
      </c>
      <c r="KQ35" s="443">
        <v>0</v>
      </c>
      <c r="KR35" s="109">
        <v>997425</v>
      </c>
      <c r="KS35" s="109">
        <v>894321</v>
      </c>
      <c r="KT35" s="109">
        <v>504414</v>
      </c>
      <c r="KU35" s="109">
        <v>1848132</v>
      </c>
      <c r="KV35" s="109">
        <v>570888</v>
      </c>
      <c r="KW35" s="110">
        <v>4815180</v>
      </c>
      <c r="KX35" s="292">
        <v>4815180</v>
      </c>
      <c r="KY35" s="129">
        <v>0</v>
      </c>
      <c r="KZ35" s="109">
        <v>0</v>
      </c>
      <c r="LA35" s="110">
        <v>0</v>
      </c>
      <c r="LB35" s="443">
        <v>0</v>
      </c>
      <c r="LC35" s="109">
        <v>0</v>
      </c>
      <c r="LD35" s="109">
        <v>0</v>
      </c>
      <c r="LE35" s="109">
        <v>0</v>
      </c>
      <c r="LF35" s="109">
        <v>0</v>
      </c>
      <c r="LG35" s="109">
        <v>0</v>
      </c>
      <c r="LH35" s="110">
        <v>0</v>
      </c>
      <c r="LI35" s="111">
        <v>0</v>
      </c>
      <c r="LJ35" s="129">
        <v>0</v>
      </c>
      <c r="LK35" s="109">
        <v>0</v>
      </c>
      <c r="LL35" s="110">
        <v>0</v>
      </c>
      <c r="LM35" s="443">
        <v>0</v>
      </c>
      <c r="LN35" s="109">
        <v>0</v>
      </c>
      <c r="LO35" s="109">
        <v>0</v>
      </c>
      <c r="LP35" s="109">
        <v>0</v>
      </c>
      <c r="LQ35" s="109">
        <v>0</v>
      </c>
      <c r="LR35" s="109">
        <v>0</v>
      </c>
      <c r="LS35" s="110">
        <v>0</v>
      </c>
      <c r="LT35" s="292">
        <v>0</v>
      </c>
      <c r="LU35" s="129">
        <v>0</v>
      </c>
      <c r="LV35" s="109">
        <v>0</v>
      </c>
      <c r="LW35" s="110">
        <v>0</v>
      </c>
      <c r="LX35" s="443">
        <v>0</v>
      </c>
      <c r="LY35" s="109">
        <v>0</v>
      </c>
      <c r="LZ35" s="109">
        <v>0</v>
      </c>
      <c r="MA35" s="109">
        <v>0</v>
      </c>
      <c r="MB35" s="109">
        <v>0</v>
      </c>
      <c r="MC35" s="109">
        <v>0</v>
      </c>
      <c r="MD35" s="110">
        <v>0</v>
      </c>
      <c r="ME35" s="111">
        <v>0</v>
      </c>
      <c r="MF35" s="129">
        <v>0</v>
      </c>
      <c r="MG35" s="109">
        <v>0</v>
      </c>
      <c r="MH35" s="110">
        <v>0</v>
      </c>
      <c r="MI35" s="443">
        <v>0</v>
      </c>
      <c r="MJ35" s="109">
        <v>3050606</v>
      </c>
      <c r="MK35" s="109">
        <v>818131</v>
      </c>
      <c r="ML35" s="109">
        <v>9414641</v>
      </c>
      <c r="MM35" s="109">
        <v>13965756</v>
      </c>
      <c r="MN35" s="109">
        <v>9698193</v>
      </c>
      <c r="MO35" s="110">
        <v>36947327</v>
      </c>
      <c r="MP35" s="130">
        <v>36947327</v>
      </c>
      <c r="MQ35" s="129">
        <v>0</v>
      </c>
      <c r="MR35" s="109">
        <v>0</v>
      </c>
      <c r="MS35" s="110">
        <v>0</v>
      </c>
      <c r="MT35" s="443">
        <v>0</v>
      </c>
      <c r="MU35" s="109">
        <v>228150</v>
      </c>
      <c r="MV35" s="109">
        <v>210363</v>
      </c>
      <c r="MW35" s="109">
        <v>5877913</v>
      </c>
      <c r="MX35" s="109">
        <v>8803331</v>
      </c>
      <c r="MY35" s="109">
        <v>5926654</v>
      </c>
      <c r="MZ35" s="110">
        <v>21046411</v>
      </c>
      <c r="NA35" s="130">
        <v>21046411</v>
      </c>
      <c r="NB35" s="129">
        <v>0</v>
      </c>
      <c r="NC35" s="109">
        <v>0</v>
      </c>
      <c r="ND35" s="110">
        <v>0</v>
      </c>
      <c r="NE35" s="443">
        <v>0</v>
      </c>
      <c r="NF35" s="109">
        <v>2822456</v>
      </c>
      <c r="NG35" s="109">
        <v>607768</v>
      </c>
      <c r="NH35" s="109">
        <v>3536728</v>
      </c>
      <c r="NI35" s="109">
        <v>4772452</v>
      </c>
      <c r="NJ35" s="109">
        <v>2644242</v>
      </c>
      <c r="NK35" s="110">
        <v>14383646</v>
      </c>
      <c r="NL35" s="292">
        <v>14383646</v>
      </c>
      <c r="NM35" s="129">
        <v>0</v>
      </c>
      <c r="NN35" s="109">
        <v>0</v>
      </c>
      <c r="NO35" s="110">
        <v>0</v>
      </c>
      <c r="NP35" s="443">
        <v>0</v>
      </c>
      <c r="NQ35" s="109">
        <v>0</v>
      </c>
      <c r="NR35" s="109">
        <v>0</v>
      </c>
      <c r="NS35" s="109">
        <v>0</v>
      </c>
      <c r="NT35" s="109">
        <v>0</v>
      </c>
      <c r="NU35" s="109">
        <v>0</v>
      </c>
      <c r="NV35" s="110">
        <v>0</v>
      </c>
      <c r="NW35" s="111">
        <v>0</v>
      </c>
      <c r="NX35" s="129">
        <v>0</v>
      </c>
      <c r="NY35" s="109">
        <v>0</v>
      </c>
      <c r="NZ35" s="110">
        <v>0</v>
      </c>
      <c r="OA35" s="443">
        <v>0</v>
      </c>
      <c r="OB35" s="109">
        <v>0</v>
      </c>
      <c r="OC35" s="109">
        <v>0</v>
      </c>
      <c r="OD35" s="109">
        <v>0</v>
      </c>
      <c r="OE35" s="109">
        <v>389973</v>
      </c>
      <c r="OF35" s="109">
        <v>1127297</v>
      </c>
      <c r="OG35" s="110">
        <v>1517270</v>
      </c>
      <c r="OH35" s="111">
        <v>1517270</v>
      </c>
      <c r="OI35" s="129">
        <v>884766</v>
      </c>
      <c r="OJ35" s="109">
        <v>982969</v>
      </c>
      <c r="OK35" s="128">
        <v>1867735</v>
      </c>
      <c r="OL35" s="108">
        <v>0</v>
      </c>
      <c r="OM35" s="109">
        <v>13214819</v>
      </c>
      <c r="ON35" s="109">
        <v>9817514</v>
      </c>
      <c r="OO35" s="109">
        <v>19339578</v>
      </c>
      <c r="OP35" s="109">
        <v>25555182</v>
      </c>
      <c r="OQ35" s="109">
        <v>13170329</v>
      </c>
      <c r="OR35" s="110">
        <v>81097422</v>
      </c>
      <c r="OS35" s="130">
        <v>82965157</v>
      </c>
    </row>
    <row r="36" spans="2:409" ht="21" customHeight="1" x14ac:dyDescent="0.2">
      <c r="B36" s="437" t="s">
        <v>31</v>
      </c>
      <c r="C36" s="100">
        <v>576721</v>
      </c>
      <c r="D36" s="104">
        <v>960492</v>
      </c>
      <c r="E36" s="103">
        <v>1537213</v>
      </c>
      <c r="F36" s="99">
        <v>0</v>
      </c>
      <c r="G36" s="104">
        <v>8113958</v>
      </c>
      <c r="H36" s="104">
        <v>11598677</v>
      </c>
      <c r="I36" s="104">
        <v>9666886</v>
      </c>
      <c r="J36" s="104">
        <v>8825701</v>
      </c>
      <c r="K36" s="104">
        <v>4207597</v>
      </c>
      <c r="L36" s="156">
        <v>42412819</v>
      </c>
      <c r="M36" s="106">
        <v>43950032</v>
      </c>
      <c r="N36" s="100">
        <v>164248</v>
      </c>
      <c r="O36" s="104">
        <v>145476</v>
      </c>
      <c r="P36" s="103">
        <v>309724</v>
      </c>
      <c r="Q36" s="100">
        <v>0</v>
      </c>
      <c r="R36" s="104">
        <v>1662153</v>
      </c>
      <c r="S36" s="104">
        <v>1922860</v>
      </c>
      <c r="T36" s="104">
        <v>2250854</v>
      </c>
      <c r="U36" s="104">
        <v>2698889</v>
      </c>
      <c r="V36" s="104">
        <v>1410036</v>
      </c>
      <c r="W36" s="103">
        <v>9944792</v>
      </c>
      <c r="X36" s="106">
        <v>10254516</v>
      </c>
      <c r="Y36" s="100">
        <v>0</v>
      </c>
      <c r="Z36" s="104">
        <v>0</v>
      </c>
      <c r="AA36" s="103">
        <v>0</v>
      </c>
      <c r="AB36" s="100">
        <v>0</v>
      </c>
      <c r="AC36" s="104">
        <v>721453</v>
      </c>
      <c r="AD36" s="104">
        <v>767594</v>
      </c>
      <c r="AE36" s="104">
        <v>863963</v>
      </c>
      <c r="AF36" s="104">
        <v>882976</v>
      </c>
      <c r="AG36" s="104">
        <v>884819</v>
      </c>
      <c r="AH36" s="103">
        <v>4120805</v>
      </c>
      <c r="AI36" s="106">
        <v>4120805</v>
      </c>
      <c r="AJ36" s="100">
        <v>0</v>
      </c>
      <c r="AK36" s="104">
        <v>0</v>
      </c>
      <c r="AL36" s="103">
        <v>0</v>
      </c>
      <c r="AM36" s="100">
        <v>0</v>
      </c>
      <c r="AN36" s="104">
        <v>75519</v>
      </c>
      <c r="AO36" s="104">
        <v>102344</v>
      </c>
      <c r="AP36" s="104">
        <v>421067</v>
      </c>
      <c r="AQ36" s="104">
        <v>541873</v>
      </c>
      <c r="AR36" s="104">
        <v>102339</v>
      </c>
      <c r="AS36" s="103">
        <v>1243142</v>
      </c>
      <c r="AT36" s="106">
        <v>1243142</v>
      </c>
      <c r="AU36" s="100">
        <v>106414</v>
      </c>
      <c r="AV36" s="104">
        <v>111672</v>
      </c>
      <c r="AW36" s="103">
        <v>218086</v>
      </c>
      <c r="AX36" s="100">
        <v>0</v>
      </c>
      <c r="AY36" s="104">
        <v>662411</v>
      </c>
      <c r="AZ36" s="104">
        <v>750033</v>
      </c>
      <c r="BA36" s="104">
        <v>707267</v>
      </c>
      <c r="BB36" s="104">
        <v>866531</v>
      </c>
      <c r="BC36" s="104">
        <v>270684</v>
      </c>
      <c r="BD36" s="103">
        <v>3256926</v>
      </c>
      <c r="BE36" s="106">
        <v>3475012</v>
      </c>
      <c r="BF36" s="100">
        <v>25353</v>
      </c>
      <c r="BG36" s="104">
        <v>33804</v>
      </c>
      <c r="BH36" s="102">
        <v>59157</v>
      </c>
      <c r="BI36" s="101">
        <v>0</v>
      </c>
      <c r="BJ36" s="104">
        <v>68832</v>
      </c>
      <c r="BK36" s="104">
        <v>34416</v>
      </c>
      <c r="BL36" s="104">
        <v>52529</v>
      </c>
      <c r="BM36" s="104">
        <v>192276</v>
      </c>
      <c r="BN36" s="104">
        <v>0</v>
      </c>
      <c r="BO36" s="103">
        <v>348053</v>
      </c>
      <c r="BP36" s="106">
        <v>407210</v>
      </c>
      <c r="BQ36" s="100">
        <v>32481</v>
      </c>
      <c r="BR36" s="104">
        <v>0</v>
      </c>
      <c r="BS36" s="103">
        <v>32481</v>
      </c>
      <c r="BT36" s="100">
        <v>0</v>
      </c>
      <c r="BU36" s="104">
        <v>133938</v>
      </c>
      <c r="BV36" s="104">
        <v>268473</v>
      </c>
      <c r="BW36" s="104">
        <v>206028</v>
      </c>
      <c r="BX36" s="104">
        <v>215233</v>
      </c>
      <c r="BY36" s="104">
        <v>152194</v>
      </c>
      <c r="BZ36" s="103">
        <v>975866</v>
      </c>
      <c r="CA36" s="106">
        <v>1008347</v>
      </c>
      <c r="CB36" s="100">
        <v>0</v>
      </c>
      <c r="CC36" s="104">
        <v>38376</v>
      </c>
      <c r="CD36" s="103">
        <v>38376</v>
      </c>
      <c r="CE36" s="100">
        <v>0</v>
      </c>
      <c r="CF36" s="104">
        <v>2787584</v>
      </c>
      <c r="CG36" s="104">
        <v>4558395</v>
      </c>
      <c r="CH36" s="104">
        <v>2557362</v>
      </c>
      <c r="CI36" s="104">
        <v>2145912</v>
      </c>
      <c r="CJ36" s="104">
        <v>1387169</v>
      </c>
      <c r="CK36" s="103">
        <v>13436422</v>
      </c>
      <c r="CL36" s="106">
        <v>13474798</v>
      </c>
      <c r="CM36" s="100">
        <v>0</v>
      </c>
      <c r="CN36" s="104">
        <v>0</v>
      </c>
      <c r="CO36" s="103">
        <v>0</v>
      </c>
      <c r="CP36" s="101">
        <v>0</v>
      </c>
      <c r="CQ36" s="104">
        <v>2392825</v>
      </c>
      <c r="CR36" s="104">
        <v>3884296</v>
      </c>
      <c r="CS36" s="104">
        <v>1903113</v>
      </c>
      <c r="CT36" s="104">
        <v>1796343</v>
      </c>
      <c r="CU36" s="104">
        <v>1279753</v>
      </c>
      <c r="CV36" s="103">
        <v>11256330</v>
      </c>
      <c r="CW36" s="106">
        <v>11256330</v>
      </c>
      <c r="CX36" s="100">
        <v>0</v>
      </c>
      <c r="CY36" s="104">
        <v>38376</v>
      </c>
      <c r="CZ36" s="103">
        <v>38376</v>
      </c>
      <c r="DA36" s="100">
        <v>0</v>
      </c>
      <c r="DB36" s="104">
        <v>394759</v>
      </c>
      <c r="DC36" s="104">
        <v>674099</v>
      </c>
      <c r="DD36" s="104">
        <v>654249</v>
      </c>
      <c r="DE36" s="104">
        <v>349569</v>
      </c>
      <c r="DF36" s="104">
        <v>107416</v>
      </c>
      <c r="DG36" s="103">
        <v>2180092</v>
      </c>
      <c r="DH36" s="106">
        <v>2218468</v>
      </c>
      <c r="DI36" s="100">
        <v>0</v>
      </c>
      <c r="DJ36" s="104">
        <v>42784</v>
      </c>
      <c r="DK36" s="102">
        <v>42784</v>
      </c>
      <c r="DL36" s="101">
        <v>0</v>
      </c>
      <c r="DM36" s="104">
        <v>610692</v>
      </c>
      <c r="DN36" s="104">
        <v>779329</v>
      </c>
      <c r="DO36" s="104">
        <v>1603938</v>
      </c>
      <c r="DP36" s="104">
        <v>1230129</v>
      </c>
      <c r="DQ36" s="104">
        <v>761900</v>
      </c>
      <c r="DR36" s="103">
        <v>4985988</v>
      </c>
      <c r="DS36" s="106">
        <v>5028772</v>
      </c>
      <c r="DT36" s="100">
        <v>0</v>
      </c>
      <c r="DU36" s="104">
        <v>42784</v>
      </c>
      <c r="DV36" s="103">
        <v>42784</v>
      </c>
      <c r="DW36" s="100">
        <v>0</v>
      </c>
      <c r="DX36" s="104">
        <v>454607</v>
      </c>
      <c r="DY36" s="104">
        <v>666334</v>
      </c>
      <c r="DZ36" s="104">
        <v>1118158</v>
      </c>
      <c r="EA36" s="104">
        <v>1230129</v>
      </c>
      <c r="EB36" s="104">
        <v>664835</v>
      </c>
      <c r="EC36" s="103">
        <v>4134063</v>
      </c>
      <c r="ED36" s="106">
        <v>4176847</v>
      </c>
      <c r="EE36" s="100">
        <v>0</v>
      </c>
      <c r="EF36" s="102">
        <v>0</v>
      </c>
      <c r="EG36" s="103">
        <v>0</v>
      </c>
      <c r="EH36" s="100">
        <v>0</v>
      </c>
      <c r="EI36" s="104">
        <v>156085</v>
      </c>
      <c r="EJ36" s="104">
        <v>112995</v>
      </c>
      <c r="EK36" s="104">
        <v>485780</v>
      </c>
      <c r="EL36" s="104">
        <v>0</v>
      </c>
      <c r="EM36" s="104">
        <v>97065</v>
      </c>
      <c r="EN36" s="102">
        <v>851925</v>
      </c>
      <c r="EO36" s="106">
        <v>851925</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06">
        <v>0</v>
      </c>
      <c r="FE36" s="104">
        <v>0</v>
      </c>
      <c r="FF36" s="104">
        <v>0</v>
      </c>
      <c r="FG36" s="104">
        <v>0</v>
      </c>
      <c r="FH36" s="104">
        <v>0</v>
      </c>
      <c r="FI36" s="104">
        <v>0</v>
      </c>
      <c r="FJ36" s="103">
        <v>0</v>
      </c>
      <c r="FK36" s="106">
        <v>0</v>
      </c>
      <c r="FL36" s="100">
        <v>101360</v>
      </c>
      <c r="FM36" s="104">
        <v>447465</v>
      </c>
      <c r="FN36" s="103">
        <v>548825</v>
      </c>
      <c r="FO36" s="100">
        <v>0</v>
      </c>
      <c r="FP36" s="104">
        <v>648233</v>
      </c>
      <c r="FQ36" s="104">
        <v>1191922</v>
      </c>
      <c r="FR36" s="104">
        <v>862517</v>
      </c>
      <c r="FS36" s="104">
        <v>904430</v>
      </c>
      <c r="FT36" s="104">
        <v>419877</v>
      </c>
      <c r="FU36" s="103">
        <v>4026979</v>
      </c>
      <c r="FV36" s="106">
        <v>4575804</v>
      </c>
      <c r="FW36" s="105">
        <v>101360</v>
      </c>
      <c r="FX36" s="104">
        <v>397965</v>
      </c>
      <c r="FY36" s="102">
        <v>499325</v>
      </c>
      <c r="FZ36" s="101">
        <v>0</v>
      </c>
      <c r="GA36" s="104">
        <v>494193</v>
      </c>
      <c r="GB36" s="104">
        <v>956972</v>
      </c>
      <c r="GC36" s="104">
        <v>777917</v>
      </c>
      <c r="GD36" s="104">
        <v>876530</v>
      </c>
      <c r="GE36" s="104">
        <v>419877</v>
      </c>
      <c r="GF36" s="103">
        <v>3525489</v>
      </c>
      <c r="GG36" s="290">
        <v>4024814</v>
      </c>
      <c r="GH36" s="105">
        <v>0</v>
      </c>
      <c r="GI36" s="104">
        <v>0</v>
      </c>
      <c r="GJ36" s="102">
        <v>0</v>
      </c>
      <c r="GK36" s="101">
        <v>0</v>
      </c>
      <c r="GL36" s="104">
        <v>24800</v>
      </c>
      <c r="GM36" s="104">
        <v>73400</v>
      </c>
      <c r="GN36" s="104">
        <v>0</v>
      </c>
      <c r="GO36" s="104">
        <v>27900</v>
      </c>
      <c r="GP36" s="104">
        <v>0</v>
      </c>
      <c r="GQ36" s="103">
        <v>126100</v>
      </c>
      <c r="GR36" s="106">
        <v>126100</v>
      </c>
      <c r="GS36" s="100">
        <v>0</v>
      </c>
      <c r="GT36" s="104">
        <v>49500</v>
      </c>
      <c r="GU36" s="103">
        <v>49500</v>
      </c>
      <c r="GV36" s="100">
        <v>0</v>
      </c>
      <c r="GW36" s="104">
        <v>129240</v>
      </c>
      <c r="GX36" s="104">
        <v>161550</v>
      </c>
      <c r="GY36" s="104">
        <v>84600</v>
      </c>
      <c r="GZ36" s="104">
        <v>0</v>
      </c>
      <c r="HA36" s="104">
        <v>0</v>
      </c>
      <c r="HB36" s="102">
        <v>375390</v>
      </c>
      <c r="HC36" s="106">
        <v>424890</v>
      </c>
      <c r="HD36" s="100">
        <v>212751</v>
      </c>
      <c r="HE36" s="104">
        <v>0</v>
      </c>
      <c r="HF36" s="102">
        <v>212751</v>
      </c>
      <c r="HG36" s="101">
        <v>0</v>
      </c>
      <c r="HH36" s="104">
        <v>872362</v>
      </c>
      <c r="HI36" s="104">
        <v>1580210</v>
      </c>
      <c r="HJ36" s="104">
        <v>1512674</v>
      </c>
      <c r="HK36" s="104">
        <v>1189514</v>
      </c>
      <c r="HL36" s="104">
        <v>0</v>
      </c>
      <c r="HM36" s="103">
        <v>5154760</v>
      </c>
      <c r="HN36" s="99">
        <v>5367511</v>
      </c>
      <c r="HO36" s="105">
        <v>98362</v>
      </c>
      <c r="HP36" s="104">
        <v>286391</v>
      </c>
      <c r="HQ36" s="103">
        <v>384753</v>
      </c>
      <c r="HR36" s="100">
        <v>0</v>
      </c>
      <c r="HS36" s="104">
        <v>1532934</v>
      </c>
      <c r="HT36" s="104">
        <v>1565961</v>
      </c>
      <c r="HU36" s="104">
        <v>879541</v>
      </c>
      <c r="HV36" s="104">
        <v>656827</v>
      </c>
      <c r="HW36" s="104">
        <v>228615</v>
      </c>
      <c r="HX36" s="102">
        <v>4863878</v>
      </c>
      <c r="HY36" s="106">
        <v>5248631</v>
      </c>
      <c r="HZ36" s="135">
        <v>0</v>
      </c>
      <c r="IA36" s="122">
        <v>89552</v>
      </c>
      <c r="IB36" s="135">
        <v>89552</v>
      </c>
      <c r="IC36" s="121">
        <v>0</v>
      </c>
      <c r="ID36" s="122">
        <v>4697925</v>
      </c>
      <c r="IE36" s="123">
        <v>4583167</v>
      </c>
      <c r="IF36" s="124">
        <v>4516235</v>
      </c>
      <c r="IG36" s="122">
        <v>4486998</v>
      </c>
      <c r="IH36" s="124">
        <v>2058806</v>
      </c>
      <c r="II36" s="125">
        <v>20343131</v>
      </c>
      <c r="IJ36" s="135">
        <v>20432683</v>
      </c>
      <c r="IK36" s="215">
        <v>0</v>
      </c>
      <c r="IL36" s="219">
        <v>0</v>
      </c>
      <c r="IM36" s="220">
        <v>0</v>
      </c>
      <c r="IN36" s="127">
        <v>0</v>
      </c>
      <c r="IO36" s="109">
        <v>0</v>
      </c>
      <c r="IP36" s="109">
        <v>195040</v>
      </c>
      <c r="IQ36" s="109">
        <v>0</v>
      </c>
      <c r="IR36" s="109">
        <v>0</v>
      </c>
      <c r="IS36" s="109">
        <v>0</v>
      </c>
      <c r="IT36" s="128">
        <v>195040</v>
      </c>
      <c r="IU36" s="292">
        <v>195040</v>
      </c>
      <c r="IV36" s="129">
        <v>0</v>
      </c>
      <c r="IW36" s="109">
        <v>0</v>
      </c>
      <c r="IX36" s="110">
        <v>0</v>
      </c>
      <c r="IY36" s="443">
        <v>0</v>
      </c>
      <c r="IZ36" s="109">
        <v>0</v>
      </c>
      <c r="JA36" s="109">
        <v>0</v>
      </c>
      <c r="JB36" s="109">
        <v>0</v>
      </c>
      <c r="JC36" s="109">
        <v>0</v>
      </c>
      <c r="JD36" s="109">
        <v>0</v>
      </c>
      <c r="JE36" s="110">
        <v>0</v>
      </c>
      <c r="JF36" s="111">
        <v>0</v>
      </c>
      <c r="JG36" s="129">
        <v>0</v>
      </c>
      <c r="JH36" s="109">
        <v>0</v>
      </c>
      <c r="JI36" s="128">
        <v>0</v>
      </c>
      <c r="JJ36" s="108">
        <v>0</v>
      </c>
      <c r="JK36" s="109">
        <v>1010556</v>
      </c>
      <c r="JL36" s="109">
        <v>954256</v>
      </c>
      <c r="JM36" s="109">
        <v>578216</v>
      </c>
      <c r="JN36" s="109">
        <v>342249</v>
      </c>
      <c r="JO36" s="109">
        <v>0</v>
      </c>
      <c r="JP36" s="110">
        <v>2885277</v>
      </c>
      <c r="JQ36" s="292">
        <v>2885277</v>
      </c>
      <c r="JR36" s="129">
        <v>0</v>
      </c>
      <c r="JS36" s="109">
        <v>0</v>
      </c>
      <c r="JT36" s="128">
        <v>0</v>
      </c>
      <c r="JU36" s="108">
        <v>0</v>
      </c>
      <c r="JV36" s="109">
        <v>0</v>
      </c>
      <c r="JW36" s="109">
        <v>105237</v>
      </c>
      <c r="JX36" s="109">
        <v>44091</v>
      </c>
      <c r="JY36" s="109">
        <v>175779</v>
      </c>
      <c r="JZ36" s="109">
        <v>293832</v>
      </c>
      <c r="KA36" s="110">
        <v>618939</v>
      </c>
      <c r="KB36" s="292">
        <v>618939</v>
      </c>
      <c r="KC36" s="217">
        <v>0</v>
      </c>
      <c r="KD36" s="213">
        <v>89552</v>
      </c>
      <c r="KE36" s="110">
        <v>89552</v>
      </c>
      <c r="KF36" s="108">
        <v>0</v>
      </c>
      <c r="KG36" s="109">
        <v>1016928</v>
      </c>
      <c r="KH36" s="109">
        <v>922389</v>
      </c>
      <c r="KI36" s="109">
        <v>1098697</v>
      </c>
      <c r="KJ36" s="109">
        <v>581406</v>
      </c>
      <c r="KK36" s="109">
        <v>326916</v>
      </c>
      <c r="KL36" s="110">
        <v>3946336</v>
      </c>
      <c r="KM36" s="130">
        <v>4035888</v>
      </c>
      <c r="KN36" s="215">
        <v>0</v>
      </c>
      <c r="KO36" s="219">
        <v>0</v>
      </c>
      <c r="KP36" s="220">
        <v>0</v>
      </c>
      <c r="KQ36" s="443">
        <v>0</v>
      </c>
      <c r="KR36" s="109">
        <v>2670441</v>
      </c>
      <c r="KS36" s="109">
        <v>2223437</v>
      </c>
      <c r="KT36" s="109">
        <v>2795231</v>
      </c>
      <c r="KU36" s="109">
        <v>3387564</v>
      </c>
      <c r="KV36" s="109">
        <v>1438058</v>
      </c>
      <c r="KW36" s="110">
        <v>12514731</v>
      </c>
      <c r="KX36" s="292">
        <v>12514731</v>
      </c>
      <c r="KY36" s="129">
        <v>0</v>
      </c>
      <c r="KZ36" s="109">
        <v>0</v>
      </c>
      <c r="LA36" s="110">
        <v>0</v>
      </c>
      <c r="LB36" s="443">
        <v>0</v>
      </c>
      <c r="LC36" s="109">
        <v>0</v>
      </c>
      <c r="LD36" s="109">
        <v>0</v>
      </c>
      <c r="LE36" s="109">
        <v>0</v>
      </c>
      <c r="LF36" s="109">
        <v>0</v>
      </c>
      <c r="LG36" s="109">
        <v>0</v>
      </c>
      <c r="LH36" s="110">
        <v>0</v>
      </c>
      <c r="LI36" s="111">
        <v>0</v>
      </c>
      <c r="LJ36" s="129">
        <v>0</v>
      </c>
      <c r="LK36" s="109">
        <v>0</v>
      </c>
      <c r="LL36" s="110">
        <v>0</v>
      </c>
      <c r="LM36" s="443">
        <v>0</v>
      </c>
      <c r="LN36" s="109">
        <v>0</v>
      </c>
      <c r="LO36" s="109">
        <v>182808</v>
      </c>
      <c r="LP36" s="109">
        <v>0</v>
      </c>
      <c r="LQ36" s="109">
        <v>0</v>
      </c>
      <c r="LR36" s="109">
        <v>0</v>
      </c>
      <c r="LS36" s="110">
        <v>182808</v>
      </c>
      <c r="LT36" s="292">
        <v>182808</v>
      </c>
      <c r="LU36" s="129">
        <v>0</v>
      </c>
      <c r="LV36" s="109">
        <v>0</v>
      </c>
      <c r="LW36" s="110">
        <v>0</v>
      </c>
      <c r="LX36" s="443">
        <v>0</v>
      </c>
      <c r="LY36" s="109">
        <v>0</v>
      </c>
      <c r="LZ36" s="109">
        <v>0</v>
      </c>
      <c r="MA36" s="109">
        <v>0</v>
      </c>
      <c r="MB36" s="109">
        <v>0</v>
      </c>
      <c r="MC36" s="109">
        <v>0</v>
      </c>
      <c r="MD36" s="110">
        <v>0</v>
      </c>
      <c r="ME36" s="111">
        <v>0</v>
      </c>
      <c r="MF36" s="129">
        <v>0</v>
      </c>
      <c r="MG36" s="109">
        <v>0</v>
      </c>
      <c r="MH36" s="110">
        <v>0</v>
      </c>
      <c r="MI36" s="443">
        <v>0</v>
      </c>
      <c r="MJ36" s="109">
        <v>1492704</v>
      </c>
      <c r="MK36" s="109">
        <v>2875450</v>
      </c>
      <c r="ML36" s="109">
        <v>9118566</v>
      </c>
      <c r="MM36" s="109">
        <v>13697361</v>
      </c>
      <c r="MN36" s="109">
        <v>7922669</v>
      </c>
      <c r="MO36" s="110">
        <v>35106750</v>
      </c>
      <c r="MP36" s="130">
        <v>35106750</v>
      </c>
      <c r="MQ36" s="129">
        <v>0</v>
      </c>
      <c r="MR36" s="109">
        <v>0</v>
      </c>
      <c r="MS36" s="110">
        <v>0</v>
      </c>
      <c r="MT36" s="443">
        <v>0</v>
      </c>
      <c r="MU36" s="109">
        <v>471060</v>
      </c>
      <c r="MV36" s="109">
        <v>662499</v>
      </c>
      <c r="MW36" s="109">
        <v>6514610</v>
      </c>
      <c r="MX36" s="109">
        <v>9881216</v>
      </c>
      <c r="MY36" s="109">
        <v>6384083</v>
      </c>
      <c r="MZ36" s="110">
        <v>23913468</v>
      </c>
      <c r="NA36" s="130">
        <v>23913468</v>
      </c>
      <c r="NB36" s="129">
        <v>0</v>
      </c>
      <c r="NC36" s="109">
        <v>0</v>
      </c>
      <c r="ND36" s="110">
        <v>0</v>
      </c>
      <c r="NE36" s="443">
        <v>0</v>
      </c>
      <c r="NF36" s="109">
        <v>740648</v>
      </c>
      <c r="NG36" s="109">
        <v>2212951</v>
      </c>
      <c r="NH36" s="109">
        <v>2603956</v>
      </c>
      <c r="NI36" s="109">
        <v>3029469</v>
      </c>
      <c r="NJ36" s="109">
        <v>780421</v>
      </c>
      <c r="NK36" s="110">
        <v>9367445</v>
      </c>
      <c r="NL36" s="292">
        <v>9367445</v>
      </c>
      <c r="NM36" s="129">
        <v>0</v>
      </c>
      <c r="NN36" s="109">
        <v>0</v>
      </c>
      <c r="NO36" s="110">
        <v>0</v>
      </c>
      <c r="NP36" s="443">
        <v>0</v>
      </c>
      <c r="NQ36" s="109">
        <v>0</v>
      </c>
      <c r="NR36" s="109">
        <v>0</v>
      </c>
      <c r="NS36" s="109">
        <v>0</v>
      </c>
      <c r="NT36" s="109">
        <v>0</v>
      </c>
      <c r="NU36" s="109">
        <v>0</v>
      </c>
      <c r="NV36" s="110">
        <v>0</v>
      </c>
      <c r="NW36" s="111">
        <v>0</v>
      </c>
      <c r="NX36" s="129">
        <v>0</v>
      </c>
      <c r="NY36" s="109">
        <v>0</v>
      </c>
      <c r="NZ36" s="110">
        <v>0</v>
      </c>
      <c r="OA36" s="443">
        <v>0</v>
      </c>
      <c r="OB36" s="109">
        <v>280996</v>
      </c>
      <c r="OC36" s="109">
        <v>0</v>
      </c>
      <c r="OD36" s="109">
        <v>0</v>
      </c>
      <c r="OE36" s="109">
        <v>786676</v>
      </c>
      <c r="OF36" s="109">
        <v>758165</v>
      </c>
      <c r="OG36" s="110">
        <v>1825837</v>
      </c>
      <c r="OH36" s="111">
        <v>1825837</v>
      </c>
      <c r="OI36" s="129">
        <v>576721</v>
      </c>
      <c r="OJ36" s="109">
        <v>1050044</v>
      </c>
      <c r="OK36" s="128">
        <v>1626765</v>
      </c>
      <c r="OL36" s="108">
        <v>0</v>
      </c>
      <c r="OM36" s="109">
        <v>14304587</v>
      </c>
      <c r="ON36" s="109">
        <v>19057294</v>
      </c>
      <c r="OO36" s="109">
        <v>23301687</v>
      </c>
      <c r="OP36" s="109">
        <v>27010060</v>
      </c>
      <c r="OQ36" s="109">
        <v>14189072</v>
      </c>
      <c r="OR36" s="110">
        <v>97862700</v>
      </c>
      <c r="OS36" s="130">
        <v>99489465</v>
      </c>
    </row>
    <row r="37" spans="2:409" ht="21" customHeight="1" x14ac:dyDescent="0.2">
      <c r="B37" s="437" t="s">
        <v>32</v>
      </c>
      <c r="C37" s="100">
        <v>696972</v>
      </c>
      <c r="D37" s="104">
        <v>1345594</v>
      </c>
      <c r="E37" s="157">
        <v>2042566</v>
      </c>
      <c r="F37" s="158">
        <v>0</v>
      </c>
      <c r="G37" s="159">
        <v>11136622</v>
      </c>
      <c r="H37" s="159">
        <v>11295462</v>
      </c>
      <c r="I37" s="159">
        <v>10630832</v>
      </c>
      <c r="J37" s="159">
        <v>8904505</v>
      </c>
      <c r="K37" s="159">
        <v>9938874</v>
      </c>
      <c r="L37" s="160">
        <v>51906295</v>
      </c>
      <c r="M37" s="106">
        <v>53948861</v>
      </c>
      <c r="N37" s="100">
        <v>136476</v>
      </c>
      <c r="O37" s="104">
        <v>242366</v>
      </c>
      <c r="P37" s="103">
        <v>378842</v>
      </c>
      <c r="Q37" s="100">
        <v>0</v>
      </c>
      <c r="R37" s="104">
        <v>3078696</v>
      </c>
      <c r="S37" s="104">
        <v>2375115</v>
      </c>
      <c r="T37" s="104">
        <v>2580074</v>
      </c>
      <c r="U37" s="104">
        <v>1820895</v>
      </c>
      <c r="V37" s="104">
        <v>2557356</v>
      </c>
      <c r="W37" s="103">
        <v>12412136</v>
      </c>
      <c r="X37" s="106">
        <v>12790978</v>
      </c>
      <c r="Y37" s="100">
        <v>0</v>
      </c>
      <c r="Z37" s="104">
        <v>0</v>
      </c>
      <c r="AA37" s="103">
        <v>0</v>
      </c>
      <c r="AB37" s="100">
        <v>0</v>
      </c>
      <c r="AC37" s="104">
        <v>1201500</v>
      </c>
      <c r="AD37" s="104">
        <v>922115</v>
      </c>
      <c r="AE37" s="104">
        <v>1717834</v>
      </c>
      <c r="AF37" s="104">
        <v>755171</v>
      </c>
      <c r="AG37" s="104">
        <v>1195075</v>
      </c>
      <c r="AH37" s="103">
        <v>5791695</v>
      </c>
      <c r="AI37" s="106">
        <v>5791695</v>
      </c>
      <c r="AJ37" s="100">
        <v>0</v>
      </c>
      <c r="AK37" s="104">
        <v>0</v>
      </c>
      <c r="AL37" s="103">
        <v>0</v>
      </c>
      <c r="AM37" s="100">
        <v>0</v>
      </c>
      <c r="AN37" s="104">
        <v>0</v>
      </c>
      <c r="AO37" s="104">
        <v>53946</v>
      </c>
      <c r="AP37" s="104">
        <v>51876</v>
      </c>
      <c r="AQ37" s="104">
        <v>210978</v>
      </c>
      <c r="AR37" s="104">
        <v>439063</v>
      </c>
      <c r="AS37" s="103">
        <v>755863</v>
      </c>
      <c r="AT37" s="106">
        <v>755863</v>
      </c>
      <c r="AU37" s="100">
        <v>47862</v>
      </c>
      <c r="AV37" s="104">
        <v>191192</v>
      </c>
      <c r="AW37" s="103">
        <v>239054</v>
      </c>
      <c r="AX37" s="100">
        <v>0</v>
      </c>
      <c r="AY37" s="104">
        <v>1507547</v>
      </c>
      <c r="AZ37" s="104">
        <v>1105817</v>
      </c>
      <c r="BA37" s="104">
        <v>485161</v>
      </c>
      <c r="BB37" s="104">
        <v>406699</v>
      </c>
      <c r="BC37" s="104">
        <v>332218</v>
      </c>
      <c r="BD37" s="103">
        <v>3837442</v>
      </c>
      <c r="BE37" s="106">
        <v>4076496</v>
      </c>
      <c r="BF37" s="100">
        <v>0</v>
      </c>
      <c r="BG37" s="104">
        <v>33804</v>
      </c>
      <c r="BH37" s="102">
        <v>33804</v>
      </c>
      <c r="BI37" s="101">
        <v>0</v>
      </c>
      <c r="BJ37" s="104">
        <v>111852</v>
      </c>
      <c r="BK37" s="104">
        <v>57360</v>
      </c>
      <c r="BL37" s="104">
        <v>0</v>
      </c>
      <c r="BM37" s="104">
        <v>69788</v>
      </c>
      <c r="BN37" s="104">
        <v>72567</v>
      </c>
      <c r="BO37" s="103">
        <v>311567</v>
      </c>
      <c r="BP37" s="106">
        <v>345371</v>
      </c>
      <c r="BQ37" s="100">
        <v>88614</v>
      </c>
      <c r="BR37" s="104">
        <v>17370</v>
      </c>
      <c r="BS37" s="103">
        <v>105984</v>
      </c>
      <c r="BT37" s="100">
        <v>0</v>
      </c>
      <c r="BU37" s="104">
        <v>257797</v>
      </c>
      <c r="BV37" s="104">
        <v>235877</v>
      </c>
      <c r="BW37" s="104">
        <v>325203</v>
      </c>
      <c r="BX37" s="104">
        <v>378259</v>
      </c>
      <c r="BY37" s="104">
        <v>518433</v>
      </c>
      <c r="BZ37" s="103">
        <v>1715569</v>
      </c>
      <c r="CA37" s="106">
        <v>1821553</v>
      </c>
      <c r="CB37" s="100">
        <v>44893</v>
      </c>
      <c r="CC37" s="104">
        <v>229896</v>
      </c>
      <c r="CD37" s="103">
        <v>274789</v>
      </c>
      <c r="CE37" s="100">
        <v>0</v>
      </c>
      <c r="CF37" s="104">
        <v>3937238</v>
      </c>
      <c r="CG37" s="104">
        <v>4446631</v>
      </c>
      <c r="CH37" s="104">
        <v>2322972</v>
      </c>
      <c r="CI37" s="104">
        <v>2496228</v>
      </c>
      <c r="CJ37" s="104">
        <v>552080</v>
      </c>
      <c r="CK37" s="103">
        <v>13755149</v>
      </c>
      <c r="CL37" s="106">
        <v>14029938</v>
      </c>
      <c r="CM37" s="100">
        <v>0</v>
      </c>
      <c r="CN37" s="104">
        <v>0</v>
      </c>
      <c r="CO37" s="103">
        <v>0</v>
      </c>
      <c r="CP37" s="101">
        <v>0</v>
      </c>
      <c r="CQ37" s="104">
        <v>3318485</v>
      </c>
      <c r="CR37" s="104">
        <v>3495663</v>
      </c>
      <c r="CS37" s="104">
        <v>2095237</v>
      </c>
      <c r="CT37" s="104">
        <v>1774392</v>
      </c>
      <c r="CU37" s="104">
        <v>384547</v>
      </c>
      <c r="CV37" s="103">
        <v>11068324</v>
      </c>
      <c r="CW37" s="106">
        <v>11068324</v>
      </c>
      <c r="CX37" s="100">
        <v>44893</v>
      </c>
      <c r="CY37" s="104">
        <v>229896</v>
      </c>
      <c r="CZ37" s="103">
        <v>274789</v>
      </c>
      <c r="DA37" s="100">
        <v>0</v>
      </c>
      <c r="DB37" s="104">
        <v>618753</v>
      </c>
      <c r="DC37" s="104">
        <v>950968</v>
      </c>
      <c r="DD37" s="104">
        <v>227735</v>
      </c>
      <c r="DE37" s="104">
        <v>721836</v>
      </c>
      <c r="DF37" s="104">
        <v>167533</v>
      </c>
      <c r="DG37" s="103">
        <v>2686825</v>
      </c>
      <c r="DH37" s="106">
        <v>2961614</v>
      </c>
      <c r="DI37" s="100">
        <v>0</v>
      </c>
      <c r="DJ37" s="104">
        <v>22302</v>
      </c>
      <c r="DK37" s="102">
        <v>22302</v>
      </c>
      <c r="DL37" s="101">
        <v>0</v>
      </c>
      <c r="DM37" s="104">
        <v>140365</v>
      </c>
      <c r="DN37" s="104">
        <v>617795</v>
      </c>
      <c r="DO37" s="104">
        <v>2319701</v>
      </c>
      <c r="DP37" s="104">
        <v>512729</v>
      </c>
      <c r="DQ37" s="104">
        <v>855925</v>
      </c>
      <c r="DR37" s="103">
        <v>4446515</v>
      </c>
      <c r="DS37" s="106">
        <v>4468817</v>
      </c>
      <c r="DT37" s="100">
        <v>0</v>
      </c>
      <c r="DU37" s="104">
        <v>22302</v>
      </c>
      <c r="DV37" s="103">
        <v>22302</v>
      </c>
      <c r="DW37" s="100">
        <v>0</v>
      </c>
      <c r="DX37" s="104">
        <v>140365</v>
      </c>
      <c r="DY37" s="104">
        <v>386574</v>
      </c>
      <c r="DZ37" s="104">
        <v>2319701</v>
      </c>
      <c r="EA37" s="104">
        <v>63347</v>
      </c>
      <c r="EB37" s="104">
        <v>665398</v>
      </c>
      <c r="EC37" s="103">
        <v>3575385</v>
      </c>
      <c r="ED37" s="106">
        <v>3597687</v>
      </c>
      <c r="EE37" s="100">
        <v>0</v>
      </c>
      <c r="EF37" s="102">
        <v>0</v>
      </c>
      <c r="EG37" s="103">
        <v>0</v>
      </c>
      <c r="EH37" s="100">
        <v>0</v>
      </c>
      <c r="EI37" s="104">
        <v>0</v>
      </c>
      <c r="EJ37" s="104">
        <v>231221</v>
      </c>
      <c r="EK37" s="104">
        <v>0</v>
      </c>
      <c r="EL37" s="104">
        <v>449382</v>
      </c>
      <c r="EM37" s="104">
        <v>190527</v>
      </c>
      <c r="EN37" s="102">
        <v>871130</v>
      </c>
      <c r="EO37" s="106">
        <v>871130</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06">
        <v>0</v>
      </c>
      <c r="FE37" s="104">
        <v>0</v>
      </c>
      <c r="FF37" s="104">
        <v>0</v>
      </c>
      <c r="FG37" s="104">
        <v>0</v>
      </c>
      <c r="FH37" s="104">
        <v>0</v>
      </c>
      <c r="FI37" s="104">
        <v>0</v>
      </c>
      <c r="FJ37" s="103">
        <v>0</v>
      </c>
      <c r="FK37" s="106">
        <v>0</v>
      </c>
      <c r="FL37" s="100">
        <v>157260</v>
      </c>
      <c r="FM37" s="104">
        <v>368450</v>
      </c>
      <c r="FN37" s="103">
        <v>525710</v>
      </c>
      <c r="FO37" s="100">
        <v>0</v>
      </c>
      <c r="FP37" s="104">
        <v>656893</v>
      </c>
      <c r="FQ37" s="104">
        <v>1088206</v>
      </c>
      <c r="FR37" s="104">
        <v>891445</v>
      </c>
      <c r="FS37" s="104">
        <v>844932</v>
      </c>
      <c r="FT37" s="104">
        <v>346737</v>
      </c>
      <c r="FU37" s="103">
        <v>3828213</v>
      </c>
      <c r="FV37" s="106">
        <v>4353923</v>
      </c>
      <c r="FW37" s="105">
        <v>157260</v>
      </c>
      <c r="FX37" s="104">
        <v>320050</v>
      </c>
      <c r="FY37" s="102">
        <v>477310</v>
      </c>
      <c r="FZ37" s="101">
        <v>0</v>
      </c>
      <c r="GA37" s="104">
        <v>637570</v>
      </c>
      <c r="GB37" s="104">
        <v>1063496</v>
      </c>
      <c r="GC37" s="104">
        <v>855013</v>
      </c>
      <c r="GD37" s="104">
        <v>844932</v>
      </c>
      <c r="GE37" s="104">
        <v>346737</v>
      </c>
      <c r="GF37" s="103">
        <v>3747748</v>
      </c>
      <c r="GG37" s="290">
        <v>4225058</v>
      </c>
      <c r="GH37" s="105">
        <v>0</v>
      </c>
      <c r="GI37" s="104">
        <v>0</v>
      </c>
      <c r="GJ37" s="102">
        <v>0</v>
      </c>
      <c r="GK37" s="101">
        <v>0</v>
      </c>
      <c r="GL37" s="104">
        <v>19323</v>
      </c>
      <c r="GM37" s="104">
        <v>24710</v>
      </c>
      <c r="GN37" s="104">
        <v>36432</v>
      </c>
      <c r="GO37" s="104">
        <v>0</v>
      </c>
      <c r="GP37" s="104">
        <v>0</v>
      </c>
      <c r="GQ37" s="103">
        <v>80465</v>
      </c>
      <c r="GR37" s="106">
        <v>80465</v>
      </c>
      <c r="GS37" s="100">
        <v>0</v>
      </c>
      <c r="GT37" s="104">
        <v>48400</v>
      </c>
      <c r="GU37" s="103">
        <v>48400</v>
      </c>
      <c r="GV37" s="100">
        <v>0</v>
      </c>
      <c r="GW37" s="104">
        <v>0</v>
      </c>
      <c r="GX37" s="104">
        <v>0</v>
      </c>
      <c r="GY37" s="104">
        <v>0</v>
      </c>
      <c r="GZ37" s="104">
        <v>0</v>
      </c>
      <c r="HA37" s="104">
        <v>0</v>
      </c>
      <c r="HB37" s="102">
        <v>0</v>
      </c>
      <c r="HC37" s="106">
        <v>48400</v>
      </c>
      <c r="HD37" s="100">
        <v>241463</v>
      </c>
      <c r="HE37" s="104">
        <v>251820</v>
      </c>
      <c r="HF37" s="102">
        <v>493283</v>
      </c>
      <c r="HG37" s="101">
        <v>0</v>
      </c>
      <c r="HH37" s="104">
        <v>1339154</v>
      </c>
      <c r="HI37" s="104">
        <v>1150096</v>
      </c>
      <c r="HJ37" s="104">
        <v>1505369</v>
      </c>
      <c r="HK37" s="104">
        <v>2664606</v>
      </c>
      <c r="HL37" s="104">
        <v>5337026</v>
      </c>
      <c r="HM37" s="103">
        <v>11996251</v>
      </c>
      <c r="HN37" s="99">
        <v>12489534</v>
      </c>
      <c r="HO37" s="105">
        <v>116880</v>
      </c>
      <c r="HP37" s="104">
        <v>230760</v>
      </c>
      <c r="HQ37" s="103">
        <v>347640</v>
      </c>
      <c r="HR37" s="100">
        <v>0</v>
      </c>
      <c r="HS37" s="104">
        <v>1984276</v>
      </c>
      <c r="HT37" s="104">
        <v>1617619</v>
      </c>
      <c r="HU37" s="104">
        <v>1011271</v>
      </c>
      <c r="HV37" s="104">
        <v>565115</v>
      </c>
      <c r="HW37" s="104">
        <v>289750</v>
      </c>
      <c r="HX37" s="102">
        <v>5468031</v>
      </c>
      <c r="HY37" s="106">
        <v>5815671</v>
      </c>
      <c r="HZ37" s="118">
        <v>0</v>
      </c>
      <c r="IA37" s="119">
        <v>255771</v>
      </c>
      <c r="IB37" s="120">
        <v>255771</v>
      </c>
      <c r="IC37" s="131">
        <v>0</v>
      </c>
      <c r="ID37" s="119">
        <v>5000018</v>
      </c>
      <c r="IE37" s="132">
        <v>3764804</v>
      </c>
      <c r="IF37" s="120">
        <v>5827370</v>
      </c>
      <c r="IG37" s="119">
        <v>6351057</v>
      </c>
      <c r="IH37" s="120">
        <v>2896128</v>
      </c>
      <c r="II37" s="133">
        <v>23839377</v>
      </c>
      <c r="IJ37" s="126">
        <v>24095148</v>
      </c>
      <c r="IK37" s="215">
        <v>0</v>
      </c>
      <c r="IL37" s="219">
        <v>0</v>
      </c>
      <c r="IM37" s="220">
        <v>0</v>
      </c>
      <c r="IN37" s="127">
        <v>0</v>
      </c>
      <c r="IO37" s="109">
        <v>190443</v>
      </c>
      <c r="IP37" s="109">
        <v>292152</v>
      </c>
      <c r="IQ37" s="109">
        <v>197433</v>
      </c>
      <c r="IR37" s="109">
        <v>0</v>
      </c>
      <c r="IS37" s="109">
        <v>0</v>
      </c>
      <c r="IT37" s="128">
        <v>680028</v>
      </c>
      <c r="IU37" s="292">
        <v>680028</v>
      </c>
      <c r="IV37" s="129">
        <v>0</v>
      </c>
      <c r="IW37" s="109">
        <v>0</v>
      </c>
      <c r="IX37" s="110">
        <v>0</v>
      </c>
      <c r="IY37" s="443">
        <v>0</v>
      </c>
      <c r="IZ37" s="109">
        <v>0</v>
      </c>
      <c r="JA37" s="109">
        <v>0</v>
      </c>
      <c r="JB37" s="109">
        <v>0</v>
      </c>
      <c r="JC37" s="109">
        <v>0</v>
      </c>
      <c r="JD37" s="109">
        <v>0</v>
      </c>
      <c r="JE37" s="110">
        <v>0</v>
      </c>
      <c r="JF37" s="111">
        <v>0</v>
      </c>
      <c r="JG37" s="129">
        <v>0</v>
      </c>
      <c r="JH37" s="109">
        <v>0</v>
      </c>
      <c r="JI37" s="128">
        <v>0</v>
      </c>
      <c r="JJ37" s="108">
        <v>0</v>
      </c>
      <c r="JK37" s="109">
        <v>2340543</v>
      </c>
      <c r="JL37" s="109">
        <v>1945883</v>
      </c>
      <c r="JM37" s="109">
        <v>782010</v>
      </c>
      <c r="JN37" s="109">
        <v>811620</v>
      </c>
      <c r="JO37" s="109">
        <v>208683</v>
      </c>
      <c r="JP37" s="110">
        <v>6088739</v>
      </c>
      <c r="JQ37" s="292">
        <v>6088739</v>
      </c>
      <c r="JR37" s="129">
        <v>0</v>
      </c>
      <c r="JS37" s="109">
        <v>0</v>
      </c>
      <c r="JT37" s="128">
        <v>0</v>
      </c>
      <c r="JU37" s="108">
        <v>0</v>
      </c>
      <c r="JV37" s="109">
        <v>544087</v>
      </c>
      <c r="JW37" s="109">
        <v>217998</v>
      </c>
      <c r="JX37" s="109">
        <v>0</v>
      </c>
      <c r="JY37" s="109">
        <v>0</v>
      </c>
      <c r="JZ37" s="109">
        <v>164453</v>
      </c>
      <c r="KA37" s="110">
        <v>926538</v>
      </c>
      <c r="KB37" s="292">
        <v>926538</v>
      </c>
      <c r="KC37" s="217">
        <v>0</v>
      </c>
      <c r="KD37" s="213">
        <v>255771</v>
      </c>
      <c r="KE37" s="110">
        <v>255771</v>
      </c>
      <c r="KF37" s="108">
        <v>0</v>
      </c>
      <c r="KG37" s="109">
        <v>1190943</v>
      </c>
      <c r="KH37" s="109">
        <v>183231</v>
      </c>
      <c r="KI37" s="109">
        <v>695197</v>
      </c>
      <c r="KJ37" s="109">
        <v>651213</v>
      </c>
      <c r="KK37" s="109">
        <v>0</v>
      </c>
      <c r="KL37" s="110">
        <v>2720584</v>
      </c>
      <c r="KM37" s="130">
        <v>2976355</v>
      </c>
      <c r="KN37" s="215">
        <v>0</v>
      </c>
      <c r="KO37" s="219">
        <v>0</v>
      </c>
      <c r="KP37" s="220">
        <v>0</v>
      </c>
      <c r="KQ37" s="443">
        <v>0</v>
      </c>
      <c r="KR37" s="109">
        <v>549934</v>
      </c>
      <c r="KS37" s="109">
        <v>1083915</v>
      </c>
      <c r="KT37" s="109">
        <v>1629125</v>
      </c>
      <c r="KU37" s="109">
        <v>2735415</v>
      </c>
      <c r="KV37" s="109">
        <v>1227733</v>
      </c>
      <c r="KW37" s="110">
        <v>7226122</v>
      </c>
      <c r="KX37" s="292">
        <v>7226122</v>
      </c>
      <c r="KY37" s="129">
        <v>0</v>
      </c>
      <c r="KZ37" s="109">
        <v>0</v>
      </c>
      <c r="LA37" s="110">
        <v>0</v>
      </c>
      <c r="LB37" s="443">
        <v>0</v>
      </c>
      <c r="LC37" s="109">
        <v>0</v>
      </c>
      <c r="LD37" s="109">
        <v>0</v>
      </c>
      <c r="LE37" s="109">
        <v>0</v>
      </c>
      <c r="LF37" s="109">
        <v>0</v>
      </c>
      <c r="LG37" s="109">
        <v>0</v>
      </c>
      <c r="LH37" s="110">
        <v>0</v>
      </c>
      <c r="LI37" s="111">
        <v>0</v>
      </c>
      <c r="LJ37" s="129">
        <v>0</v>
      </c>
      <c r="LK37" s="109">
        <v>0</v>
      </c>
      <c r="LL37" s="110">
        <v>0</v>
      </c>
      <c r="LM37" s="443">
        <v>0</v>
      </c>
      <c r="LN37" s="109">
        <v>184068</v>
      </c>
      <c r="LO37" s="109">
        <v>41625</v>
      </c>
      <c r="LP37" s="109">
        <v>2523605</v>
      </c>
      <c r="LQ37" s="109">
        <v>2152809</v>
      </c>
      <c r="LR37" s="109">
        <v>1295259</v>
      </c>
      <c r="LS37" s="110">
        <v>6197366</v>
      </c>
      <c r="LT37" s="292">
        <v>6197366</v>
      </c>
      <c r="LU37" s="129">
        <v>0</v>
      </c>
      <c r="LV37" s="109">
        <v>0</v>
      </c>
      <c r="LW37" s="110">
        <v>0</v>
      </c>
      <c r="LX37" s="443">
        <v>0</v>
      </c>
      <c r="LY37" s="109">
        <v>0</v>
      </c>
      <c r="LZ37" s="109">
        <v>0</v>
      </c>
      <c r="MA37" s="109">
        <v>0</v>
      </c>
      <c r="MB37" s="109">
        <v>0</v>
      </c>
      <c r="MC37" s="109">
        <v>0</v>
      </c>
      <c r="MD37" s="110">
        <v>0</v>
      </c>
      <c r="ME37" s="111">
        <v>0</v>
      </c>
      <c r="MF37" s="129">
        <v>0</v>
      </c>
      <c r="MG37" s="109">
        <v>0</v>
      </c>
      <c r="MH37" s="110">
        <v>0</v>
      </c>
      <c r="MI37" s="443">
        <v>0</v>
      </c>
      <c r="MJ37" s="109">
        <v>1425411</v>
      </c>
      <c r="MK37" s="109">
        <v>1582409</v>
      </c>
      <c r="ML37" s="109">
        <v>6997489</v>
      </c>
      <c r="MM37" s="109">
        <v>12566193</v>
      </c>
      <c r="MN37" s="109">
        <v>9135915</v>
      </c>
      <c r="MO37" s="110">
        <v>31707417</v>
      </c>
      <c r="MP37" s="130">
        <v>31707417</v>
      </c>
      <c r="MQ37" s="129">
        <v>0</v>
      </c>
      <c r="MR37" s="109">
        <v>0</v>
      </c>
      <c r="MS37" s="110">
        <v>0</v>
      </c>
      <c r="MT37" s="443">
        <v>0</v>
      </c>
      <c r="MU37" s="109">
        <v>433719</v>
      </c>
      <c r="MV37" s="109">
        <v>0</v>
      </c>
      <c r="MW37" s="109">
        <v>2836079</v>
      </c>
      <c r="MX37" s="109">
        <v>7040125</v>
      </c>
      <c r="MY37" s="109">
        <v>5509492</v>
      </c>
      <c r="MZ37" s="110">
        <v>15819415</v>
      </c>
      <c r="NA37" s="130">
        <v>15819415</v>
      </c>
      <c r="NB37" s="129">
        <v>0</v>
      </c>
      <c r="NC37" s="109">
        <v>0</v>
      </c>
      <c r="ND37" s="110">
        <v>0</v>
      </c>
      <c r="NE37" s="443">
        <v>0</v>
      </c>
      <c r="NF37" s="109">
        <v>991692</v>
      </c>
      <c r="NG37" s="109">
        <v>987680</v>
      </c>
      <c r="NH37" s="109">
        <v>3482574</v>
      </c>
      <c r="NI37" s="109">
        <v>5526068</v>
      </c>
      <c r="NJ37" s="109">
        <v>3230085</v>
      </c>
      <c r="NK37" s="110">
        <v>14218099</v>
      </c>
      <c r="NL37" s="292">
        <v>14218099</v>
      </c>
      <c r="NM37" s="129">
        <v>0</v>
      </c>
      <c r="NN37" s="109">
        <v>0</v>
      </c>
      <c r="NO37" s="110">
        <v>0</v>
      </c>
      <c r="NP37" s="443">
        <v>0</v>
      </c>
      <c r="NQ37" s="109">
        <v>0</v>
      </c>
      <c r="NR37" s="109">
        <v>0</v>
      </c>
      <c r="NS37" s="109">
        <v>0</v>
      </c>
      <c r="NT37" s="109">
        <v>0</v>
      </c>
      <c r="NU37" s="109">
        <v>0</v>
      </c>
      <c r="NV37" s="110">
        <v>0</v>
      </c>
      <c r="NW37" s="111">
        <v>0</v>
      </c>
      <c r="NX37" s="129">
        <v>0</v>
      </c>
      <c r="NY37" s="109">
        <v>0</v>
      </c>
      <c r="NZ37" s="110">
        <v>0</v>
      </c>
      <c r="OA37" s="443">
        <v>0</v>
      </c>
      <c r="OB37" s="109">
        <v>0</v>
      </c>
      <c r="OC37" s="109">
        <v>594729</v>
      </c>
      <c r="OD37" s="109">
        <v>678836</v>
      </c>
      <c r="OE37" s="109">
        <v>0</v>
      </c>
      <c r="OF37" s="109">
        <v>396338</v>
      </c>
      <c r="OG37" s="110">
        <v>1669903</v>
      </c>
      <c r="OH37" s="111">
        <v>1669903</v>
      </c>
      <c r="OI37" s="129">
        <v>696972</v>
      </c>
      <c r="OJ37" s="109">
        <v>1601365</v>
      </c>
      <c r="OK37" s="128">
        <v>2298337</v>
      </c>
      <c r="OL37" s="108">
        <v>0</v>
      </c>
      <c r="OM37" s="109">
        <v>17562051</v>
      </c>
      <c r="ON37" s="109">
        <v>16642675</v>
      </c>
      <c r="OO37" s="109">
        <v>23455691</v>
      </c>
      <c r="OP37" s="109">
        <v>27821755</v>
      </c>
      <c r="OQ37" s="109">
        <v>21970917</v>
      </c>
      <c r="OR37" s="110">
        <v>107453089</v>
      </c>
      <c r="OS37" s="130">
        <v>109751426</v>
      </c>
    </row>
    <row r="38" spans="2:409" ht="21" customHeight="1" x14ac:dyDescent="0.2">
      <c r="B38" s="437" t="s">
        <v>33</v>
      </c>
      <c r="C38" s="100">
        <v>1046836</v>
      </c>
      <c r="D38" s="104">
        <v>2286043</v>
      </c>
      <c r="E38" s="103">
        <v>3332879</v>
      </c>
      <c r="F38" s="99">
        <v>0</v>
      </c>
      <c r="G38" s="104">
        <v>7045380</v>
      </c>
      <c r="H38" s="104">
        <v>7006572</v>
      </c>
      <c r="I38" s="104">
        <v>7699837</v>
      </c>
      <c r="J38" s="104">
        <v>3836290</v>
      </c>
      <c r="K38" s="104">
        <v>5339358</v>
      </c>
      <c r="L38" s="156">
        <v>30927437</v>
      </c>
      <c r="M38" s="106">
        <v>34260316</v>
      </c>
      <c r="N38" s="100">
        <v>483556</v>
      </c>
      <c r="O38" s="104">
        <v>775982</v>
      </c>
      <c r="P38" s="103">
        <v>1259538</v>
      </c>
      <c r="Q38" s="100">
        <v>0</v>
      </c>
      <c r="R38" s="104">
        <v>2229839</v>
      </c>
      <c r="S38" s="104">
        <v>1636701</v>
      </c>
      <c r="T38" s="104">
        <v>1972224</v>
      </c>
      <c r="U38" s="104">
        <v>1236492</v>
      </c>
      <c r="V38" s="104">
        <v>1934652</v>
      </c>
      <c r="W38" s="103">
        <v>9009908</v>
      </c>
      <c r="X38" s="106">
        <v>10269446</v>
      </c>
      <c r="Y38" s="100">
        <v>0</v>
      </c>
      <c r="Z38" s="104">
        <v>0</v>
      </c>
      <c r="AA38" s="103">
        <v>0</v>
      </c>
      <c r="AB38" s="100">
        <v>0</v>
      </c>
      <c r="AC38" s="104">
        <v>686300</v>
      </c>
      <c r="AD38" s="104">
        <v>773932</v>
      </c>
      <c r="AE38" s="104">
        <v>1176132</v>
      </c>
      <c r="AF38" s="104">
        <v>769801</v>
      </c>
      <c r="AG38" s="104">
        <v>1480128</v>
      </c>
      <c r="AH38" s="103">
        <v>4886293</v>
      </c>
      <c r="AI38" s="106">
        <v>4886293</v>
      </c>
      <c r="AJ38" s="100">
        <v>0</v>
      </c>
      <c r="AK38" s="104">
        <v>0</v>
      </c>
      <c r="AL38" s="103">
        <v>0</v>
      </c>
      <c r="AM38" s="100">
        <v>0</v>
      </c>
      <c r="AN38" s="104">
        <v>0</v>
      </c>
      <c r="AO38" s="104">
        <v>25587</v>
      </c>
      <c r="AP38" s="104">
        <v>51174</v>
      </c>
      <c r="AQ38" s="104">
        <v>100341</v>
      </c>
      <c r="AR38" s="104">
        <v>101043</v>
      </c>
      <c r="AS38" s="103">
        <v>278145</v>
      </c>
      <c r="AT38" s="106">
        <v>278145</v>
      </c>
      <c r="AU38" s="100">
        <v>0</v>
      </c>
      <c r="AV38" s="104">
        <v>69456</v>
      </c>
      <c r="AW38" s="103">
        <v>69456</v>
      </c>
      <c r="AX38" s="100">
        <v>0</v>
      </c>
      <c r="AY38" s="104">
        <v>539218</v>
      </c>
      <c r="AZ38" s="104">
        <v>153027</v>
      </c>
      <c r="BA38" s="104">
        <v>82266</v>
      </c>
      <c r="BB38" s="104">
        <v>187719</v>
      </c>
      <c r="BC38" s="104">
        <v>93999</v>
      </c>
      <c r="BD38" s="103">
        <v>1056229</v>
      </c>
      <c r="BE38" s="106">
        <v>1125685</v>
      </c>
      <c r="BF38" s="100">
        <v>362767</v>
      </c>
      <c r="BG38" s="104">
        <v>616636</v>
      </c>
      <c r="BH38" s="102">
        <v>979403</v>
      </c>
      <c r="BI38" s="101">
        <v>0</v>
      </c>
      <c r="BJ38" s="104">
        <v>596748</v>
      </c>
      <c r="BK38" s="104">
        <v>112199</v>
      </c>
      <c r="BL38" s="104">
        <v>172846</v>
      </c>
      <c r="BM38" s="104">
        <v>0</v>
      </c>
      <c r="BN38" s="104">
        <v>0</v>
      </c>
      <c r="BO38" s="103">
        <v>881793</v>
      </c>
      <c r="BP38" s="106">
        <v>1861196</v>
      </c>
      <c r="BQ38" s="100">
        <v>120789</v>
      </c>
      <c r="BR38" s="104">
        <v>89890</v>
      </c>
      <c r="BS38" s="103">
        <v>210679</v>
      </c>
      <c r="BT38" s="100">
        <v>0</v>
      </c>
      <c r="BU38" s="104">
        <v>407573</v>
      </c>
      <c r="BV38" s="104">
        <v>571956</v>
      </c>
      <c r="BW38" s="104">
        <v>489806</v>
      </c>
      <c r="BX38" s="104">
        <v>178631</v>
      </c>
      <c r="BY38" s="104">
        <v>259482</v>
      </c>
      <c r="BZ38" s="103">
        <v>1907448</v>
      </c>
      <c r="CA38" s="106">
        <v>2118127</v>
      </c>
      <c r="CB38" s="100">
        <v>134952</v>
      </c>
      <c r="CC38" s="104">
        <v>552677</v>
      </c>
      <c r="CD38" s="103">
        <v>687629</v>
      </c>
      <c r="CE38" s="100">
        <v>0</v>
      </c>
      <c r="CF38" s="104">
        <v>1078429</v>
      </c>
      <c r="CG38" s="104">
        <v>860437</v>
      </c>
      <c r="CH38" s="104">
        <v>593396</v>
      </c>
      <c r="CI38" s="104">
        <v>277971</v>
      </c>
      <c r="CJ38" s="104">
        <v>729938</v>
      </c>
      <c r="CK38" s="103">
        <v>3540171</v>
      </c>
      <c r="CL38" s="106">
        <v>4227800</v>
      </c>
      <c r="CM38" s="100">
        <v>0</v>
      </c>
      <c r="CN38" s="104">
        <v>0</v>
      </c>
      <c r="CO38" s="103">
        <v>0</v>
      </c>
      <c r="CP38" s="101">
        <v>0</v>
      </c>
      <c r="CQ38" s="104">
        <v>369811</v>
      </c>
      <c r="CR38" s="104">
        <v>596546</v>
      </c>
      <c r="CS38" s="104">
        <v>574780</v>
      </c>
      <c r="CT38" s="104">
        <v>170534</v>
      </c>
      <c r="CU38" s="104">
        <v>632542</v>
      </c>
      <c r="CV38" s="103">
        <v>2344213</v>
      </c>
      <c r="CW38" s="106">
        <v>2344213</v>
      </c>
      <c r="CX38" s="100">
        <v>134952</v>
      </c>
      <c r="CY38" s="104">
        <v>552677</v>
      </c>
      <c r="CZ38" s="103">
        <v>687629</v>
      </c>
      <c r="DA38" s="100">
        <v>0</v>
      </c>
      <c r="DB38" s="104">
        <v>708618</v>
      </c>
      <c r="DC38" s="104">
        <v>263891</v>
      </c>
      <c r="DD38" s="104">
        <v>18616</v>
      </c>
      <c r="DE38" s="104">
        <v>107437</v>
      </c>
      <c r="DF38" s="104">
        <v>97396</v>
      </c>
      <c r="DG38" s="103">
        <v>1195958</v>
      </c>
      <c r="DH38" s="106">
        <v>1883587</v>
      </c>
      <c r="DI38" s="100">
        <v>0</v>
      </c>
      <c r="DJ38" s="104">
        <v>0</v>
      </c>
      <c r="DK38" s="102">
        <v>0</v>
      </c>
      <c r="DL38" s="101">
        <v>0</v>
      </c>
      <c r="DM38" s="104">
        <v>41382</v>
      </c>
      <c r="DN38" s="104">
        <v>186497</v>
      </c>
      <c r="DO38" s="104">
        <v>665627</v>
      </c>
      <c r="DP38" s="104">
        <v>220190</v>
      </c>
      <c r="DQ38" s="104">
        <v>197184</v>
      </c>
      <c r="DR38" s="103">
        <v>1310880</v>
      </c>
      <c r="DS38" s="106">
        <v>1310880</v>
      </c>
      <c r="DT38" s="100">
        <v>0</v>
      </c>
      <c r="DU38" s="104">
        <v>0</v>
      </c>
      <c r="DV38" s="103">
        <v>0</v>
      </c>
      <c r="DW38" s="100">
        <v>0</v>
      </c>
      <c r="DX38" s="104">
        <v>41382</v>
      </c>
      <c r="DY38" s="104">
        <v>186497</v>
      </c>
      <c r="DZ38" s="104">
        <v>665627</v>
      </c>
      <c r="EA38" s="104">
        <v>14892</v>
      </c>
      <c r="EB38" s="104">
        <v>121212</v>
      </c>
      <c r="EC38" s="103">
        <v>1029610</v>
      </c>
      <c r="ED38" s="106">
        <v>1029610</v>
      </c>
      <c r="EE38" s="100">
        <v>0</v>
      </c>
      <c r="EF38" s="102">
        <v>0</v>
      </c>
      <c r="EG38" s="103">
        <v>0</v>
      </c>
      <c r="EH38" s="100">
        <v>0</v>
      </c>
      <c r="EI38" s="104">
        <v>0</v>
      </c>
      <c r="EJ38" s="104">
        <v>0</v>
      </c>
      <c r="EK38" s="104">
        <v>0</v>
      </c>
      <c r="EL38" s="104">
        <v>205298</v>
      </c>
      <c r="EM38" s="104">
        <v>75972</v>
      </c>
      <c r="EN38" s="102">
        <v>281270</v>
      </c>
      <c r="EO38" s="106">
        <v>28127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06">
        <v>0</v>
      </c>
      <c r="FE38" s="104">
        <v>0</v>
      </c>
      <c r="FF38" s="104">
        <v>0</v>
      </c>
      <c r="FG38" s="104">
        <v>0</v>
      </c>
      <c r="FH38" s="104">
        <v>0</v>
      </c>
      <c r="FI38" s="104">
        <v>0</v>
      </c>
      <c r="FJ38" s="103">
        <v>0</v>
      </c>
      <c r="FK38" s="106">
        <v>0</v>
      </c>
      <c r="FL38" s="100">
        <v>151020</v>
      </c>
      <c r="FM38" s="104">
        <v>314002</v>
      </c>
      <c r="FN38" s="103">
        <v>465022</v>
      </c>
      <c r="FO38" s="100">
        <v>0</v>
      </c>
      <c r="FP38" s="104">
        <v>567953</v>
      </c>
      <c r="FQ38" s="104">
        <v>316350</v>
      </c>
      <c r="FR38" s="104">
        <v>265902</v>
      </c>
      <c r="FS38" s="104">
        <v>138936</v>
      </c>
      <c r="FT38" s="104">
        <v>396797</v>
      </c>
      <c r="FU38" s="103">
        <v>1685938</v>
      </c>
      <c r="FV38" s="106">
        <v>2150960</v>
      </c>
      <c r="FW38" s="105">
        <v>110232</v>
      </c>
      <c r="FX38" s="104">
        <v>282817</v>
      </c>
      <c r="FY38" s="102">
        <v>393049</v>
      </c>
      <c r="FZ38" s="101">
        <v>0</v>
      </c>
      <c r="GA38" s="104">
        <v>372943</v>
      </c>
      <c r="GB38" s="104">
        <v>286290</v>
      </c>
      <c r="GC38" s="104">
        <v>265902</v>
      </c>
      <c r="GD38" s="104">
        <v>138936</v>
      </c>
      <c r="GE38" s="104">
        <v>396797</v>
      </c>
      <c r="GF38" s="103">
        <v>1460868</v>
      </c>
      <c r="GG38" s="290">
        <v>1853917</v>
      </c>
      <c r="GH38" s="105">
        <v>40788</v>
      </c>
      <c r="GI38" s="104">
        <v>31185</v>
      </c>
      <c r="GJ38" s="102">
        <v>71973</v>
      </c>
      <c r="GK38" s="101">
        <v>0</v>
      </c>
      <c r="GL38" s="104">
        <v>18295</v>
      </c>
      <c r="GM38" s="104">
        <v>16200</v>
      </c>
      <c r="GN38" s="104">
        <v>0</v>
      </c>
      <c r="GO38" s="104">
        <v>0</v>
      </c>
      <c r="GP38" s="104">
        <v>0</v>
      </c>
      <c r="GQ38" s="103">
        <v>34495</v>
      </c>
      <c r="GR38" s="106">
        <v>106468</v>
      </c>
      <c r="GS38" s="100">
        <v>0</v>
      </c>
      <c r="GT38" s="104">
        <v>0</v>
      </c>
      <c r="GU38" s="103">
        <v>0</v>
      </c>
      <c r="GV38" s="100">
        <v>0</v>
      </c>
      <c r="GW38" s="104">
        <v>176715</v>
      </c>
      <c r="GX38" s="104">
        <v>13860</v>
      </c>
      <c r="GY38" s="104">
        <v>0</v>
      </c>
      <c r="GZ38" s="104">
        <v>0</v>
      </c>
      <c r="HA38" s="104">
        <v>0</v>
      </c>
      <c r="HB38" s="102">
        <v>190575</v>
      </c>
      <c r="HC38" s="106">
        <v>190575</v>
      </c>
      <c r="HD38" s="100">
        <v>126702</v>
      </c>
      <c r="HE38" s="104">
        <v>376621</v>
      </c>
      <c r="HF38" s="102">
        <v>503323</v>
      </c>
      <c r="HG38" s="101">
        <v>0</v>
      </c>
      <c r="HH38" s="104">
        <v>2196136</v>
      </c>
      <c r="HI38" s="104">
        <v>3613369</v>
      </c>
      <c r="HJ38" s="104">
        <v>3837649</v>
      </c>
      <c r="HK38" s="104">
        <v>1806643</v>
      </c>
      <c r="HL38" s="104">
        <v>1876959</v>
      </c>
      <c r="HM38" s="103">
        <v>13330756</v>
      </c>
      <c r="HN38" s="99">
        <v>13834079</v>
      </c>
      <c r="HO38" s="105">
        <v>150606</v>
      </c>
      <c r="HP38" s="104">
        <v>266761</v>
      </c>
      <c r="HQ38" s="103">
        <v>417367</v>
      </c>
      <c r="HR38" s="100">
        <v>0</v>
      </c>
      <c r="HS38" s="104">
        <v>931641</v>
      </c>
      <c r="HT38" s="104">
        <v>393218</v>
      </c>
      <c r="HU38" s="104">
        <v>365039</v>
      </c>
      <c r="HV38" s="104">
        <v>156058</v>
      </c>
      <c r="HW38" s="104">
        <v>203828</v>
      </c>
      <c r="HX38" s="102">
        <v>2049784</v>
      </c>
      <c r="HY38" s="106">
        <v>2467151</v>
      </c>
      <c r="HZ38" s="135">
        <v>0</v>
      </c>
      <c r="IA38" s="122">
        <v>245899</v>
      </c>
      <c r="IB38" s="135">
        <v>245899</v>
      </c>
      <c r="IC38" s="131">
        <v>0</v>
      </c>
      <c r="ID38" s="119">
        <v>2118701</v>
      </c>
      <c r="IE38" s="132">
        <v>1910510</v>
      </c>
      <c r="IF38" s="120">
        <v>3788956</v>
      </c>
      <c r="IG38" s="119">
        <v>1504849</v>
      </c>
      <c r="IH38" s="120">
        <v>2923170</v>
      </c>
      <c r="II38" s="133">
        <v>12246186</v>
      </c>
      <c r="IJ38" s="135">
        <v>12492085</v>
      </c>
      <c r="IK38" s="215">
        <v>0</v>
      </c>
      <c r="IL38" s="219">
        <v>0</v>
      </c>
      <c r="IM38" s="220">
        <v>0</v>
      </c>
      <c r="IN38" s="127">
        <v>0</v>
      </c>
      <c r="IO38" s="109">
        <v>0</v>
      </c>
      <c r="IP38" s="109">
        <v>0</v>
      </c>
      <c r="IQ38" s="109">
        <v>0</v>
      </c>
      <c r="IR38" s="109">
        <v>0</v>
      </c>
      <c r="IS38" s="109">
        <v>0</v>
      </c>
      <c r="IT38" s="128">
        <v>0</v>
      </c>
      <c r="IU38" s="292">
        <v>0</v>
      </c>
      <c r="IV38" s="129">
        <v>0</v>
      </c>
      <c r="IW38" s="109">
        <v>0</v>
      </c>
      <c r="IX38" s="110">
        <v>0</v>
      </c>
      <c r="IY38" s="443">
        <v>0</v>
      </c>
      <c r="IZ38" s="109">
        <v>0</v>
      </c>
      <c r="JA38" s="109">
        <v>0</v>
      </c>
      <c r="JB38" s="109">
        <v>0</v>
      </c>
      <c r="JC38" s="109">
        <v>0</v>
      </c>
      <c r="JD38" s="109">
        <v>0</v>
      </c>
      <c r="JE38" s="110">
        <v>0</v>
      </c>
      <c r="JF38" s="111">
        <v>0</v>
      </c>
      <c r="JG38" s="129">
        <v>0</v>
      </c>
      <c r="JH38" s="109">
        <v>0</v>
      </c>
      <c r="JI38" s="128">
        <v>0</v>
      </c>
      <c r="JJ38" s="108">
        <v>0</v>
      </c>
      <c r="JK38" s="109">
        <v>854437</v>
      </c>
      <c r="JL38" s="109">
        <v>689846</v>
      </c>
      <c r="JM38" s="109">
        <v>539099</v>
      </c>
      <c r="JN38" s="109">
        <v>73125</v>
      </c>
      <c r="JO38" s="109">
        <v>89552</v>
      </c>
      <c r="JP38" s="110">
        <v>2246059</v>
      </c>
      <c r="JQ38" s="292">
        <v>2246059</v>
      </c>
      <c r="JR38" s="129">
        <v>0</v>
      </c>
      <c r="JS38" s="109">
        <v>0</v>
      </c>
      <c r="JT38" s="128">
        <v>0</v>
      </c>
      <c r="JU38" s="108">
        <v>0</v>
      </c>
      <c r="JV38" s="109">
        <v>0</v>
      </c>
      <c r="JW38" s="109">
        <v>0</v>
      </c>
      <c r="JX38" s="109">
        <v>0</v>
      </c>
      <c r="JY38" s="109">
        <v>0</v>
      </c>
      <c r="JZ38" s="109">
        <v>0</v>
      </c>
      <c r="KA38" s="110">
        <v>0</v>
      </c>
      <c r="KB38" s="292">
        <v>0</v>
      </c>
      <c r="KC38" s="217">
        <v>0</v>
      </c>
      <c r="KD38" s="213">
        <v>0</v>
      </c>
      <c r="KE38" s="110">
        <v>0</v>
      </c>
      <c r="KF38" s="108">
        <v>0</v>
      </c>
      <c r="KG38" s="109">
        <v>0</v>
      </c>
      <c r="KH38" s="109">
        <v>0</v>
      </c>
      <c r="KI38" s="109">
        <v>0</v>
      </c>
      <c r="KJ38" s="109">
        <v>0</v>
      </c>
      <c r="KK38" s="109">
        <v>0</v>
      </c>
      <c r="KL38" s="110">
        <v>0</v>
      </c>
      <c r="KM38" s="130">
        <v>0</v>
      </c>
      <c r="KN38" s="215">
        <v>0</v>
      </c>
      <c r="KO38" s="219">
        <v>245899</v>
      </c>
      <c r="KP38" s="220">
        <v>245899</v>
      </c>
      <c r="KQ38" s="443">
        <v>0</v>
      </c>
      <c r="KR38" s="109">
        <v>779889</v>
      </c>
      <c r="KS38" s="109">
        <v>814245</v>
      </c>
      <c r="KT38" s="109">
        <v>2172123</v>
      </c>
      <c r="KU38" s="109">
        <v>284520</v>
      </c>
      <c r="KV38" s="109">
        <v>580176</v>
      </c>
      <c r="KW38" s="110">
        <v>4630953</v>
      </c>
      <c r="KX38" s="292">
        <v>4876852</v>
      </c>
      <c r="KY38" s="129">
        <v>0</v>
      </c>
      <c r="KZ38" s="109">
        <v>0</v>
      </c>
      <c r="LA38" s="110">
        <v>0</v>
      </c>
      <c r="LB38" s="443">
        <v>0</v>
      </c>
      <c r="LC38" s="109">
        <v>0</v>
      </c>
      <c r="LD38" s="109">
        <v>0</v>
      </c>
      <c r="LE38" s="109">
        <v>0</v>
      </c>
      <c r="LF38" s="109">
        <v>0</v>
      </c>
      <c r="LG38" s="109">
        <v>0</v>
      </c>
      <c r="LH38" s="110">
        <v>0</v>
      </c>
      <c r="LI38" s="111">
        <v>0</v>
      </c>
      <c r="LJ38" s="129">
        <v>0</v>
      </c>
      <c r="LK38" s="109">
        <v>0</v>
      </c>
      <c r="LL38" s="110">
        <v>0</v>
      </c>
      <c r="LM38" s="443">
        <v>0</v>
      </c>
      <c r="LN38" s="109">
        <v>0</v>
      </c>
      <c r="LO38" s="109">
        <v>0</v>
      </c>
      <c r="LP38" s="109">
        <v>0</v>
      </c>
      <c r="LQ38" s="109">
        <v>0</v>
      </c>
      <c r="LR38" s="109">
        <v>0</v>
      </c>
      <c r="LS38" s="110">
        <v>0</v>
      </c>
      <c r="LT38" s="292">
        <v>0</v>
      </c>
      <c r="LU38" s="129">
        <v>0</v>
      </c>
      <c r="LV38" s="109">
        <v>0</v>
      </c>
      <c r="LW38" s="110">
        <v>0</v>
      </c>
      <c r="LX38" s="443">
        <v>0</v>
      </c>
      <c r="LY38" s="109">
        <v>484375</v>
      </c>
      <c r="LZ38" s="109">
        <v>406419</v>
      </c>
      <c r="MA38" s="109">
        <v>1077734</v>
      </c>
      <c r="MB38" s="109">
        <v>1147204</v>
      </c>
      <c r="MC38" s="109">
        <v>2253442</v>
      </c>
      <c r="MD38" s="110">
        <v>5369174</v>
      </c>
      <c r="ME38" s="111">
        <v>5369174</v>
      </c>
      <c r="MF38" s="129">
        <v>0</v>
      </c>
      <c r="MG38" s="109">
        <v>0</v>
      </c>
      <c r="MH38" s="110">
        <v>0</v>
      </c>
      <c r="MI38" s="443">
        <v>0</v>
      </c>
      <c r="MJ38" s="109">
        <v>1974247</v>
      </c>
      <c r="MK38" s="109">
        <v>7074037</v>
      </c>
      <c r="ML38" s="109">
        <v>12110296</v>
      </c>
      <c r="MM38" s="109">
        <v>18469626</v>
      </c>
      <c r="MN38" s="109">
        <v>11858131</v>
      </c>
      <c r="MO38" s="110">
        <v>51486337</v>
      </c>
      <c r="MP38" s="130">
        <v>51486337</v>
      </c>
      <c r="MQ38" s="129">
        <v>0</v>
      </c>
      <c r="MR38" s="109">
        <v>0</v>
      </c>
      <c r="MS38" s="110">
        <v>0</v>
      </c>
      <c r="MT38" s="443">
        <v>0</v>
      </c>
      <c r="MU38" s="109">
        <v>0</v>
      </c>
      <c r="MV38" s="109">
        <v>1119791</v>
      </c>
      <c r="MW38" s="109">
        <v>5929452</v>
      </c>
      <c r="MX38" s="109">
        <v>8959737</v>
      </c>
      <c r="MY38" s="109">
        <v>6167378</v>
      </c>
      <c r="MZ38" s="110">
        <v>22176358</v>
      </c>
      <c r="NA38" s="130">
        <v>22176358</v>
      </c>
      <c r="NB38" s="129">
        <v>0</v>
      </c>
      <c r="NC38" s="109">
        <v>0</v>
      </c>
      <c r="ND38" s="110">
        <v>0</v>
      </c>
      <c r="NE38" s="443">
        <v>0</v>
      </c>
      <c r="NF38" s="109">
        <v>1595977</v>
      </c>
      <c r="NG38" s="109">
        <v>2485599</v>
      </c>
      <c r="NH38" s="109">
        <v>3739226</v>
      </c>
      <c r="NI38" s="109">
        <v>6211524</v>
      </c>
      <c r="NJ38" s="109">
        <v>2021141</v>
      </c>
      <c r="NK38" s="110">
        <v>16053467</v>
      </c>
      <c r="NL38" s="292">
        <v>16053467</v>
      </c>
      <c r="NM38" s="129">
        <v>0</v>
      </c>
      <c r="NN38" s="109">
        <v>0</v>
      </c>
      <c r="NO38" s="110">
        <v>0</v>
      </c>
      <c r="NP38" s="443">
        <v>0</v>
      </c>
      <c r="NQ38" s="109">
        <v>0</v>
      </c>
      <c r="NR38" s="109">
        <v>0</v>
      </c>
      <c r="NS38" s="109">
        <v>0</v>
      </c>
      <c r="NT38" s="109">
        <v>0</v>
      </c>
      <c r="NU38" s="109">
        <v>0</v>
      </c>
      <c r="NV38" s="110">
        <v>0</v>
      </c>
      <c r="NW38" s="111">
        <v>0</v>
      </c>
      <c r="NX38" s="129">
        <v>0</v>
      </c>
      <c r="NY38" s="109">
        <v>0</v>
      </c>
      <c r="NZ38" s="110">
        <v>0</v>
      </c>
      <c r="OA38" s="443">
        <v>0</v>
      </c>
      <c r="OB38" s="109">
        <v>378270</v>
      </c>
      <c r="OC38" s="109">
        <v>3468647</v>
      </c>
      <c r="OD38" s="109">
        <v>2441618</v>
      </c>
      <c r="OE38" s="109">
        <v>3298365</v>
      </c>
      <c r="OF38" s="109">
        <v>3669612</v>
      </c>
      <c r="OG38" s="110">
        <v>13256512</v>
      </c>
      <c r="OH38" s="111">
        <v>13256512</v>
      </c>
      <c r="OI38" s="129">
        <v>1046836</v>
      </c>
      <c r="OJ38" s="109">
        <v>2531942</v>
      </c>
      <c r="OK38" s="128">
        <v>3578778</v>
      </c>
      <c r="OL38" s="108">
        <v>0</v>
      </c>
      <c r="OM38" s="109">
        <v>11138328</v>
      </c>
      <c r="ON38" s="109">
        <v>15991119</v>
      </c>
      <c r="OO38" s="109">
        <v>23599089</v>
      </c>
      <c r="OP38" s="109">
        <v>23810765</v>
      </c>
      <c r="OQ38" s="109">
        <v>20120659</v>
      </c>
      <c r="OR38" s="110">
        <v>94659960</v>
      </c>
      <c r="OS38" s="130">
        <v>98238738</v>
      </c>
    </row>
    <row r="39" spans="2:409" ht="21" customHeight="1" x14ac:dyDescent="0.2">
      <c r="B39" s="437" t="s">
        <v>34</v>
      </c>
      <c r="C39" s="100">
        <v>506449</v>
      </c>
      <c r="D39" s="104">
        <v>1406824</v>
      </c>
      <c r="E39" s="157">
        <v>1913273</v>
      </c>
      <c r="F39" s="158">
        <v>0</v>
      </c>
      <c r="G39" s="159">
        <v>7791042</v>
      </c>
      <c r="H39" s="159">
        <v>6016373</v>
      </c>
      <c r="I39" s="159">
        <v>4836343</v>
      </c>
      <c r="J39" s="159">
        <v>5559612</v>
      </c>
      <c r="K39" s="159">
        <v>3585498</v>
      </c>
      <c r="L39" s="160">
        <v>27788868</v>
      </c>
      <c r="M39" s="106">
        <v>29702141</v>
      </c>
      <c r="N39" s="100">
        <v>24768</v>
      </c>
      <c r="O39" s="104">
        <v>373815</v>
      </c>
      <c r="P39" s="103">
        <v>398583</v>
      </c>
      <c r="Q39" s="100">
        <v>0</v>
      </c>
      <c r="R39" s="104">
        <v>1745257</v>
      </c>
      <c r="S39" s="104">
        <v>1725093</v>
      </c>
      <c r="T39" s="104">
        <v>781424</v>
      </c>
      <c r="U39" s="104">
        <v>1186546</v>
      </c>
      <c r="V39" s="104">
        <v>1536519</v>
      </c>
      <c r="W39" s="103">
        <v>6974839</v>
      </c>
      <c r="X39" s="106">
        <v>7373422</v>
      </c>
      <c r="Y39" s="100">
        <v>0</v>
      </c>
      <c r="Z39" s="104">
        <v>0</v>
      </c>
      <c r="AA39" s="103">
        <v>0</v>
      </c>
      <c r="AB39" s="100">
        <v>0</v>
      </c>
      <c r="AC39" s="104">
        <v>602136</v>
      </c>
      <c r="AD39" s="104">
        <v>752985</v>
      </c>
      <c r="AE39" s="104">
        <v>362081</v>
      </c>
      <c r="AF39" s="104">
        <v>631269</v>
      </c>
      <c r="AG39" s="104">
        <v>503615</v>
      </c>
      <c r="AH39" s="103">
        <v>2852086</v>
      </c>
      <c r="AI39" s="106">
        <v>2852086</v>
      </c>
      <c r="AJ39" s="100">
        <v>0</v>
      </c>
      <c r="AK39" s="104">
        <v>0</v>
      </c>
      <c r="AL39" s="103">
        <v>0</v>
      </c>
      <c r="AM39" s="100">
        <v>0</v>
      </c>
      <c r="AN39" s="104">
        <v>12006</v>
      </c>
      <c r="AO39" s="104">
        <v>49167</v>
      </c>
      <c r="AP39" s="104">
        <v>39802</v>
      </c>
      <c r="AQ39" s="104">
        <v>51174</v>
      </c>
      <c r="AR39" s="104">
        <v>416340</v>
      </c>
      <c r="AS39" s="103">
        <v>568489</v>
      </c>
      <c r="AT39" s="106">
        <v>568489</v>
      </c>
      <c r="AU39" s="100">
        <v>0</v>
      </c>
      <c r="AV39" s="104">
        <v>277164</v>
      </c>
      <c r="AW39" s="103">
        <v>277164</v>
      </c>
      <c r="AX39" s="100">
        <v>0</v>
      </c>
      <c r="AY39" s="104">
        <v>515327</v>
      </c>
      <c r="AZ39" s="104">
        <v>521664</v>
      </c>
      <c r="BA39" s="104">
        <v>176424</v>
      </c>
      <c r="BB39" s="104">
        <v>230017</v>
      </c>
      <c r="BC39" s="104">
        <v>375291</v>
      </c>
      <c r="BD39" s="103">
        <v>1818723</v>
      </c>
      <c r="BE39" s="106">
        <v>2095887</v>
      </c>
      <c r="BF39" s="100">
        <v>0</v>
      </c>
      <c r="BG39" s="104">
        <v>33804</v>
      </c>
      <c r="BH39" s="102">
        <v>33804</v>
      </c>
      <c r="BI39" s="101">
        <v>0</v>
      </c>
      <c r="BJ39" s="104">
        <v>230715</v>
      </c>
      <c r="BK39" s="104">
        <v>70738</v>
      </c>
      <c r="BL39" s="104">
        <v>97365</v>
      </c>
      <c r="BM39" s="104">
        <v>33480</v>
      </c>
      <c r="BN39" s="104">
        <v>45072</v>
      </c>
      <c r="BO39" s="103">
        <v>477370</v>
      </c>
      <c r="BP39" s="106">
        <v>511174</v>
      </c>
      <c r="BQ39" s="100">
        <v>24768</v>
      </c>
      <c r="BR39" s="104">
        <v>62847</v>
      </c>
      <c r="BS39" s="103">
        <v>87615</v>
      </c>
      <c r="BT39" s="100">
        <v>0</v>
      </c>
      <c r="BU39" s="104">
        <v>385073</v>
      </c>
      <c r="BV39" s="104">
        <v>330539</v>
      </c>
      <c r="BW39" s="104">
        <v>105752</v>
      </c>
      <c r="BX39" s="104">
        <v>240606</v>
      </c>
      <c r="BY39" s="104">
        <v>196201</v>
      </c>
      <c r="BZ39" s="103">
        <v>1258171</v>
      </c>
      <c r="CA39" s="106">
        <v>1345786</v>
      </c>
      <c r="CB39" s="100">
        <v>23130</v>
      </c>
      <c r="CC39" s="104">
        <v>170991</v>
      </c>
      <c r="CD39" s="103">
        <v>194121</v>
      </c>
      <c r="CE39" s="100">
        <v>0</v>
      </c>
      <c r="CF39" s="104">
        <v>2243614</v>
      </c>
      <c r="CG39" s="104">
        <v>1683154</v>
      </c>
      <c r="CH39" s="104">
        <v>2146253</v>
      </c>
      <c r="CI39" s="104">
        <v>1430928</v>
      </c>
      <c r="CJ39" s="104">
        <v>0</v>
      </c>
      <c r="CK39" s="103">
        <v>7503949</v>
      </c>
      <c r="CL39" s="106">
        <v>7698070</v>
      </c>
      <c r="CM39" s="100">
        <v>0</v>
      </c>
      <c r="CN39" s="104">
        <v>0</v>
      </c>
      <c r="CO39" s="103">
        <v>0</v>
      </c>
      <c r="CP39" s="101">
        <v>0</v>
      </c>
      <c r="CQ39" s="104">
        <v>1839892</v>
      </c>
      <c r="CR39" s="104">
        <v>1550926</v>
      </c>
      <c r="CS39" s="104">
        <v>1977074</v>
      </c>
      <c r="CT39" s="104">
        <v>1159272</v>
      </c>
      <c r="CU39" s="104">
        <v>0</v>
      </c>
      <c r="CV39" s="103">
        <v>6527164</v>
      </c>
      <c r="CW39" s="106">
        <v>6527164</v>
      </c>
      <c r="CX39" s="100">
        <v>23130</v>
      </c>
      <c r="CY39" s="104">
        <v>170991</v>
      </c>
      <c r="CZ39" s="103">
        <v>194121</v>
      </c>
      <c r="DA39" s="100">
        <v>0</v>
      </c>
      <c r="DB39" s="104">
        <v>403722</v>
      </c>
      <c r="DC39" s="104">
        <v>132228</v>
      </c>
      <c r="DD39" s="104">
        <v>169179</v>
      </c>
      <c r="DE39" s="104">
        <v>271656</v>
      </c>
      <c r="DF39" s="104">
        <v>0</v>
      </c>
      <c r="DG39" s="103">
        <v>976785</v>
      </c>
      <c r="DH39" s="106">
        <v>1170906</v>
      </c>
      <c r="DI39" s="100">
        <v>0</v>
      </c>
      <c r="DJ39" s="104">
        <v>0</v>
      </c>
      <c r="DK39" s="102">
        <v>0</v>
      </c>
      <c r="DL39" s="101">
        <v>0</v>
      </c>
      <c r="DM39" s="104">
        <v>110691</v>
      </c>
      <c r="DN39" s="104">
        <v>183357</v>
      </c>
      <c r="DO39" s="104">
        <v>414693</v>
      </c>
      <c r="DP39" s="104">
        <v>570186</v>
      </c>
      <c r="DQ39" s="104">
        <v>351665</v>
      </c>
      <c r="DR39" s="103">
        <v>1630592</v>
      </c>
      <c r="DS39" s="106">
        <v>1630592</v>
      </c>
      <c r="DT39" s="100">
        <v>0</v>
      </c>
      <c r="DU39" s="104">
        <v>0</v>
      </c>
      <c r="DV39" s="103">
        <v>0</v>
      </c>
      <c r="DW39" s="100">
        <v>0</v>
      </c>
      <c r="DX39" s="104">
        <v>110691</v>
      </c>
      <c r="DY39" s="104">
        <v>83619</v>
      </c>
      <c r="DZ39" s="104">
        <v>414693</v>
      </c>
      <c r="EA39" s="104">
        <v>570186</v>
      </c>
      <c r="EB39" s="104">
        <v>302562</v>
      </c>
      <c r="EC39" s="103">
        <v>1481751</v>
      </c>
      <c r="ED39" s="106">
        <v>1481751</v>
      </c>
      <c r="EE39" s="100">
        <v>0</v>
      </c>
      <c r="EF39" s="102">
        <v>0</v>
      </c>
      <c r="EG39" s="103">
        <v>0</v>
      </c>
      <c r="EH39" s="100">
        <v>0</v>
      </c>
      <c r="EI39" s="104">
        <v>0</v>
      </c>
      <c r="EJ39" s="104">
        <v>99738</v>
      </c>
      <c r="EK39" s="104">
        <v>0</v>
      </c>
      <c r="EL39" s="104">
        <v>0</v>
      </c>
      <c r="EM39" s="104">
        <v>49103</v>
      </c>
      <c r="EN39" s="102">
        <v>148841</v>
      </c>
      <c r="EO39" s="106">
        <v>148841</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06">
        <v>0</v>
      </c>
      <c r="FE39" s="104">
        <v>0</v>
      </c>
      <c r="FF39" s="104">
        <v>0</v>
      </c>
      <c r="FG39" s="104">
        <v>0</v>
      </c>
      <c r="FH39" s="104">
        <v>0</v>
      </c>
      <c r="FI39" s="104">
        <v>0</v>
      </c>
      <c r="FJ39" s="103">
        <v>0</v>
      </c>
      <c r="FK39" s="106">
        <v>0</v>
      </c>
      <c r="FL39" s="100">
        <v>275560</v>
      </c>
      <c r="FM39" s="104">
        <v>444559</v>
      </c>
      <c r="FN39" s="103">
        <v>720119</v>
      </c>
      <c r="FO39" s="100">
        <v>0</v>
      </c>
      <c r="FP39" s="104">
        <v>405028</v>
      </c>
      <c r="FQ39" s="104">
        <v>685934</v>
      </c>
      <c r="FR39" s="104">
        <v>409606</v>
      </c>
      <c r="FS39" s="104">
        <v>422221</v>
      </c>
      <c r="FT39" s="104">
        <v>204300</v>
      </c>
      <c r="FU39" s="103">
        <v>2127089</v>
      </c>
      <c r="FV39" s="106">
        <v>2847208</v>
      </c>
      <c r="FW39" s="105">
        <v>100440</v>
      </c>
      <c r="FX39" s="104">
        <v>113850</v>
      </c>
      <c r="FY39" s="102">
        <v>214290</v>
      </c>
      <c r="FZ39" s="101">
        <v>0</v>
      </c>
      <c r="GA39" s="104">
        <v>405028</v>
      </c>
      <c r="GB39" s="104">
        <v>627722</v>
      </c>
      <c r="GC39" s="104">
        <v>392886</v>
      </c>
      <c r="GD39" s="104">
        <v>422221</v>
      </c>
      <c r="GE39" s="104">
        <v>204300</v>
      </c>
      <c r="GF39" s="103">
        <v>2052157</v>
      </c>
      <c r="GG39" s="290">
        <v>2266447</v>
      </c>
      <c r="GH39" s="105">
        <v>15840</v>
      </c>
      <c r="GI39" s="104">
        <v>48559</v>
      </c>
      <c r="GJ39" s="102">
        <v>64399</v>
      </c>
      <c r="GK39" s="101">
        <v>0</v>
      </c>
      <c r="GL39" s="104">
        <v>0</v>
      </c>
      <c r="GM39" s="104">
        <v>58212</v>
      </c>
      <c r="GN39" s="104">
        <v>0</v>
      </c>
      <c r="GO39" s="104">
        <v>0</v>
      </c>
      <c r="GP39" s="104">
        <v>0</v>
      </c>
      <c r="GQ39" s="103">
        <v>58212</v>
      </c>
      <c r="GR39" s="106">
        <v>122611</v>
      </c>
      <c r="GS39" s="100">
        <v>159280</v>
      </c>
      <c r="GT39" s="104">
        <v>282150</v>
      </c>
      <c r="GU39" s="103">
        <v>441430</v>
      </c>
      <c r="GV39" s="100">
        <v>0</v>
      </c>
      <c r="GW39" s="104">
        <v>0</v>
      </c>
      <c r="GX39" s="104">
        <v>0</v>
      </c>
      <c r="GY39" s="104">
        <v>16720</v>
      </c>
      <c r="GZ39" s="104">
        <v>0</v>
      </c>
      <c r="HA39" s="104">
        <v>0</v>
      </c>
      <c r="HB39" s="102">
        <v>16720</v>
      </c>
      <c r="HC39" s="106">
        <v>458150</v>
      </c>
      <c r="HD39" s="100">
        <v>121671</v>
      </c>
      <c r="HE39" s="104">
        <v>303579</v>
      </c>
      <c r="HF39" s="102">
        <v>425250</v>
      </c>
      <c r="HG39" s="101">
        <v>0</v>
      </c>
      <c r="HH39" s="104">
        <v>2287074</v>
      </c>
      <c r="HI39" s="104">
        <v>1153290</v>
      </c>
      <c r="HJ39" s="104">
        <v>623335</v>
      </c>
      <c r="HK39" s="104">
        <v>1642483</v>
      </c>
      <c r="HL39" s="104">
        <v>1363550</v>
      </c>
      <c r="HM39" s="103">
        <v>7069732</v>
      </c>
      <c r="HN39" s="99">
        <v>7494982</v>
      </c>
      <c r="HO39" s="105">
        <v>61320</v>
      </c>
      <c r="HP39" s="104">
        <v>113880</v>
      </c>
      <c r="HQ39" s="103">
        <v>175200</v>
      </c>
      <c r="HR39" s="100">
        <v>0</v>
      </c>
      <c r="HS39" s="104">
        <v>999378</v>
      </c>
      <c r="HT39" s="104">
        <v>585545</v>
      </c>
      <c r="HU39" s="104">
        <v>461032</v>
      </c>
      <c r="HV39" s="104">
        <v>307248</v>
      </c>
      <c r="HW39" s="104">
        <v>129464</v>
      </c>
      <c r="HX39" s="102">
        <v>2482667</v>
      </c>
      <c r="HY39" s="106">
        <v>2657867</v>
      </c>
      <c r="HZ39" s="118">
        <v>45171</v>
      </c>
      <c r="IA39" s="119">
        <v>80901</v>
      </c>
      <c r="IB39" s="120">
        <v>126072</v>
      </c>
      <c r="IC39" s="131">
        <v>0</v>
      </c>
      <c r="ID39" s="119">
        <v>2894380</v>
      </c>
      <c r="IE39" s="132">
        <v>3302211</v>
      </c>
      <c r="IF39" s="120">
        <v>2337514</v>
      </c>
      <c r="IG39" s="119">
        <v>1305090</v>
      </c>
      <c r="IH39" s="120">
        <v>473830</v>
      </c>
      <c r="II39" s="133">
        <v>10313025</v>
      </c>
      <c r="IJ39" s="126">
        <v>10439097</v>
      </c>
      <c r="IK39" s="215">
        <v>0</v>
      </c>
      <c r="IL39" s="219">
        <v>0</v>
      </c>
      <c r="IM39" s="220">
        <v>0</v>
      </c>
      <c r="IN39" s="127">
        <v>0</v>
      </c>
      <c r="IO39" s="109">
        <v>0</v>
      </c>
      <c r="IP39" s="109">
        <v>0</v>
      </c>
      <c r="IQ39" s="109">
        <v>0</v>
      </c>
      <c r="IR39" s="109">
        <v>0</v>
      </c>
      <c r="IS39" s="109">
        <v>0</v>
      </c>
      <c r="IT39" s="128">
        <v>0</v>
      </c>
      <c r="IU39" s="292">
        <v>0</v>
      </c>
      <c r="IV39" s="129">
        <v>0</v>
      </c>
      <c r="IW39" s="109">
        <v>0</v>
      </c>
      <c r="IX39" s="110">
        <v>0</v>
      </c>
      <c r="IY39" s="443">
        <v>0</v>
      </c>
      <c r="IZ39" s="109">
        <v>0</v>
      </c>
      <c r="JA39" s="109">
        <v>0</v>
      </c>
      <c r="JB39" s="109">
        <v>0</v>
      </c>
      <c r="JC39" s="109">
        <v>0</v>
      </c>
      <c r="JD39" s="109">
        <v>0</v>
      </c>
      <c r="JE39" s="110">
        <v>0</v>
      </c>
      <c r="JF39" s="111">
        <v>0</v>
      </c>
      <c r="JG39" s="129">
        <v>0</v>
      </c>
      <c r="JH39" s="109">
        <v>0</v>
      </c>
      <c r="JI39" s="128">
        <v>0</v>
      </c>
      <c r="JJ39" s="108">
        <v>0</v>
      </c>
      <c r="JK39" s="109">
        <v>572265</v>
      </c>
      <c r="JL39" s="109">
        <v>273196</v>
      </c>
      <c r="JM39" s="109">
        <v>57231</v>
      </c>
      <c r="JN39" s="109">
        <v>43011</v>
      </c>
      <c r="JO39" s="109">
        <v>49644</v>
      </c>
      <c r="JP39" s="110">
        <v>995347</v>
      </c>
      <c r="JQ39" s="292">
        <v>995347</v>
      </c>
      <c r="JR39" s="129">
        <v>0</v>
      </c>
      <c r="JS39" s="109">
        <v>0</v>
      </c>
      <c r="JT39" s="128">
        <v>0</v>
      </c>
      <c r="JU39" s="108">
        <v>0</v>
      </c>
      <c r="JV39" s="109">
        <v>0</v>
      </c>
      <c r="JW39" s="109">
        <v>0</v>
      </c>
      <c r="JX39" s="109">
        <v>0</v>
      </c>
      <c r="JY39" s="109">
        <v>0</v>
      </c>
      <c r="JZ39" s="109">
        <v>77839</v>
      </c>
      <c r="KA39" s="110">
        <v>77839</v>
      </c>
      <c r="KB39" s="292">
        <v>77839</v>
      </c>
      <c r="KC39" s="217">
        <v>45171</v>
      </c>
      <c r="KD39" s="213">
        <v>80901</v>
      </c>
      <c r="KE39" s="110">
        <v>126072</v>
      </c>
      <c r="KF39" s="108">
        <v>0</v>
      </c>
      <c r="KG39" s="109">
        <v>1193371</v>
      </c>
      <c r="KH39" s="109">
        <v>1800299</v>
      </c>
      <c r="KI39" s="109">
        <v>1012108</v>
      </c>
      <c r="KJ39" s="109">
        <v>0</v>
      </c>
      <c r="KK39" s="109">
        <v>0</v>
      </c>
      <c r="KL39" s="110">
        <v>4005778</v>
      </c>
      <c r="KM39" s="130">
        <v>4131850</v>
      </c>
      <c r="KN39" s="215">
        <v>0</v>
      </c>
      <c r="KO39" s="219">
        <v>0</v>
      </c>
      <c r="KP39" s="220">
        <v>0</v>
      </c>
      <c r="KQ39" s="443">
        <v>0</v>
      </c>
      <c r="KR39" s="109">
        <v>0</v>
      </c>
      <c r="KS39" s="109">
        <v>0</v>
      </c>
      <c r="KT39" s="109">
        <v>0</v>
      </c>
      <c r="KU39" s="109">
        <v>0</v>
      </c>
      <c r="KV39" s="109">
        <v>0</v>
      </c>
      <c r="KW39" s="110">
        <v>0</v>
      </c>
      <c r="KX39" s="292">
        <v>0</v>
      </c>
      <c r="KY39" s="129">
        <v>0</v>
      </c>
      <c r="KZ39" s="109">
        <v>0</v>
      </c>
      <c r="LA39" s="110">
        <v>0</v>
      </c>
      <c r="LB39" s="443">
        <v>0</v>
      </c>
      <c r="LC39" s="109">
        <v>0</v>
      </c>
      <c r="LD39" s="109">
        <v>0</v>
      </c>
      <c r="LE39" s="109">
        <v>0</v>
      </c>
      <c r="LF39" s="109">
        <v>0</v>
      </c>
      <c r="LG39" s="109">
        <v>0</v>
      </c>
      <c r="LH39" s="110">
        <v>0</v>
      </c>
      <c r="LI39" s="111">
        <v>0</v>
      </c>
      <c r="LJ39" s="129">
        <v>0</v>
      </c>
      <c r="LK39" s="109">
        <v>0</v>
      </c>
      <c r="LL39" s="110">
        <v>0</v>
      </c>
      <c r="LM39" s="443">
        <v>0</v>
      </c>
      <c r="LN39" s="109">
        <v>0</v>
      </c>
      <c r="LO39" s="109">
        <v>0</v>
      </c>
      <c r="LP39" s="109">
        <v>0</v>
      </c>
      <c r="LQ39" s="109">
        <v>0</v>
      </c>
      <c r="LR39" s="109">
        <v>0</v>
      </c>
      <c r="LS39" s="110">
        <v>0</v>
      </c>
      <c r="LT39" s="292">
        <v>0</v>
      </c>
      <c r="LU39" s="129">
        <v>0</v>
      </c>
      <c r="LV39" s="109">
        <v>0</v>
      </c>
      <c r="LW39" s="110">
        <v>0</v>
      </c>
      <c r="LX39" s="443">
        <v>0</v>
      </c>
      <c r="LY39" s="109">
        <v>1128744</v>
      </c>
      <c r="LZ39" s="109">
        <v>1228716</v>
      </c>
      <c r="MA39" s="109">
        <v>1268175</v>
      </c>
      <c r="MB39" s="109">
        <v>1262079</v>
      </c>
      <c r="MC39" s="109">
        <v>346347</v>
      </c>
      <c r="MD39" s="110">
        <v>5234061</v>
      </c>
      <c r="ME39" s="111">
        <v>5234061</v>
      </c>
      <c r="MF39" s="129">
        <v>0</v>
      </c>
      <c r="MG39" s="109">
        <v>0</v>
      </c>
      <c r="MH39" s="110">
        <v>0</v>
      </c>
      <c r="MI39" s="443">
        <v>0</v>
      </c>
      <c r="MJ39" s="109">
        <v>2111800</v>
      </c>
      <c r="MK39" s="109">
        <v>3144528</v>
      </c>
      <c r="ML39" s="109">
        <v>4498479</v>
      </c>
      <c r="MM39" s="109">
        <v>9273542</v>
      </c>
      <c r="MN39" s="109">
        <v>4659231</v>
      </c>
      <c r="MO39" s="110">
        <v>23687580</v>
      </c>
      <c r="MP39" s="130">
        <v>23687580</v>
      </c>
      <c r="MQ39" s="129">
        <v>0</v>
      </c>
      <c r="MR39" s="109">
        <v>0</v>
      </c>
      <c r="MS39" s="110">
        <v>0</v>
      </c>
      <c r="MT39" s="443">
        <v>0</v>
      </c>
      <c r="MU39" s="109">
        <v>0</v>
      </c>
      <c r="MV39" s="109">
        <v>0</v>
      </c>
      <c r="MW39" s="109">
        <v>2399157</v>
      </c>
      <c r="MX39" s="109">
        <v>5970765</v>
      </c>
      <c r="MY39" s="109">
        <v>3153405</v>
      </c>
      <c r="MZ39" s="110">
        <v>11523327</v>
      </c>
      <c r="NA39" s="130">
        <v>11523327</v>
      </c>
      <c r="NB39" s="129">
        <v>0</v>
      </c>
      <c r="NC39" s="109">
        <v>0</v>
      </c>
      <c r="ND39" s="110">
        <v>0</v>
      </c>
      <c r="NE39" s="443">
        <v>0</v>
      </c>
      <c r="NF39" s="109">
        <v>2111800</v>
      </c>
      <c r="NG39" s="109">
        <v>3144528</v>
      </c>
      <c r="NH39" s="109">
        <v>2099322</v>
      </c>
      <c r="NI39" s="109">
        <v>2621666</v>
      </c>
      <c r="NJ39" s="109">
        <v>1120194</v>
      </c>
      <c r="NK39" s="110">
        <v>11097510</v>
      </c>
      <c r="NL39" s="292">
        <v>11097510</v>
      </c>
      <c r="NM39" s="129">
        <v>0</v>
      </c>
      <c r="NN39" s="109">
        <v>0</v>
      </c>
      <c r="NO39" s="110">
        <v>0</v>
      </c>
      <c r="NP39" s="443">
        <v>0</v>
      </c>
      <c r="NQ39" s="109">
        <v>0</v>
      </c>
      <c r="NR39" s="109">
        <v>0</v>
      </c>
      <c r="NS39" s="109">
        <v>0</v>
      </c>
      <c r="NT39" s="109">
        <v>0</v>
      </c>
      <c r="NU39" s="109">
        <v>0</v>
      </c>
      <c r="NV39" s="110">
        <v>0</v>
      </c>
      <c r="NW39" s="111">
        <v>0</v>
      </c>
      <c r="NX39" s="129">
        <v>0</v>
      </c>
      <c r="NY39" s="109">
        <v>0</v>
      </c>
      <c r="NZ39" s="110">
        <v>0</v>
      </c>
      <c r="OA39" s="443">
        <v>0</v>
      </c>
      <c r="OB39" s="109">
        <v>0</v>
      </c>
      <c r="OC39" s="109">
        <v>0</v>
      </c>
      <c r="OD39" s="109">
        <v>0</v>
      </c>
      <c r="OE39" s="109">
        <v>681111</v>
      </c>
      <c r="OF39" s="109">
        <v>385632</v>
      </c>
      <c r="OG39" s="110">
        <v>1066743</v>
      </c>
      <c r="OH39" s="111">
        <v>1066743</v>
      </c>
      <c r="OI39" s="129">
        <v>551620</v>
      </c>
      <c r="OJ39" s="109">
        <v>1487725</v>
      </c>
      <c r="OK39" s="128">
        <v>2039345</v>
      </c>
      <c r="OL39" s="108">
        <v>0</v>
      </c>
      <c r="OM39" s="109">
        <v>12797222</v>
      </c>
      <c r="ON39" s="109">
        <v>12463112</v>
      </c>
      <c r="OO39" s="109">
        <v>11672336</v>
      </c>
      <c r="OP39" s="109">
        <v>16138244</v>
      </c>
      <c r="OQ39" s="109">
        <v>8718559</v>
      </c>
      <c r="OR39" s="110">
        <v>61789473</v>
      </c>
      <c r="OS39" s="130">
        <v>63828818</v>
      </c>
    </row>
    <row r="40" spans="2:409" ht="21" customHeight="1" x14ac:dyDescent="0.2">
      <c r="B40" s="437" t="s">
        <v>35</v>
      </c>
      <c r="C40" s="100">
        <v>2152690</v>
      </c>
      <c r="D40" s="104">
        <v>5360981</v>
      </c>
      <c r="E40" s="103">
        <v>7513671</v>
      </c>
      <c r="F40" s="99">
        <v>0</v>
      </c>
      <c r="G40" s="104">
        <v>31628539</v>
      </c>
      <c r="H40" s="104">
        <v>20392446</v>
      </c>
      <c r="I40" s="104">
        <v>24858923</v>
      </c>
      <c r="J40" s="104">
        <v>22378928</v>
      </c>
      <c r="K40" s="104">
        <v>10917444</v>
      </c>
      <c r="L40" s="156">
        <v>110176280</v>
      </c>
      <c r="M40" s="106">
        <v>117689951</v>
      </c>
      <c r="N40" s="100">
        <v>404051</v>
      </c>
      <c r="O40" s="104">
        <v>835418</v>
      </c>
      <c r="P40" s="103">
        <v>1239469</v>
      </c>
      <c r="Q40" s="100">
        <v>0</v>
      </c>
      <c r="R40" s="104">
        <v>7368305</v>
      </c>
      <c r="S40" s="104">
        <v>5253831</v>
      </c>
      <c r="T40" s="104">
        <v>8178702</v>
      </c>
      <c r="U40" s="104">
        <v>7082400</v>
      </c>
      <c r="V40" s="104">
        <v>4834260</v>
      </c>
      <c r="W40" s="103">
        <v>32717498</v>
      </c>
      <c r="X40" s="106">
        <v>33956967</v>
      </c>
      <c r="Y40" s="100">
        <v>0</v>
      </c>
      <c r="Z40" s="104">
        <v>0</v>
      </c>
      <c r="AA40" s="103">
        <v>0</v>
      </c>
      <c r="AB40" s="100">
        <v>0</v>
      </c>
      <c r="AC40" s="104">
        <v>3324204</v>
      </c>
      <c r="AD40" s="104">
        <v>2393357</v>
      </c>
      <c r="AE40" s="104">
        <v>4937994</v>
      </c>
      <c r="AF40" s="104">
        <v>3542600</v>
      </c>
      <c r="AG40" s="104">
        <v>2347668</v>
      </c>
      <c r="AH40" s="103">
        <v>16545823</v>
      </c>
      <c r="AI40" s="106">
        <v>16545823</v>
      </c>
      <c r="AJ40" s="100">
        <v>0</v>
      </c>
      <c r="AK40" s="104">
        <v>0</v>
      </c>
      <c r="AL40" s="103">
        <v>0</v>
      </c>
      <c r="AM40" s="100">
        <v>0</v>
      </c>
      <c r="AN40" s="104">
        <v>0</v>
      </c>
      <c r="AO40" s="104">
        <v>244728</v>
      </c>
      <c r="AP40" s="104">
        <v>262827</v>
      </c>
      <c r="AQ40" s="104">
        <v>852670</v>
      </c>
      <c r="AR40" s="104">
        <v>536958</v>
      </c>
      <c r="AS40" s="103">
        <v>1897183</v>
      </c>
      <c r="AT40" s="106">
        <v>1897183</v>
      </c>
      <c r="AU40" s="100">
        <v>80973</v>
      </c>
      <c r="AV40" s="104">
        <v>354733</v>
      </c>
      <c r="AW40" s="103">
        <v>435706</v>
      </c>
      <c r="AX40" s="100">
        <v>0</v>
      </c>
      <c r="AY40" s="104">
        <v>1846272</v>
      </c>
      <c r="AZ40" s="104">
        <v>1198064</v>
      </c>
      <c r="BA40" s="104">
        <v>1480780</v>
      </c>
      <c r="BB40" s="104">
        <v>1077500</v>
      </c>
      <c r="BC40" s="104">
        <v>1225648</v>
      </c>
      <c r="BD40" s="103">
        <v>6828264</v>
      </c>
      <c r="BE40" s="106">
        <v>7263970</v>
      </c>
      <c r="BF40" s="100">
        <v>111666</v>
      </c>
      <c r="BG40" s="104">
        <v>247110</v>
      </c>
      <c r="BH40" s="102">
        <v>358776</v>
      </c>
      <c r="BI40" s="101">
        <v>0</v>
      </c>
      <c r="BJ40" s="104">
        <v>730405</v>
      </c>
      <c r="BK40" s="104">
        <v>541719</v>
      </c>
      <c r="BL40" s="104">
        <v>285570</v>
      </c>
      <c r="BM40" s="104">
        <v>450061</v>
      </c>
      <c r="BN40" s="104">
        <v>117063</v>
      </c>
      <c r="BO40" s="103">
        <v>2124818</v>
      </c>
      <c r="BP40" s="106">
        <v>2483594</v>
      </c>
      <c r="BQ40" s="100">
        <v>211412</v>
      </c>
      <c r="BR40" s="104">
        <v>233575</v>
      </c>
      <c r="BS40" s="103">
        <v>444987</v>
      </c>
      <c r="BT40" s="100">
        <v>0</v>
      </c>
      <c r="BU40" s="104">
        <v>1467424</v>
      </c>
      <c r="BV40" s="104">
        <v>875963</v>
      </c>
      <c r="BW40" s="104">
        <v>1211531</v>
      </c>
      <c r="BX40" s="104">
        <v>1159569</v>
      </c>
      <c r="BY40" s="104">
        <v>606923</v>
      </c>
      <c r="BZ40" s="103">
        <v>5321410</v>
      </c>
      <c r="CA40" s="106">
        <v>5766397</v>
      </c>
      <c r="CB40" s="100">
        <v>181837</v>
      </c>
      <c r="CC40" s="104">
        <v>787177</v>
      </c>
      <c r="CD40" s="103">
        <v>969014</v>
      </c>
      <c r="CE40" s="100">
        <v>0</v>
      </c>
      <c r="CF40" s="104">
        <v>10803845</v>
      </c>
      <c r="CG40" s="104">
        <v>7892145</v>
      </c>
      <c r="CH40" s="104">
        <v>6912478</v>
      </c>
      <c r="CI40" s="104">
        <v>4877063</v>
      </c>
      <c r="CJ40" s="104">
        <v>2800373</v>
      </c>
      <c r="CK40" s="103">
        <v>33285904</v>
      </c>
      <c r="CL40" s="106">
        <v>34254918</v>
      </c>
      <c r="CM40" s="100">
        <v>0</v>
      </c>
      <c r="CN40" s="104">
        <v>0</v>
      </c>
      <c r="CO40" s="103">
        <v>0</v>
      </c>
      <c r="CP40" s="101">
        <v>0</v>
      </c>
      <c r="CQ40" s="104">
        <v>7563367</v>
      </c>
      <c r="CR40" s="104">
        <v>6034230</v>
      </c>
      <c r="CS40" s="104">
        <v>6072296</v>
      </c>
      <c r="CT40" s="104">
        <v>3721968</v>
      </c>
      <c r="CU40" s="104">
        <v>2728472</v>
      </c>
      <c r="CV40" s="103">
        <v>26120333</v>
      </c>
      <c r="CW40" s="106">
        <v>26120333</v>
      </c>
      <c r="CX40" s="100">
        <v>181837</v>
      </c>
      <c r="CY40" s="104">
        <v>787177</v>
      </c>
      <c r="CZ40" s="103">
        <v>969014</v>
      </c>
      <c r="DA40" s="100">
        <v>0</v>
      </c>
      <c r="DB40" s="104">
        <v>3240478</v>
      </c>
      <c r="DC40" s="104">
        <v>1857915</v>
      </c>
      <c r="DD40" s="104">
        <v>840182</v>
      </c>
      <c r="DE40" s="104">
        <v>1155095</v>
      </c>
      <c r="DF40" s="104">
        <v>71901</v>
      </c>
      <c r="DG40" s="103">
        <v>7165571</v>
      </c>
      <c r="DH40" s="106">
        <v>8134585</v>
      </c>
      <c r="DI40" s="100">
        <v>19264</v>
      </c>
      <c r="DJ40" s="104">
        <v>0</v>
      </c>
      <c r="DK40" s="102">
        <v>19264</v>
      </c>
      <c r="DL40" s="101">
        <v>0</v>
      </c>
      <c r="DM40" s="104">
        <v>575584</v>
      </c>
      <c r="DN40" s="104">
        <v>534635</v>
      </c>
      <c r="DO40" s="104">
        <v>992723</v>
      </c>
      <c r="DP40" s="104">
        <v>1107801</v>
      </c>
      <c r="DQ40" s="104">
        <v>263341</v>
      </c>
      <c r="DR40" s="103">
        <v>3474084</v>
      </c>
      <c r="DS40" s="106">
        <v>3493348</v>
      </c>
      <c r="DT40" s="100">
        <v>19264</v>
      </c>
      <c r="DU40" s="104">
        <v>0</v>
      </c>
      <c r="DV40" s="103">
        <v>19264</v>
      </c>
      <c r="DW40" s="100">
        <v>0</v>
      </c>
      <c r="DX40" s="104">
        <v>542707</v>
      </c>
      <c r="DY40" s="104">
        <v>406889</v>
      </c>
      <c r="DZ40" s="104">
        <v>939200</v>
      </c>
      <c r="EA40" s="104">
        <v>951660</v>
      </c>
      <c r="EB40" s="104">
        <v>132625</v>
      </c>
      <c r="EC40" s="103">
        <v>2973081</v>
      </c>
      <c r="ED40" s="106">
        <v>2992345</v>
      </c>
      <c r="EE40" s="100">
        <v>0</v>
      </c>
      <c r="EF40" s="102">
        <v>0</v>
      </c>
      <c r="EG40" s="103">
        <v>0</v>
      </c>
      <c r="EH40" s="100">
        <v>0</v>
      </c>
      <c r="EI40" s="104">
        <v>32877</v>
      </c>
      <c r="EJ40" s="104">
        <v>127746</v>
      </c>
      <c r="EK40" s="104">
        <v>53523</v>
      </c>
      <c r="EL40" s="104">
        <v>156141</v>
      </c>
      <c r="EM40" s="104">
        <v>130716</v>
      </c>
      <c r="EN40" s="102">
        <v>501003</v>
      </c>
      <c r="EO40" s="106">
        <v>501003</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06">
        <v>0</v>
      </c>
      <c r="FE40" s="104">
        <v>0</v>
      </c>
      <c r="FF40" s="104">
        <v>0</v>
      </c>
      <c r="FG40" s="104">
        <v>0</v>
      </c>
      <c r="FH40" s="104">
        <v>0</v>
      </c>
      <c r="FI40" s="104">
        <v>0</v>
      </c>
      <c r="FJ40" s="103">
        <v>0</v>
      </c>
      <c r="FK40" s="106">
        <v>0</v>
      </c>
      <c r="FL40" s="100">
        <v>270352</v>
      </c>
      <c r="FM40" s="104">
        <v>568786</v>
      </c>
      <c r="FN40" s="103">
        <v>839138</v>
      </c>
      <c r="FO40" s="100">
        <v>0</v>
      </c>
      <c r="FP40" s="104">
        <v>1510280</v>
      </c>
      <c r="FQ40" s="104">
        <v>1951314</v>
      </c>
      <c r="FR40" s="104">
        <v>1576934</v>
      </c>
      <c r="FS40" s="104">
        <v>1303765</v>
      </c>
      <c r="FT40" s="104">
        <v>783358</v>
      </c>
      <c r="FU40" s="103">
        <v>7125651</v>
      </c>
      <c r="FV40" s="106">
        <v>7964789</v>
      </c>
      <c r="FW40" s="105">
        <v>255067</v>
      </c>
      <c r="FX40" s="104">
        <v>499486</v>
      </c>
      <c r="FY40" s="102">
        <v>754553</v>
      </c>
      <c r="FZ40" s="101">
        <v>0</v>
      </c>
      <c r="GA40" s="104">
        <v>1335185</v>
      </c>
      <c r="GB40" s="104">
        <v>1739634</v>
      </c>
      <c r="GC40" s="104">
        <v>1550650</v>
      </c>
      <c r="GD40" s="104">
        <v>1303765</v>
      </c>
      <c r="GE40" s="104">
        <v>783358</v>
      </c>
      <c r="GF40" s="103">
        <v>6712592</v>
      </c>
      <c r="GG40" s="290">
        <v>7467145</v>
      </c>
      <c r="GH40" s="105">
        <v>15285</v>
      </c>
      <c r="GI40" s="104">
        <v>0</v>
      </c>
      <c r="GJ40" s="102">
        <v>15285</v>
      </c>
      <c r="GK40" s="101">
        <v>0</v>
      </c>
      <c r="GL40" s="104">
        <v>93915</v>
      </c>
      <c r="GM40" s="104">
        <v>0</v>
      </c>
      <c r="GN40" s="104">
        <v>26284</v>
      </c>
      <c r="GO40" s="104">
        <v>0</v>
      </c>
      <c r="GP40" s="104">
        <v>0</v>
      </c>
      <c r="GQ40" s="103">
        <v>120199</v>
      </c>
      <c r="GR40" s="106">
        <v>135484</v>
      </c>
      <c r="GS40" s="100">
        <v>0</v>
      </c>
      <c r="GT40" s="104">
        <v>69300</v>
      </c>
      <c r="GU40" s="103">
        <v>69300</v>
      </c>
      <c r="GV40" s="100">
        <v>0</v>
      </c>
      <c r="GW40" s="104">
        <v>81180</v>
      </c>
      <c r="GX40" s="104">
        <v>211680</v>
      </c>
      <c r="GY40" s="104">
        <v>0</v>
      </c>
      <c r="GZ40" s="104">
        <v>0</v>
      </c>
      <c r="HA40" s="104">
        <v>0</v>
      </c>
      <c r="HB40" s="102">
        <v>292860</v>
      </c>
      <c r="HC40" s="106">
        <v>362160</v>
      </c>
      <c r="HD40" s="100">
        <v>983943</v>
      </c>
      <c r="HE40" s="104">
        <v>2704219</v>
      </c>
      <c r="HF40" s="102">
        <v>3688162</v>
      </c>
      <c r="HG40" s="101">
        <v>0</v>
      </c>
      <c r="HH40" s="104">
        <v>7341547</v>
      </c>
      <c r="HI40" s="104">
        <v>2575956</v>
      </c>
      <c r="HJ40" s="104">
        <v>5395310</v>
      </c>
      <c r="HK40" s="104">
        <v>6766382</v>
      </c>
      <c r="HL40" s="104">
        <v>1558437</v>
      </c>
      <c r="HM40" s="103">
        <v>23637632</v>
      </c>
      <c r="HN40" s="99">
        <v>27325794</v>
      </c>
      <c r="HO40" s="105">
        <v>293243</v>
      </c>
      <c r="HP40" s="104">
        <v>465381</v>
      </c>
      <c r="HQ40" s="103">
        <v>758624</v>
      </c>
      <c r="HR40" s="100">
        <v>0</v>
      </c>
      <c r="HS40" s="104">
        <v>4028978</v>
      </c>
      <c r="HT40" s="104">
        <v>2184565</v>
      </c>
      <c r="HU40" s="104">
        <v>1802776</v>
      </c>
      <c r="HV40" s="104">
        <v>1241517</v>
      </c>
      <c r="HW40" s="104">
        <v>677675</v>
      </c>
      <c r="HX40" s="102">
        <v>9935511</v>
      </c>
      <c r="HY40" s="106">
        <v>10694135</v>
      </c>
      <c r="HZ40" s="135">
        <v>151803</v>
      </c>
      <c r="IA40" s="122">
        <v>325017</v>
      </c>
      <c r="IB40" s="135">
        <v>476820</v>
      </c>
      <c r="IC40" s="131">
        <v>0</v>
      </c>
      <c r="ID40" s="119">
        <v>5527655</v>
      </c>
      <c r="IE40" s="132">
        <v>7176890</v>
      </c>
      <c r="IF40" s="120">
        <v>8433248</v>
      </c>
      <c r="IG40" s="119">
        <v>5297185</v>
      </c>
      <c r="IH40" s="120">
        <v>2750803</v>
      </c>
      <c r="II40" s="133">
        <v>29185781</v>
      </c>
      <c r="IJ40" s="135">
        <v>29662601</v>
      </c>
      <c r="IK40" s="215">
        <v>0</v>
      </c>
      <c r="IL40" s="219">
        <v>0</v>
      </c>
      <c r="IM40" s="220">
        <v>0</v>
      </c>
      <c r="IN40" s="127">
        <v>0</v>
      </c>
      <c r="IO40" s="109">
        <v>0</v>
      </c>
      <c r="IP40" s="109">
        <v>0</v>
      </c>
      <c r="IQ40" s="109">
        <v>308174</v>
      </c>
      <c r="IR40" s="109">
        <v>232794</v>
      </c>
      <c r="IS40" s="109">
        <v>0</v>
      </c>
      <c r="IT40" s="128">
        <v>540968</v>
      </c>
      <c r="IU40" s="292">
        <v>540968</v>
      </c>
      <c r="IV40" s="129">
        <v>0</v>
      </c>
      <c r="IW40" s="109">
        <v>0</v>
      </c>
      <c r="IX40" s="110">
        <v>0</v>
      </c>
      <c r="IY40" s="443">
        <v>0</v>
      </c>
      <c r="IZ40" s="109">
        <v>0</v>
      </c>
      <c r="JA40" s="109">
        <v>0</v>
      </c>
      <c r="JB40" s="109">
        <v>0</v>
      </c>
      <c r="JC40" s="109">
        <v>0</v>
      </c>
      <c r="JD40" s="109">
        <v>0</v>
      </c>
      <c r="JE40" s="110">
        <v>0</v>
      </c>
      <c r="JF40" s="111">
        <v>0</v>
      </c>
      <c r="JG40" s="129">
        <v>0</v>
      </c>
      <c r="JH40" s="109">
        <v>0</v>
      </c>
      <c r="JI40" s="128">
        <v>0</v>
      </c>
      <c r="JJ40" s="108">
        <v>0</v>
      </c>
      <c r="JK40" s="109">
        <v>912456</v>
      </c>
      <c r="JL40" s="109">
        <v>1652423</v>
      </c>
      <c r="JM40" s="109">
        <v>1524375</v>
      </c>
      <c r="JN40" s="109">
        <v>1150228</v>
      </c>
      <c r="JO40" s="109">
        <v>543132</v>
      </c>
      <c r="JP40" s="110">
        <v>5782614</v>
      </c>
      <c r="JQ40" s="292">
        <v>5782614</v>
      </c>
      <c r="JR40" s="129">
        <v>0</v>
      </c>
      <c r="JS40" s="109">
        <v>0</v>
      </c>
      <c r="JT40" s="128">
        <v>0</v>
      </c>
      <c r="JU40" s="108">
        <v>0</v>
      </c>
      <c r="JV40" s="109">
        <v>0</v>
      </c>
      <c r="JW40" s="109">
        <v>0</v>
      </c>
      <c r="JX40" s="109">
        <v>0</v>
      </c>
      <c r="JY40" s="109">
        <v>0</v>
      </c>
      <c r="JZ40" s="109">
        <v>0</v>
      </c>
      <c r="KA40" s="110">
        <v>0</v>
      </c>
      <c r="KB40" s="292">
        <v>0</v>
      </c>
      <c r="KC40" s="217">
        <v>151803</v>
      </c>
      <c r="KD40" s="213">
        <v>81315</v>
      </c>
      <c r="KE40" s="110">
        <v>233118</v>
      </c>
      <c r="KF40" s="108">
        <v>0</v>
      </c>
      <c r="KG40" s="109">
        <v>1078597</v>
      </c>
      <c r="KH40" s="109">
        <v>1525936</v>
      </c>
      <c r="KI40" s="109">
        <v>2197161</v>
      </c>
      <c r="KJ40" s="109">
        <v>827559</v>
      </c>
      <c r="KK40" s="109">
        <v>492127</v>
      </c>
      <c r="KL40" s="110">
        <v>6121380</v>
      </c>
      <c r="KM40" s="130">
        <v>6354498</v>
      </c>
      <c r="KN40" s="215">
        <v>0</v>
      </c>
      <c r="KO40" s="219">
        <v>243702</v>
      </c>
      <c r="KP40" s="220">
        <v>243702</v>
      </c>
      <c r="KQ40" s="443">
        <v>0</v>
      </c>
      <c r="KR40" s="109">
        <v>3536602</v>
      </c>
      <c r="KS40" s="109">
        <v>3998531</v>
      </c>
      <c r="KT40" s="109">
        <v>4403538</v>
      </c>
      <c r="KU40" s="109">
        <v>3086604</v>
      </c>
      <c r="KV40" s="109">
        <v>1715544</v>
      </c>
      <c r="KW40" s="110">
        <v>16740819</v>
      </c>
      <c r="KX40" s="292">
        <v>16984521</v>
      </c>
      <c r="KY40" s="129">
        <v>0</v>
      </c>
      <c r="KZ40" s="109">
        <v>0</v>
      </c>
      <c r="LA40" s="110">
        <v>0</v>
      </c>
      <c r="LB40" s="443">
        <v>0</v>
      </c>
      <c r="LC40" s="109">
        <v>0</v>
      </c>
      <c r="LD40" s="109">
        <v>0</v>
      </c>
      <c r="LE40" s="109">
        <v>0</v>
      </c>
      <c r="LF40" s="109">
        <v>0</v>
      </c>
      <c r="LG40" s="109">
        <v>0</v>
      </c>
      <c r="LH40" s="110">
        <v>0</v>
      </c>
      <c r="LI40" s="111">
        <v>0</v>
      </c>
      <c r="LJ40" s="129">
        <v>0</v>
      </c>
      <c r="LK40" s="109">
        <v>0</v>
      </c>
      <c r="LL40" s="110">
        <v>0</v>
      </c>
      <c r="LM40" s="443">
        <v>0</v>
      </c>
      <c r="LN40" s="109">
        <v>0</v>
      </c>
      <c r="LO40" s="109">
        <v>0</v>
      </c>
      <c r="LP40" s="109">
        <v>0</v>
      </c>
      <c r="LQ40" s="109">
        <v>0</v>
      </c>
      <c r="LR40" s="109">
        <v>0</v>
      </c>
      <c r="LS40" s="110">
        <v>0</v>
      </c>
      <c r="LT40" s="292">
        <v>0</v>
      </c>
      <c r="LU40" s="129">
        <v>0</v>
      </c>
      <c r="LV40" s="109">
        <v>0</v>
      </c>
      <c r="LW40" s="110">
        <v>0</v>
      </c>
      <c r="LX40" s="443">
        <v>0</v>
      </c>
      <c r="LY40" s="109">
        <v>0</v>
      </c>
      <c r="LZ40" s="109">
        <v>0</v>
      </c>
      <c r="MA40" s="109">
        <v>0</v>
      </c>
      <c r="MB40" s="109">
        <v>0</v>
      </c>
      <c r="MC40" s="109">
        <v>0</v>
      </c>
      <c r="MD40" s="110">
        <v>0</v>
      </c>
      <c r="ME40" s="111">
        <v>0</v>
      </c>
      <c r="MF40" s="129">
        <v>0</v>
      </c>
      <c r="MG40" s="109">
        <v>0</v>
      </c>
      <c r="MH40" s="110">
        <v>0</v>
      </c>
      <c r="MI40" s="443">
        <v>0</v>
      </c>
      <c r="MJ40" s="109">
        <v>6363107</v>
      </c>
      <c r="MK40" s="109">
        <v>6913811</v>
      </c>
      <c r="ML40" s="109">
        <v>15187801</v>
      </c>
      <c r="MM40" s="109">
        <v>19919778</v>
      </c>
      <c r="MN40" s="109">
        <v>14973538</v>
      </c>
      <c r="MO40" s="110">
        <v>63358035</v>
      </c>
      <c r="MP40" s="130">
        <v>63358035</v>
      </c>
      <c r="MQ40" s="129">
        <v>0</v>
      </c>
      <c r="MR40" s="109">
        <v>0</v>
      </c>
      <c r="MS40" s="110">
        <v>0</v>
      </c>
      <c r="MT40" s="443">
        <v>0</v>
      </c>
      <c r="MU40" s="109">
        <v>202410</v>
      </c>
      <c r="MV40" s="109">
        <v>253602</v>
      </c>
      <c r="MW40" s="109">
        <v>5098468</v>
      </c>
      <c r="MX40" s="109">
        <v>13666819</v>
      </c>
      <c r="MY40" s="109">
        <v>9211143</v>
      </c>
      <c r="MZ40" s="110">
        <v>28432442</v>
      </c>
      <c r="NA40" s="130">
        <v>28432442</v>
      </c>
      <c r="NB40" s="129">
        <v>0</v>
      </c>
      <c r="NC40" s="109">
        <v>0</v>
      </c>
      <c r="ND40" s="110">
        <v>0</v>
      </c>
      <c r="NE40" s="443">
        <v>0</v>
      </c>
      <c r="NF40" s="109">
        <v>5566121</v>
      </c>
      <c r="NG40" s="109">
        <v>6399155</v>
      </c>
      <c r="NH40" s="109">
        <v>8029071</v>
      </c>
      <c r="NI40" s="109">
        <v>3442545</v>
      </c>
      <c r="NJ40" s="109">
        <v>3631249</v>
      </c>
      <c r="NK40" s="110">
        <v>27068141</v>
      </c>
      <c r="NL40" s="292">
        <v>27068141</v>
      </c>
      <c r="NM40" s="129">
        <v>0</v>
      </c>
      <c r="NN40" s="109">
        <v>0</v>
      </c>
      <c r="NO40" s="110">
        <v>0</v>
      </c>
      <c r="NP40" s="443">
        <v>0</v>
      </c>
      <c r="NQ40" s="109">
        <v>0</v>
      </c>
      <c r="NR40" s="109">
        <v>0</v>
      </c>
      <c r="NS40" s="109">
        <v>0</v>
      </c>
      <c r="NT40" s="109">
        <v>0</v>
      </c>
      <c r="NU40" s="109">
        <v>0</v>
      </c>
      <c r="NV40" s="110">
        <v>0</v>
      </c>
      <c r="NW40" s="111">
        <v>0</v>
      </c>
      <c r="NX40" s="129">
        <v>0</v>
      </c>
      <c r="NY40" s="109">
        <v>0</v>
      </c>
      <c r="NZ40" s="110">
        <v>0</v>
      </c>
      <c r="OA40" s="443">
        <v>0</v>
      </c>
      <c r="OB40" s="109">
        <v>594576</v>
      </c>
      <c r="OC40" s="109">
        <v>261054</v>
      </c>
      <c r="OD40" s="109">
        <v>2060262</v>
      </c>
      <c r="OE40" s="109">
        <v>2810414</v>
      </c>
      <c r="OF40" s="109">
        <v>2131146</v>
      </c>
      <c r="OG40" s="110">
        <v>7857452</v>
      </c>
      <c r="OH40" s="111">
        <v>7857452</v>
      </c>
      <c r="OI40" s="129">
        <v>2304493</v>
      </c>
      <c r="OJ40" s="109">
        <v>5685998</v>
      </c>
      <c r="OK40" s="128">
        <v>7990491</v>
      </c>
      <c r="OL40" s="108">
        <v>0</v>
      </c>
      <c r="OM40" s="109">
        <v>43519301</v>
      </c>
      <c r="ON40" s="109">
        <v>34483147</v>
      </c>
      <c r="OO40" s="109">
        <v>48479972</v>
      </c>
      <c r="OP40" s="109">
        <v>47595891</v>
      </c>
      <c r="OQ40" s="109">
        <v>28641785</v>
      </c>
      <c r="OR40" s="110">
        <v>202720096</v>
      </c>
      <c r="OS40" s="130">
        <v>210710587</v>
      </c>
    </row>
    <row r="41" spans="2:409" ht="21" customHeight="1" x14ac:dyDescent="0.2">
      <c r="B41" s="437" t="s">
        <v>36</v>
      </c>
      <c r="C41" s="100">
        <v>1200526</v>
      </c>
      <c r="D41" s="104">
        <v>3166651</v>
      </c>
      <c r="E41" s="103">
        <v>4367177</v>
      </c>
      <c r="F41" s="99">
        <v>0</v>
      </c>
      <c r="G41" s="104">
        <v>22037209</v>
      </c>
      <c r="H41" s="104">
        <v>31494927</v>
      </c>
      <c r="I41" s="104">
        <v>25893821</v>
      </c>
      <c r="J41" s="104">
        <v>18950538</v>
      </c>
      <c r="K41" s="104">
        <v>19125742</v>
      </c>
      <c r="L41" s="156">
        <v>117502237</v>
      </c>
      <c r="M41" s="106">
        <v>121869414</v>
      </c>
      <c r="N41" s="100">
        <v>318403</v>
      </c>
      <c r="O41" s="104">
        <v>1218709</v>
      </c>
      <c r="P41" s="103">
        <v>1537112</v>
      </c>
      <c r="Q41" s="100">
        <v>0</v>
      </c>
      <c r="R41" s="104">
        <v>5686196</v>
      </c>
      <c r="S41" s="104">
        <v>9666869</v>
      </c>
      <c r="T41" s="104">
        <v>8444106</v>
      </c>
      <c r="U41" s="104">
        <v>7191141</v>
      </c>
      <c r="V41" s="104">
        <v>10282523</v>
      </c>
      <c r="W41" s="103">
        <v>41270835</v>
      </c>
      <c r="X41" s="106">
        <v>42807947</v>
      </c>
      <c r="Y41" s="100">
        <v>0</v>
      </c>
      <c r="Z41" s="104">
        <v>0</v>
      </c>
      <c r="AA41" s="103">
        <v>0</v>
      </c>
      <c r="AB41" s="100">
        <v>0</v>
      </c>
      <c r="AC41" s="104">
        <v>2201749</v>
      </c>
      <c r="AD41" s="104">
        <v>4879508</v>
      </c>
      <c r="AE41" s="104">
        <v>4360308</v>
      </c>
      <c r="AF41" s="104">
        <v>3808031</v>
      </c>
      <c r="AG41" s="104">
        <v>6559955</v>
      </c>
      <c r="AH41" s="103">
        <v>21809551</v>
      </c>
      <c r="AI41" s="106">
        <v>21809551</v>
      </c>
      <c r="AJ41" s="100">
        <v>0</v>
      </c>
      <c r="AK41" s="104">
        <v>44428</v>
      </c>
      <c r="AL41" s="103">
        <v>44428</v>
      </c>
      <c r="AM41" s="100">
        <v>0</v>
      </c>
      <c r="AN41" s="104">
        <v>102097</v>
      </c>
      <c r="AO41" s="104">
        <v>262868</v>
      </c>
      <c r="AP41" s="104">
        <v>756026</v>
      </c>
      <c r="AQ41" s="104">
        <v>627603</v>
      </c>
      <c r="AR41" s="104">
        <v>583367</v>
      </c>
      <c r="AS41" s="103">
        <v>2331961</v>
      </c>
      <c r="AT41" s="106">
        <v>2376389</v>
      </c>
      <c r="AU41" s="100">
        <v>218393</v>
      </c>
      <c r="AV41" s="104">
        <v>761059</v>
      </c>
      <c r="AW41" s="103">
        <v>979452</v>
      </c>
      <c r="AX41" s="100">
        <v>0</v>
      </c>
      <c r="AY41" s="104">
        <v>2069493</v>
      </c>
      <c r="AZ41" s="104">
        <v>2738847</v>
      </c>
      <c r="BA41" s="104">
        <v>2006107</v>
      </c>
      <c r="BB41" s="104">
        <v>1718746</v>
      </c>
      <c r="BC41" s="104">
        <v>2167793</v>
      </c>
      <c r="BD41" s="103">
        <v>10700986</v>
      </c>
      <c r="BE41" s="106">
        <v>11680438</v>
      </c>
      <c r="BF41" s="100">
        <v>46523</v>
      </c>
      <c r="BG41" s="104">
        <v>368474</v>
      </c>
      <c r="BH41" s="102">
        <v>414997</v>
      </c>
      <c r="BI41" s="101">
        <v>0</v>
      </c>
      <c r="BJ41" s="104">
        <v>663007</v>
      </c>
      <c r="BK41" s="104">
        <v>588589</v>
      </c>
      <c r="BL41" s="104">
        <v>121006</v>
      </c>
      <c r="BM41" s="104">
        <v>268018</v>
      </c>
      <c r="BN41" s="104">
        <v>164489</v>
      </c>
      <c r="BO41" s="103">
        <v>1805109</v>
      </c>
      <c r="BP41" s="106">
        <v>2220106</v>
      </c>
      <c r="BQ41" s="100">
        <v>53487</v>
      </c>
      <c r="BR41" s="104">
        <v>44748</v>
      </c>
      <c r="BS41" s="103">
        <v>98235</v>
      </c>
      <c r="BT41" s="100">
        <v>0</v>
      </c>
      <c r="BU41" s="104">
        <v>649850</v>
      </c>
      <c r="BV41" s="104">
        <v>1197057</v>
      </c>
      <c r="BW41" s="104">
        <v>1200659</v>
      </c>
      <c r="BX41" s="104">
        <v>768743</v>
      </c>
      <c r="BY41" s="104">
        <v>806919</v>
      </c>
      <c r="BZ41" s="103">
        <v>4623228</v>
      </c>
      <c r="CA41" s="106">
        <v>4721463</v>
      </c>
      <c r="CB41" s="100">
        <v>159834</v>
      </c>
      <c r="CC41" s="104">
        <v>249589</v>
      </c>
      <c r="CD41" s="103">
        <v>409423</v>
      </c>
      <c r="CE41" s="100">
        <v>0</v>
      </c>
      <c r="CF41" s="104">
        <v>6599138</v>
      </c>
      <c r="CG41" s="104">
        <v>11473572</v>
      </c>
      <c r="CH41" s="104">
        <v>6604333</v>
      </c>
      <c r="CI41" s="104">
        <v>3717551</v>
      </c>
      <c r="CJ41" s="104">
        <v>3610435</v>
      </c>
      <c r="CK41" s="103">
        <v>32005029</v>
      </c>
      <c r="CL41" s="106">
        <v>32414452</v>
      </c>
      <c r="CM41" s="100">
        <v>0</v>
      </c>
      <c r="CN41" s="104">
        <v>0</v>
      </c>
      <c r="CO41" s="103">
        <v>0</v>
      </c>
      <c r="CP41" s="101">
        <v>0</v>
      </c>
      <c r="CQ41" s="104">
        <v>5264830</v>
      </c>
      <c r="CR41" s="104">
        <v>8868177</v>
      </c>
      <c r="CS41" s="104">
        <v>5060330</v>
      </c>
      <c r="CT41" s="104">
        <v>3247605</v>
      </c>
      <c r="CU41" s="104">
        <v>3274023</v>
      </c>
      <c r="CV41" s="103">
        <v>25714965</v>
      </c>
      <c r="CW41" s="106">
        <v>25714965</v>
      </c>
      <c r="CX41" s="100">
        <v>159834</v>
      </c>
      <c r="CY41" s="104">
        <v>249589</v>
      </c>
      <c r="CZ41" s="103">
        <v>409423</v>
      </c>
      <c r="DA41" s="100">
        <v>0</v>
      </c>
      <c r="DB41" s="104">
        <v>1334308</v>
      </c>
      <c r="DC41" s="104">
        <v>2605395</v>
      </c>
      <c r="DD41" s="104">
        <v>1544003</v>
      </c>
      <c r="DE41" s="104">
        <v>469946</v>
      </c>
      <c r="DF41" s="104">
        <v>336412</v>
      </c>
      <c r="DG41" s="103">
        <v>6290064</v>
      </c>
      <c r="DH41" s="106">
        <v>6699487</v>
      </c>
      <c r="DI41" s="100">
        <v>0</v>
      </c>
      <c r="DJ41" s="104">
        <v>0</v>
      </c>
      <c r="DK41" s="102">
        <v>0</v>
      </c>
      <c r="DL41" s="101">
        <v>0</v>
      </c>
      <c r="DM41" s="104">
        <v>1003321</v>
      </c>
      <c r="DN41" s="104">
        <v>1564052</v>
      </c>
      <c r="DO41" s="104">
        <v>3129109</v>
      </c>
      <c r="DP41" s="104">
        <v>3163099</v>
      </c>
      <c r="DQ41" s="104">
        <v>1947837</v>
      </c>
      <c r="DR41" s="103">
        <v>10807418</v>
      </c>
      <c r="DS41" s="106">
        <v>10807418</v>
      </c>
      <c r="DT41" s="100">
        <v>0</v>
      </c>
      <c r="DU41" s="104">
        <v>0</v>
      </c>
      <c r="DV41" s="103">
        <v>0</v>
      </c>
      <c r="DW41" s="100">
        <v>0</v>
      </c>
      <c r="DX41" s="104">
        <v>904393</v>
      </c>
      <c r="DY41" s="104">
        <v>1539506</v>
      </c>
      <c r="DZ41" s="104">
        <v>3129109</v>
      </c>
      <c r="EA41" s="104">
        <v>3128855</v>
      </c>
      <c r="EB41" s="104">
        <v>1947837</v>
      </c>
      <c r="EC41" s="103">
        <v>10649700</v>
      </c>
      <c r="ED41" s="106">
        <v>10649700</v>
      </c>
      <c r="EE41" s="100">
        <v>0</v>
      </c>
      <c r="EF41" s="102">
        <v>0</v>
      </c>
      <c r="EG41" s="103">
        <v>0</v>
      </c>
      <c r="EH41" s="100">
        <v>0</v>
      </c>
      <c r="EI41" s="104">
        <v>98928</v>
      </c>
      <c r="EJ41" s="104">
        <v>24546</v>
      </c>
      <c r="EK41" s="104">
        <v>0</v>
      </c>
      <c r="EL41" s="104">
        <v>34244</v>
      </c>
      <c r="EM41" s="104">
        <v>0</v>
      </c>
      <c r="EN41" s="102">
        <v>157718</v>
      </c>
      <c r="EO41" s="106">
        <v>157718</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06">
        <v>0</v>
      </c>
      <c r="FE41" s="104">
        <v>0</v>
      </c>
      <c r="FF41" s="104">
        <v>0</v>
      </c>
      <c r="FG41" s="104">
        <v>0</v>
      </c>
      <c r="FH41" s="104">
        <v>0</v>
      </c>
      <c r="FI41" s="104">
        <v>0</v>
      </c>
      <c r="FJ41" s="103">
        <v>0</v>
      </c>
      <c r="FK41" s="106">
        <v>0</v>
      </c>
      <c r="FL41" s="100">
        <v>318092</v>
      </c>
      <c r="FM41" s="104">
        <v>972267</v>
      </c>
      <c r="FN41" s="103">
        <v>1290359</v>
      </c>
      <c r="FO41" s="100">
        <v>0</v>
      </c>
      <c r="FP41" s="104">
        <v>1968807</v>
      </c>
      <c r="FQ41" s="104">
        <v>2802965</v>
      </c>
      <c r="FR41" s="104">
        <v>1955745</v>
      </c>
      <c r="FS41" s="104">
        <v>1698277</v>
      </c>
      <c r="FT41" s="104">
        <v>1224118</v>
      </c>
      <c r="FU41" s="103">
        <v>9649912</v>
      </c>
      <c r="FV41" s="106">
        <v>10940271</v>
      </c>
      <c r="FW41" s="105">
        <v>207392</v>
      </c>
      <c r="FX41" s="104">
        <v>775239</v>
      </c>
      <c r="FY41" s="102">
        <v>982631</v>
      </c>
      <c r="FZ41" s="101">
        <v>0</v>
      </c>
      <c r="GA41" s="104">
        <v>1603677</v>
      </c>
      <c r="GB41" s="104">
        <v>2731973</v>
      </c>
      <c r="GC41" s="104">
        <v>1897605</v>
      </c>
      <c r="GD41" s="104">
        <v>1637293</v>
      </c>
      <c r="GE41" s="104">
        <v>1224118</v>
      </c>
      <c r="GF41" s="103">
        <v>9094666</v>
      </c>
      <c r="GG41" s="290">
        <v>10077297</v>
      </c>
      <c r="GH41" s="105">
        <v>0</v>
      </c>
      <c r="GI41" s="104">
        <v>17028</v>
      </c>
      <c r="GJ41" s="102">
        <v>17028</v>
      </c>
      <c r="GK41" s="101">
        <v>0</v>
      </c>
      <c r="GL41" s="104">
        <v>108540</v>
      </c>
      <c r="GM41" s="104">
        <v>70992</v>
      </c>
      <c r="GN41" s="104">
        <v>58140</v>
      </c>
      <c r="GO41" s="104">
        <v>60984</v>
      </c>
      <c r="GP41" s="104">
        <v>0</v>
      </c>
      <c r="GQ41" s="103">
        <v>298656</v>
      </c>
      <c r="GR41" s="106">
        <v>315684</v>
      </c>
      <c r="GS41" s="100">
        <v>110700</v>
      </c>
      <c r="GT41" s="104">
        <v>180000</v>
      </c>
      <c r="GU41" s="103">
        <v>290700</v>
      </c>
      <c r="GV41" s="100">
        <v>0</v>
      </c>
      <c r="GW41" s="104">
        <v>256590</v>
      </c>
      <c r="GX41" s="104">
        <v>0</v>
      </c>
      <c r="GY41" s="104">
        <v>0</v>
      </c>
      <c r="GZ41" s="104">
        <v>0</v>
      </c>
      <c r="HA41" s="104">
        <v>0</v>
      </c>
      <c r="HB41" s="102">
        <v>256590</v>
      </c>
      <c r="HC41" s="106">
        <v>547290</v>
      </c>
      <c r="HD41" s="100">
        <v>194742</v>
      </c>
      <c r="HE41" s="104">
        <v>104066</v>
      </c>
      <c r="HF41" s="102">
        <v>298808</v>
      </c>
      <c r="HG41" s="101">
        <v>0</v>
      </c>
      <c r="HH41" s="104">
        <v>3002167</v>
      </c>
      <c r="HI41" s="104">
        <v>2275274</v>
      </c>
      <c r="HJ41" s="104">
        <v>3267552</v>
      </c>
      <c r="HK41" s="104">
        <v>1589872</v>
      </c>
      <c r="HL41" s="104">
        <v>798600</v>
      </c>
      <c r="HM41" s="103">
        <v>10933465</v>
      </c>
      <c r="HN41" s="99">
        <v>11232273</v>
      </c>
      <c r="HO41" s="105">
        <v>209455</v>
      </c>
      <c r="HP41" s="104">
        <v>622020</v>
      </c>
      <c r="HQ41" s="103">
        <v>831475</v>
      </c>
      <c r="HR41" s="100">
        <v>0</v>
      </c>
      <c r="HS41" s="104">
        <v>3777580</v>
      </c>
      <c r="HT41" s="104">
        <v>3712195</v>
      </c>
      <c r="HU41" s="104">
        <v>2492976</v>
      </c>
      <c r="HV41" s="104">
        <v>1590598</v>
      </c>
      <c r="HW41" s="104">
        <v>1262229</v>
      </c>
      <c r="HX41" s="102">
        <v>12835578</v>
      </c>
      <c r="HY41" s="106">
        <v>13667053</v>
      </c>
      <c r="HZ41" s="118">
        <v>0</v>
      </c>
      <c r="IA41" s="119">
        <v>85349</v>
      </c>
      <c r="IB41" s="120">
        <v>85349</v>
      </c>
      <c r="IC41" s="131">
        <v>0</v>
      </c>
      <c r="ID41" s="119">
        <v>5364688</v>
      </c>
      <c r="IE41" s="132">
        <v>8982664</v>
      </c>
      <c r="IF41" s="120">
        <v>10603209</v>
      </c>
      <c r="IG41" s="119">
        <v>5819981</v>
      </c>
      <c r="IH41" s="120">
        <v>5352656</v>
      </c>
      <c r="II41" s="133">
        <v>36123198</v>
      </c>
      <c r="IJ41" s="126">
        <v>36208547</v>
      </c>
      <c r="IK41" s="215">
        <v>0</v>
      </c>
      <c r="IL41" s="219">
        <v>0</v>
      </c>
      <c r="IM41" s="220">
        <v>0</v>
      </c>
      <c r="IN41" s="127">
        <v>0</v>
      </c>
      <c r="IO41" s="109">
        <v>0</v>
      </c>
      <c r="IP41" s="109">
        <v>108954</v>
      </c>
      <c r="IQ41" s="109">
        <v>0</v>
      </c>
      <c r="IR41" s="109">
        <v>0</v>
      </c>
      <c r="IS41" s="109">
        <v>0</v>
      </c>
      <c r="IT41" s="128">
        <v>108954</v>
      </c>
      <c r="IU41" s="292">
        <v>108954</v>
      </c>
      <c r="IV41" s="129">
        <v>0</v>
      </c>
      <c r="IW41" s="109">
        <v>0</v>
      </c>
      <c r="IX41" s="110">
        <v>0</v>
      </c>
      <c r="IY41" s="443">
        <v>0</v>
      </c>
      <c r="IZ41" s="109">
        <v>0</v>
      </c>
      <c r="JA41" s="109">
        <v>0</v>
      </c>
      <c r="JB41" s="109">
        <v>0</v>
      </c>
      <c r="JC41" s="109">
        <v>0</v>
      </c>
      <c r="JD41" s="109">
        <v>0</v>
      </c>
      <c r="JE41" s="110">
        <v>0</v>
      </c>
      <c r="JF41" s="111">
        <v>0</v>
      </c>
      <c r="JG41" s="129">
        <v>0</v>
      </c>
      <c r="JH41" s="109">
        <v>0</v>
      </c>
      <c r="JI41" s="128">
        <v>0</v>
      </c>
      <c r="JJ41" s="108">
        <v>0</v>
      </c>
      <c r="JK41" s="109">
        <v>2671567</v>
      </c>
      <c r="JL41" s="109">
        <v>2262016</v>
      </c>
      <c r="JM41" s="109">
        <v>4368625</v>
      </c>
      <c r="JN41" s="109">
        <v>1874818</v>
      </c>
      <c r="JO41" s="109">
        <v>2897349</v>
      </c>
      <c r="JP41" s="110">
        <v>14074375</v>
      </c>
      <c r="JQ41" s="292">
        <v>14074375</v>
      </c>
      <c r="JR41" s="129">
        <v>0</v>
      </c>
      <c r="JS41" s="109">
        <v>0</v>
      </c>
      <c r="JT41" s="128">
        <v>0</v>
      </c>
      <c r="JU41" s="108">
        <v>0</v>
      </c>
      <c r="JV41" s="109">
        <v>0</v>
      </c>
      <c r="JW41" s="109">
        <v>0</v>
      </c>
      <c r="JX41" s="109">
        <v>0</v>
      </c>
      <c r="JY41" s="109">
        <v>0</v>
      </c>
      <c r="JZ41" s="109">
        <v>0</v>
      </c>
      <c r="KA41" s="110">
        <v>0</v>
      </c>
      <c r="KB41" s="292">
        <v>0</v>
      </c>
      <c r="KC41" s="217">
        <v>0</v>
      </c>
      <c r="KD41" s="213">
        <v>85349</v>
      </c>
      <c r="KE41" s="110">
        <v>85349</v>
      </c>
      <c r="KF41" s="108">
        <v>0</v>
      </c>
      <c r="KG41" s="109">
        <v>1358981</v>
      </c>
      <c r="KH41" s="109">
        <v>2871643</v>
      </c>
      <c r="KI41" s="109">
        <v>2221767</v>
      </c>
      <c r="KJ41" s="109">
        <v>1133740</v>
      </c>
      <c r="KK41" s="109">
        <v>301941</v>
      </c>
      <c r="KL41" s="110">
        <v>7888072</v>
      </c>
      <c r="KM41" s="130">
        <v>7973421</v>
      </c>
      <c r="KN41" s="215">
        <v>0</v>
      </c>
      <c r="KO41" s="219">
        <v>0</v>
      </c>
      <c r="KP41" s="220">
        <v>0</v>
      </c>
      <c r="KQ41" s="443">
        <v>0</v>
      </c>
      <c r="KR41" s="109">
        <v>1334140</v>
      </c>
      <c r="KS41" s="109">
        <v>3740051</v>
      </c>
      <c r="KT41" s="109">
        <v>4012817</v>
      </c>
      <c r="KU41" s="109">
        <v>2492960</v>
      </c>
      <c r="KV41" s="109">
        <v>2153366</v>
      </c>
      <c r="KW41" s="110">
        <v>13733334</v>
      </c>
      <c r="KX41" s="292">
        <v>13733334</v>
      </c>
      <c r="KY41" s="129">
        <v>0</v>
      </c>
      <c r="KZ41" s="109">
        <v>0</v>
      </c>
      <c r="LA41" s="110">
        <v>0</v>
      </c>
      <c r="LB41" s="443">
        <v>0</v>
      </c>
      <c r="LC41" s="109">
        <v>0</v>
      </c>
      <c r="LD41" s="109">
        <v>0</v>
      </c>
      <c r="LE41" s="109">
        <v>0</v>
      </c>
      <c r="LF41" s="109">
        <v>0</v>
      </c>
      <c r="LG41" s="109">
        <v>0</v>
      </c>
      <c r="LH41" s="110">
        <v>0</v>
      </c>
      <c r="LI41" s="111">
        <v>0</v>
      </c>
      <c r="LJ41" s="129">
        <v>0</v>
      </c>
      <c r="LK41" s="109">
        <v>0</v>
      </c>
      <c r="LL41" s="110">
        <v>0</v>
      </c>
      <c r="LM41" s="443">
        <v>0</v>
      </c>
      <c r="LN41" s="109">
        <v>0</v>
      </c>
      <c r="LO41" s="109">
        <v>0</v>
      </c>
      <c r="LP41" s="109">
        <v>0</v>
      </c>
      <c r="LQ41" s="109">
        <v>0</v>
      </c>
      <c r="LR41" s="109">
        <v>0</v>
      </c>
      <c r="LS41" s="110">
        <v>0</v>
      </c>
      <c r="LT41" s="292">
        <v>0</v>
      </c>
      <c r="LU41" s="129">
        <v>0</v>
      </c>
      <c r="LV41" s="109">
        <v>0</v>
      </c>
      <c r="LW41" s="110">
        <v>0</v>
      </c>
      <c r="LX41" s="443">
        <v>0</v>
      </c>
      <c r="LY41" s="109">
        <v>0</v>
      </c>
      <c r="LZ41" s="109">
        <v>0</v>
      </c>
      <c r="MA41" s="109">
        <v>0</v>
      </c>
      <c r="MB41" s="109">
        <v>318463</v>
      </c>
      <c r="MC41" s="109">
        <v>0</v>
      </c>
      <c r="MD41" s="110">
        <v>318463</v>
      </c>
      <c r="ME41" s="111">
        <v>318463</v>
      </c>
      <c r="MF41" s="129">
        <v>0</v>
      </c>
      <c r="MG41" s="109">
        <v>0</v>
      </c>
      <c r="MH41" s="110">
        <v>0</v>
      </c>
      <c r="MI41" s="443">
        <v>0</v>
      </c>
      <c r="MJ41" s="109">
        <v>3689576</v>
      </c>
      <c r="MK41" s="109">
        <v>6690123</v>
      </c>
      <c r="ML41" s="109">
        <v>24865769</v>
      </c>
      <c r="MM41" s="109">
        <v>42106830</v>
      </c>
      <c r="MN41" s="109">
        <v>30566952</v>
      </c>
      <c r="MO41" s="110">
        <v>107919250</v>
      </c>
      <c r="MP41" s="130">
        <v>107919250</v>
      </c>
      <c r="MQ41" s="129">
        <v>0</v>
      </c>
      <c r="MR41" s="109">
        <v>0</v>
      </c>
      <c r="MS41" s="110">
        <v>0</v>
      </c>
      <c r="MT41" s="443">
        <v>0</v>
      </c>
      <c r="MU41" s="109">
        <v>0</v>
      </c>
      <c r="MV41" s="109">
        <v>718951</v>
      </c>
      <c r="MW41" s="109">
        <v>15092227</v>
      </c>
      <c r="MX41" s="109">
        <v>23125827</v>
      </c>
      <c r="MY41" s="109">
        <v>22393501</v>
      </c>
      <c r="MZ41" s="110">
        <v>61330506</v>
      </c>
      <c r="NA41" s="130">
        <v>61330506</v>
      </c>
      <c r="NB41" s="129">
        <v>0</v>
      </c>
      <c r="NC41" s="109">
        <v>0</v>
      </c>
      <c r="ND41" s="110">
        <v>0</v>
      </c>
      <c r="NE41" s="443">
        <v>0</v>
      </c>
      <c r="NF41" s="109">
        <v>3689576</v>
      </c>
      <c r="NG41" s="109">
        <v>5971172</v>
      </c>
      <c r="NH41" s="109">
        <v>9773542</v>
      </c>
      <c r="NI41" s="109">
        <v>15496218</v>
      </c>
      <c r="NJ41" s="109">
        <v>6934890</v>
      </c>
      <c r="NK41" s="110">
        <v>41865398</v>
      </c>
      <c r="NL41" s="292">
        <v>41865398</v>
      </c>
      <c r="NM41" s="129">
        <v>0</v>
      </c>
      <c r="NN41" s="109">
        <v>0</v>
      </c>
      <c r="NO41" s="110">
        <v>0</v>
      </c>
      <c r="NP41" s="443">
        <v>0</v>
      </c>
      <c r="NQ41" s="109">
        <v>0</v>
      </c>
      <c r="NR41" s="109">
        <v>0</v>
      </c>
      <c r="NS41" s="109">
        <v>0</v>
      </c>
      <c r="NT41" s="109">
        <v>369432</v>
      </c>
      <c r="NU41" s="109">
        <v>350051</v>
      </c>
      <c r="NV41" s="110">
        <v>719483</v>
      </c>
      <c r="NW41" s="111">
        <v>719483</v>
      </c>
      <c r="NX41" s="129">
        <v>0</v>
      </c>
      <c r="NY41" s="109">
        <v>0</v>
      </c>
      <c r="NZ41" s="110">
        <v>0</v>
      </c>
      <c r="OA41" s="443">
        <v>0</v>
      </c>
      <c r="OB41" s="109">
        <v>0</v>
      </c>
      <c r="OC41" s="109">
        <v>0</v>
      </c>
      <c r="OD41" s="109">
        <v>0</v>
      </c>
      <c r="OE41" s="109">
        <v>3115353</v>
      </c>
      <c r="OF41" s="109">
        <v>888510</v>
      </c>
      <c r="OG41" s="110">
        <v>4003863</v>
      </c>
      <c r="OH41" s="111">
        <v>4003863</v>
      </c>
      <c r="OI41" s="129">
        <v>1200526</v>
      </c>
      <c r="OJ41" s="109">
        <v>3252000</v>
      </c>
      <c r="OK41" s="128">
        <v>4452526</v>
      </c>
      <c r="OL41" s="108">
        <v>0</v>
      </c>
      <c r="OM41" s="109">
        <v>31091473</v>
      </c>
      <c r="ON41" s="109">
        <v>47167714</v>
      </c>
      <c r="OO41" s="109">
        <v>61362799</v>
      </c>
      <c r="OP41" s="109">
        <v>66877349</v>
      </c>
      <c r="OQ41" s="109">
        <v>55045350</v>
      </c>
      <c r="OR41" s="110">
        <v>261544685</v>
      </c>
      <c r="OS41" s="130">
        <v>265997211</v>
      </c>
    </row>
    <row r="42" spans="2:409" ht="21" customHeight="1" thickBot="1" x14ac:dyDescent="0.25">
      <c r="B42" s="438" t="s">
        <v>37</v>
      </c>
      <c r="C42" s="107">
        <v>377311</v>
      </c>
      <c r="D42" s="161">
        <v>8163</v>
      </c>
      <c r="E42" s="162">
        <v>385474</v>
      </c>
      <c r="F42" s="163">
        <v>0</v>
      </c>
      <c r="G42" s="161">
        <v>1608556</v>
      </c>
      <c r="H42" s="161">
        <v>2237183</v>
      </c>
      <c r="I42" s="161">
        <v>1823326</v>
      </c>
      <c r="J42" s="161">
        <v>1925498</v>
      </c>
      <c r="K42" s="161">
        <v>1117971</v>
      </c>
      <c r="L42" s="163">
        <v>8712534</v>
      </c>
      <c r="M42" s="164">
        <v>9098008</v>
      </c>
      <c r="N42" s="107">
        <v>96636</v>
      </c>
      <c r="O42" s="161">
        <v>0</v>
      </c>
      <c r="P42" s="162">
        <v>96636</v>
      </c>
      <c r="Q42" s="107">
        <v>0</v>
      </c>
      <c r="R42" s="161">
        <v>343894</v>
      </c>
      <c r="S42" s="161">
        <v>403835</v>
      </c>
      <c r="T42" s="161">
        <v>335780</v>
      </c>
      <c r="U42" s="161">
        <v>605027</v>
      </c>
      <c r="V42" s="161">
        <v>559724</v>
      </c>
      <c r="W42" s="162">
        <v>2248260</v>
      </c>
      <c r="X42" s="164">
        <v>2344896</v>
      </c>
      <c r="Y42" s="107">
        <v>0</v>
      </c>
      <c r="Z42" s="161">
        <v>0</v>
      </c>
      <c r="AA42" s="162">
        <v>0</v>
      </c>
      <c r="AB42" s="107">
        <v>0</v>
      </c>
      <c r="AC42" s="161">
        <v>167303</v>
      </c>
      <c r="AD42" s="161">
        <v>200004</v>
      </c>
      <c r="AE42" s="161">
        <v>219900</v>
      </c>
      <c r="AF42" s="161">
        <v>206523</v>
      </c>
      <c r="AG42" s="161">
        <v>267797</v>
      </c>
      <c r="AH42" s="162">
        <v>1061527</v>
      </c>
      <c r="AI42" s="164">
        <v>1061527</v>
      </c>
      <c r="AJ42" s="107">
        <v>0</v>
      </c>
      <c r="AK42" s="161">
        <v>0</v>
      </c>
      <c r="AL42" s="162">
        <v>0</v>
      </c>
      <c r="AM42" s="107">
        <v>0</v>
      </c>
      <c r="AN42" s="161">
        <v>0</v>
      </c>
      <c r="AO42" s="161">
        <v>0</v>
      </c>
      <c r="AP42" s="161">
        <v>0</v>
      </c>
      <c r="AQ42" s="161">
        <v>0</v>
      </c>
      <c r="AR42" s="161">
        <v>0</v>
      </c>
      <c r="AS42" s="162">
        <v>0</v>
      </c>
      <c r="AT42" s="164">
        <v>0</v>
      </c>
      <c r="AU42" s="107">
        <v>57504</v>
      </c>
      <c r="AV42" s="161">
        <v>0</v>
      </c>
      <c r="AW42" s="162">
        <v>57504</v>
      </c>
      <c r="AX42" s="107">
        <v>0</v>
      </c>
      <c r="AY42" s="161">
        <v>132716</v>
      </c>
      <c r="AZ42" s="161">
        <v>170297</v>
      </c>
      <c r="BA42" s="161">
        <v>27599</v>
      </c>
      <c r="BB42" s="161">
        <v>240554</v>
      </c>
      <c r="BC42" s="161">
        <v>177532</v>
      </c>
      <c r="BD42" s="162">
        <v>748698</v>
      </c>
      <c r="BE42" s="164">
        <v>806202</v>
      </c>
      <c r="BF42" s="107">
        <v>0</v>
      </c>
      <c r="BG42" s="161">
        <v>0</v>
      </c>
      <c r="BH42" s="166">
        <v>0</v>
      </c>
      <c r="BI42" s="165">
        <v>0</v>
      </c>
      <c r="BJ42" s="161">
        <v>0</v>
      </c>
      <c r="BK42" s="161">
        <v>28170</v>
      </c>
      <c r="BL42" s="161">
        <v>0</v>
      </c>
      <c r="BM42" s="161">
        <v>41426</v>
      </c>
      <c r="BN42" s="161">
        <v>26719</v>
      </c>
      <c r="BO42" s="162">
        <v>96315</v>
      </c>
      <c r="BP42" s="164">
        <v>96315</v>
      </c>
      <c r="BQ42" s="107">
        <v>39132</v>
      </c>
      <c r="BR42" s="161">
        <v>0</v>
      </c>
      <c r="BS42" s="162">
        <v>39132</v>
      </c>
      <c r="BT42" s="107">
        <v>0</v>
      </c>
      <c r="BU42" s="161">
        <v>43875</v>
      </c>
      <c r="BV42" s="161">
        <v>5364</v>
      </c>
      <c r="BW42" s="161">
        <v>88281</v>
      </c>
      <c r="BX42" s="161">
        <v>116524</v>
      </c>
      <c r="BY42" s="161">
        <v>87676</v>
      </c>
      <c r="BZ42" s="162">
        <v>341720</v>
      </c>
      <c r="CA42" s="164">
        <v>380852</v>
      </c>
      <c r="CB42" s="107">
        <v>81883</v>
      </c>
      <c r="CC42" s="161">
        <v>0</v>
      </c>
      <c r="CD42" s="162">
        <v>81883</v>
      </c>
      <c r="CE42" s="107">
        <v>0</v>
      </c>
      <c r="CF42" s="161">
        <v>656881</v>
      </c>
      <c r="CG42" s="161">
        <v>971260</v>
      </c>
      <c r="CH42" s="161">
        <v>840917</v>
      </c>
      <c r="CI42" s="161">
        <v>698214</v>
      </c>
      <c r="CJ42" s="161">
        <v>305232</v>
      </c>
      <c r="CK42" s="162">
        <v>3472504</v>
      </c>
      <c r="CL42" s="164">
        <v>3554387</v>
      </c>
      <c r="CM42" s="107">
        <v>0</v>
      </c>
      <c r="CN42" s="161">
        <v>0</v>
      </c>
      <c r="CO42" s="162">
        <v>0</v>
      </c>
      <c r="CP42" s="165">
        <v>0</v>
      </c>
      <c r="CQ42" s="161">
        <v>351952</v>
      </c>
      <c r="CR42" s="161">
        <v>470975</v>
      </c>
      <c r="CS42" s="161">
        <v>787712</v>
      </c>
      <c r="CT42" s="161">
        <v>431387</v>
      </c>
      <c r="CU42" s="161">
        <v>84159</v>
      </c>
      <c r="CV42" s="162">
        <v>2126185</v>
      </c>
      <c r="CW42" s="164">
        <v>2126185</v>
      </c>
      <c r="CX42" s="107">
        <v>81883</v>
      </c>
      <c r="CY42" s="161">
        <v>0</v>
      </c>
      <c r="CZ42" s="162">
        <v>81883</v>
      </c>
      <c r="DA42" s="107">
        <v>0</v>
      </c>
      <c r="DB42" s="161">
        <v>304929</v>
      </c>
      <c r="DC42" s="161">
        <v>500285</v>
      </c>
      <c r="DD42" s="161">
        <v>53205</v>
      </c>
      <c r="DE42" s="161">
        <v>266827</v>
      </c>
      <c r="DF42" s="161">
        <v>221073</v>
      </c>
      <c r="DG42" s="162">
        <v>1346319</v>
      </c>
      <c r="DH42" s="164">
        <v>1428202</v>
      </c>
      <c r="DI42" s="107">
        <v>0</v>
      </c>
      <c r="DJ42" s="161">
        <v>0</v>
      </c>
      <c r="DK42" s="166">
        <v>0</v>
      </c>
      <c r="DL42" s="165">
        <v>0</v>
      </c>
      <c r="DM42" s="161">
        <v>0</v>
      </c>
      <c r="DN42" s="161">
        <v>73104</v>
      </c>
      <c r="DO42" s="161">
        <v>222109</v>
      </c>
      <c r="DP42" s="161">
        <v>169743</v>
      </c>
      <c r="DQ42" s="161">
        <v>44754</v>
      </c>
      <c r="DR42" s="162">
        <v>509710</v>
      </c>
      <c r="DS42" s="164">
        <v>509710</v>
      </c>
      <c r="DT42" s="107">
        <v>0</v>
      </c>
      <c r="DU42" s="161">
        <v>0</v>
      </c>
      <c r="DV42" s="162">
        <v>0</v>
      </c>
      <c r="DW42" s="107">
        <v>0</v>
      </c>
      <c r="DX42" s="161">
        <v>0</v>
      </c>
      <c r="DY42" s="161">
        <v>73104</v>
      </c>
      <c r="DZ42" s="161">
        <v>222109</v>
      </c>
      <c r="EA42" s="161">
        <v>132549</v>
      </c>
      <c r="EB42" s="161">
        <v>0</v>
      </c>
      <c r="EC42" s="162">
        <v>427762</v>
      </c>
      <c r="ED42" s="164">
        <v>427762</v>
      </c>
      <c r="EE42" s="107">
        <v>0</v>
      </c>
      <c r="EF42" s="166">
        <v>0</v>
      </c>
      <c r="EG42" s="162">
        <v>0</v>
      </c>
      <c r="EH42" s="107">
        <v>0</v>
      </c>
      <c r="EI42" s="161">
        <v>0</v>
      </c>
      <c r="EJ42" s="161">
        <v>0</v>
      </c>
      <c r="EK42" s="161">
        <v>0</v>
      </c>
      <c r="EL42" s="161">
        <v>37194</v>
      </c>
      <c r="EM42" s="161">
        <v>44754</v>
      </c>
      <c r="EN42" s="166">
        <v>81948</v>
      </c>
      <c r="EO42" s="164">
        <v>81948</v>
      </c>
      <c r="EP42" s="107">
        <v>0</v>
      </c>
      <c r="EQ42" s="161">
        <v>0</v>
      </c>
      <c r="ER42" s="166">
        <v>0</v>
      </c>
      <c r="ES42" s="165">
        <v>0</v>
      </c>
      <c r="ET42" s="161">
        <v>0</v>
      </c>
      <c r="EU42" s="161">
        <v>0</v>
      </c>
      <c r="EV42" s="161">
        <v>0</v>
      </c>
      <c r="EW42" s="161">
        <v>0</v>
      </c>
      <c r="EX42" s="161">
        <v>0</v>
      </c>
      <c r="EY42" s="162">
        <v>0</v>
      </c>
      <c r="EZ42" s="164">
        <v>0</v>
      </c>
      <c r="FA42" s="107">
        <v>0</v>
      </c>
      <c r="FB42" s="161">
        <v>0</v>
      </c>
      <c r="FC42" s="166">
        <v>0</v>
      </c>
      <c r="FD42" s="307">
        <v>0</v>
      </c>
      <c r="FE42" s="161">
        <v>0</v>
      </c>
      <c r="FF42" s="161">
        <v>0</v>
      </c>
      <c r="FG42" s="161">
        <v>0</v>
      </c>
      <c r="FH42" s="161">
        <v>0</v>
      </c>
      <c r="FI42" s="161">
        <v>0</v>
      </c>
      <c r="FJ42" s="162">
        <v>0</v>
      </c>
      <c r="FK42" s="164">
        <v>0</v>
      </c>
      <c r="FL42" s="107">
        <v>107532</v>
      </c>
      <c r="FM42" s="161">
        <v>3600</v>
      </c>
      <c r="FN42" s="162">
        <v>111132</v>
      </c>
      <c r="FO42" s="107">
        <v>0</v>
      </c>
      <c r="FP42" s="161">
        <v>169572</v>
      </c>
      <c r="FQ42" s="161">
        <v>476658</v>
      </c>
      <c r="FR42" s="161">
        <v>182944</v>
      </c>
      <c r="FS42" s="161">
        <v>198050</v>
      </c>
      <c r="FT42" s="161">
        <v>102110</v>
      </c>
      <c r="FU42" s="162">
        <v>1129334</v>
      </c>
      <c r="FV42" s="164">
        <v>1240466</v>
      </c>
      <c r="FW42" s="167">
        <v>107532</v>
      </c>
      <c r="FX42" s="161">
        <v>3600</v>
      </c>
      <c r="FY42" s="166">
        <v>111132</v>
      </c>
      <c r="FZ42" s="165">
        <v>0</v>
      </c>
      <c r="GA42" s="161">
        <v>169572</v>
      </c>
      <c r="GB42" s="161">
        <v>427158</v>
      </c>
      <c r="GC42" s="161">
        <v>175824</v>
      </c>
      <c r="GD42" s="161">
        <v>198050</v>
      </c>
      <c r="GE42" s="161">
        <v>102110</v>
      </c>
      <c r="GF42" s="162">
        <v>1072714</v>
      </c>
      <c r="GG42" s="291">
        <v>1183846</v>
      </c>
      <c r="GH42" s="167">
        <v>0</v>
      </c>
      <c r="GI42" s="161">
        <v>0</v>
      </c>
      <c r="GJ42" s="166">
        <v>0</v>
      </c>
      <c r="GK42" s="165">
        <v>0</v>
      </c>
      <c r="GL42" s="161">
        <v>0</v>
      </c>
      <c r="GM42" s="161">
        <v>0</v>
      </c>
      <c r="GN42" s="161">
        <v>7120</v>
      </c>
      <c r="GO42" s="161">
        <v>0</v>
      </c>
      <c r="GP42" s="161">
        <v>0</v>
      </c>
      <c r="GQ42" s="162">
        <v>7120</v>
      </c>
      <c r="GR42" s="164">
        <v>7120</v>
      </c>
      <c r="GS42" s="107">
        <v>0</v>
      </c>
      <c r="GT42" s="161">
        <v>0</v>
      </c>
      <c r="GU42" s="162">
        <v>0</v>
      </c>
      <c r="GV42" s="107">
        <v>0</v>
      </c>
      <c r="GW42" s="161">
        <v>0</v>
      </c>
      <c r="GX42" s="161">
        <v>49500</v>
      </c>
      <c r="GY42" s="161">
        <v>0</v>
      </c>
      <c r="GZ42" s="161">
        <v>0</v>
      </c>
      <c r="HA42" s="161">
        <v>0</v>
      </c>
      <c r="HB42" s="166">
        <v>49500</v>
      </c>
      <c r="HC42" s="164">
        <v>49500</v>
      </c>
      <c r="HD42" s="107">
        <v>0</v>
      </c>
      <c r="HE42" s="161">
        <v>0</v>
      </c>
      <c r="HF42" s="166">
        <v>0</v>
      </c>
      <c r="HG42" s="165">
        <v>0</v>
      </c>
      <c r="HH42" s="161">
        <v>0</v>
      </c>
      <c r="HI42" s="161">
        <v>0</v>
      </c>
      <c r="HJ42" s="161">
        <v>0</v>
      </c>
      <c r="HK42" s="161">
        <v>78086</v>
      </c>
      <c r="HL42" s="161">
        <v>0</v>
      </c>
      <c r="HM42" s="162">
        <v>78086</v>
      </c>
      <c r="HN42" s="163">
        <v>78086</v>
      </c>
      <c r="HO42" s="167">
        <v>91260</v>
      </c>
      <c r="HP42" s="161">
        <v>4563</v>
      </c>
      <c r="HQ42" s="162">
        <v>95823</v>
      </c>
      <c r="HR42" s="107">
        <v>0</v>
      </c>
      <c r="HS42" s="161">
        <v>438209</v>
      </c>
      <c r="HT42" s="161">
        <v>312326</v>
      </c>
      <c r="HU42" s="161">
        <v>241576</v>
      </c>
      <c r="HV42" s="161">
        <v>176378</v>
      </c>
      <c r="HW42" s="161">
        <v>106151</v>
      </c>
      <c r="HX42" s="166">
        <v>1274640</v>
      </c>
      <c r="HY42" s="164">
        <v>1370463</v>
      </c>
      <c r="HZ42" s="136">
        <v>0</v>
      </c>
      <c r="IA42" s="137">
        <v>0</v>
      </c>
      <c r="IB42" s="138">
        <v>0</v>
      </c>
      <c r="IC42" s="139">
        <v>0</v>
      </c>
      <c r="ID42" s="140">
        <v>1554000</v>
      </c>
      <c r="IE42" s="141">
        <v>464714</v>
      </c>
      <c r="IF42" s="142">
        <v>1647159</v>
      </c>
      <c r="IG42" s="140">
        <v>1221898</v>
      </c>
      <c r="IH42" s="142">
        <v>686730</v>
      </c>
      <c r="II42" s="143">
        <v>5574501</v>
      </c>
      <c r="IJ42" s="144">
        <v>5574501</v>
      </c>
      <c r="IK42" s="216">
        <v>0</v>
      </c>
      <c r="IL42" s="221">
        <v>0</v>
      </c>
      <c r="IM42" s="222">
        <v>0</v>
      </c>
      <c r="IN42" s="145">
        <v>0</v>
      </c>
      <c r="IO42" s="146">
        <v>0</v>
      </c>
      <c r="IP42" s="146">
        <v>0</v>
      </c>
      <c r="IQ42" s="146">
        <v>0</v>
      </c>
      <c r="IR42" s="146">
        <v>223127</v>
      </c>
      <c r="IS42" s="146">
        <v>0</v>
      </c>
      <c r="IT42" s="147">
        <v>223127</v>
      </c>
      <c r="IU42" s="293">
        <v>223127</v>
      </c>
      <c r="IV42" s="148">
        <v>0</v>
      </c>
      <c r="IW42" s="146">
        <v>0</v>
      </c>
      <c r="IX42" s="150">
        <v>0</v>
      </c>
      <c r="IY42" s="444">
        <v>0</v>
      </c>
      <c r="IZ42" s="146">
        <v>0</v>
      </c>
      <c r="JA42" s="146">
        <v>0</v>
      </c>
      <c r="JB42" s="146">
        <v>0</v>
      </c>
      <c r="JC42" s="146">
        <v>0</v>
      </c>
      <c r="JD42" s="146">
        <v>0</v>
      </c>
      <c r="JE42" s="150">
        <v>0</v>
      </c>
      <c r="JF42" s="151">
        <v>0</v>
      </c>
      <c r="JG42" s="148">
        <v>0</v>
      </c>
      <c r="JH42" s="146">
        <v>0</v>
      </c>
      <c r="JI42" s="147">
        <v>0</v>
      </c>
      <c r="JJ42" s="149">
        <v>0</v>
      </c>
      <c r="JK42" s="146">
        <v>969706</v>
      </c>
      <c r="JL42" s="146">
        <v>464714</v>
      </c>
      <c r="JM42" s="146">
        <v>610561</v>
      </c>
      <c r="JN42" s="146">
        <v>0</v>
      </c>
      <c r="JO42" s="146">
        <v>288712</v>
      </c>
      <c r="JP42" s="150">
        <v>2333693</v>
      </c>
      <c r="JQ42" s="293">
        <v>2333693</v>
      </c>
      <c r="JR42" s="148">
        <v>0</v>
      </c>
      <c r="JS42" s="146">
        <v>0</v>
      </c>
      <c r="JT42" s="147">
        <v>0</v>
      </c>
      <c r="JU42" s="149">
        <v>0</v>
      </c>
      <c r="JV42" s="146">
        <v>75154</v>
      </c>
      <c r="JW42" s="146">
        <v>0</v>
      </c>
      <c r="JX42" s="146">
        <v>0</v>
      </c>
      <c r="JY42" s="146">
        <v>135236</v>
      </c>
      <c r="JZ42" s="146">
        <v>104545</v>
      </c>
      <c r="KA42" s="150">
        <v>314935</v>
      </c>
      <c r="KB42" s="293">
        <v>314935</v>
      </c>
      <c r="KC42" s="218">
        <v>0</v>
      </c>
      <c r="KD42" s="214">
        <v>0</v>
      </c>
      <c r="KE42" s="150">
        <v>0</v>
      </c>
      <c r="KF42" s="149">
        <v>0</v>
      </c>
      <c r="KG42" s="146">
        <v>0</v>
      </c>
      <c r="KH42" s="146">
        <v>0</v>
      </c>
      <c r="KI42" s="146">
        <v>0</v>
      </c>
      <c r="KJ42" s="146">
        <v>0</v>
      </c>
      <c r="KK42" s="146">
        <v>0</v>
      </c>
      <c r="KL42" s="150">
        <v>0</v>
      </c>
      <c r="KM42" s="152">
        <v>0</v>
      </c>
      <c r="KN42" s="216">
        <v>0</v>
      </c>
      <c r="KO42" s="221">
        <v>0</v>
      </c>
      <c r="KP42" s="222">
        <v>0</v>
      </c>
      <c r="KQ42" s="444">
        <v>0</v>
      </c>
      <c r="KR42" s="146">
        <v>509140</v>
      </c>
      <c r="KS42" s="146">
        <v>0</v>
      </c>
      <c r="KT42" s="146">
        <v>1036598</v>
      </c>
      <c r="KU42" s="146">
        <v>863535</v>
      </c>
      <c r="KV42" s="146">
        <v>293473</v>
      </c>
      <c r="KW42" s="150">
        <v>2702746</v>
      </c>
      <c r="KX42" s="293">
        <v>2702746</v>
      </c>
      <c r="KY42" s="148">
        <v>0</v>
      </c>
      <c r="KZ42" s="146">
        <v>0</v>
      </c>
      <c r="LA42" s="150">
        <v>0</v>
      </c>
      <c r="LB42" s="444">
        <v>0</v>
      </c>
      <c r="LC42" s="146">
        <v>0</v>
      </c>
      <c r="LD42" s="146">
        <v>0</v>
      </c>
      <c r="LE42" s="146">
        <v>0</v>
      </c>
      <c r="LF42" s="146">
        <v>0</v>
      </c>
      <c r="LG42" s="146">
        <v>0</v>
      </c>
      <c r="LH42" s="150">
        <v>0</v>
      </c>
      <c r="LI42" s="151">
        <v>0</v>
      </c>
      <c r="LJ42" s="148">
        <v>0</v>
      </c>
      <c r="LK42" s="146">
        <v>0</v>
      </c>
      <c r="LL42" s="150">
        <v>0</v>
      </c>
      <c r="LM42" s="444">
        <v>0</v>
      </c>
      <c r="LN42" s="146">
        <v>0</v>
      </c>
      <c r="LO42" s="146">
        <v>0</v>
      </c>
      <c r="LP42" s="146">
        <v>0</v>
      </c>
      <c r="LQ42" s="146">
        <v>0</v>
      </c>
      <c r="LR42" s="146">
        <v>0</v>
      </c>
      <c r="LS42" s="150">
        <v>0</v>
      </c>
      <c r="LT42" s="293">
        <v>0</v>
      </c>
      <c r="LU42" s="148">
        <v>0</v>
      </c>
      <c r="LV42" s="146">
        <v>0</v>
      </c>
      <c r="LW42" s="150">
        <v>0</v>
      </c>
      <c r="LX42" s="444">
        <v>0</v>
      </c>
      <c r="LY42" s="146">
        <v>0</v>
      </c>
      <c r="LZ42" s="146">
        <v>0</v>
      </c>
      <c r="MA42" s="146">
        <v>0</v>
      </c>
      <c r="MB42" s="146">
        <v>0</v>
      </c>
      <c r="MC42" s="146">
        <v>0</v>
      </c>
      <c r="MD42" s="150">
        <v>0</v>
      </c>
      <c r="ME42" s="151">
        <v>0</v>
      </c>
      <c r="MF42" s="148">
        <v>0</v>
      </c>
      <c r="MG42" s="146">
        <v>0</v>
      </c>
      <c r="MH42" s="150">
        <v>0</v>
      </c>
      <c r="MI42" s="444">
        <v>0</v>
      </c>
      <c r="MJ42" s="146">
        <v>512964</v>
      </c>
      <c r="MK42" s="146">
        <v>1118374</v>
      </c>
      <c r="ML42" s="146">
        <v>4303373</v>
      </c>
      <c r="MM42" s="146">
        <v>2991763</v>
      </c>
      <c r="MN42" s="146">
        <v>2865913</v>
      </c>
      <c r="MO42" s="150">
        <v>11792387</v>
      </c>
      <c r="MP42" s="152">
        <v>11792387</v>
      </c>
      <c r="MQ42" s="148">
        <v>0</v>
      </c>
      <c r="MR42" s="146">
        <v>0</v>
      </c>
      <c r="MS42" s="150">
        <v>0</v>
      </c>
      <c r="MT42" s="444">
        <v>0</v>
      </c>
      <c r="MU42" s="146">
        <v>0</v>
      </c>
      <c r="MV42" s="146">
        <v>0</v>
      </c>
      <c r="MW42" s="146">
        <v>1349530</v>
      </c>
      <c r="MX42" s="146">
        <v>2635403</v>
      </c>
      <c r="MY42" s="146">
        <v>2195732</v>
      </c>
      <c r="MZ42" s="150">
        <v>6180665</v>
      </c>
      <c r="NA42" s="152">
        <v>6180665</v>
      </c>
      <c r="NB42" s="148">
        <v>0</v>
      </c>
      <c r="NC42" s="146">
        <v>0</v>
      </c>
      <c r="ND42" s="150">
        <v>0</v>
      </c>
      <c r="NE42" s="444">
        <v>0</v>
      </c>
      <c r="NF42" s="146">
        <v>512964</v>
      </c>
      <c r="NG42" s="146">
        <v>1118374</v>
      </c>
      <c r="NH42" s="146">
        <v>2953843</v>
      </c>
      <c r="NI42" s="146">
        <v>356360</v>
      </c>
      <c r="NJ42" s="146">
        <v>670181</v>
      </c>
      <c r="NK42" s="150">
        <v>5611722</v>
      </c>
      <c r="NL42" s="293">
        <v>5611722</v>
      </c>
      <c r="NM42" s="148">
        <v>0</v>
      </c>
      <c r="NN42" s="146">
        <v>0</v>
      </c>
      <c r="NO42" s="150">
        <v>0</v>
      </c>
      <c r="NP42" s="444">
        <v>0</v>
      </c>
      <c r="NQ42" s="146">
        <v>0</v>
      </c>
      <c r="NR42" s="146">
        <v>0</v>
      </c>
      <c r="NS42" s="146">
        <v>0</v>
      </c>
      <c r="NT42" s="146">
        <v>0</v>
      </c>
      <c r="NU42" s="146">
        <v>0</v>
      </c>
      <c r="NV42" s="150">
        <v>0</v>
      </c>
      <c r="NW42" s="151">
        <v>0</v>
      </c>
      <c r="NX42" s="148">
        <v>0</v>
      </c>
      <c r="NY42" s="146">
        <v>0</v>
      </c>
      <c r="NZ42" s="150">
        <v>0</v>
      </c>
      <c r="OA42" s="444">
        <v>0</v>
      </c>
      <c r="OB42" s="146">
        <v>0</v>
      </c>
      <c r="OC42" s="146">
        <v>0</v>
      </c>
      <c r="OD42" s="146">
        <v>0</v>
      </c>
      <c r="OE42" s="146">
        <v>0</v>
      </c>
      <c r="OF42" s="146">
        <v>0</v>
      </c>
      <c r="OG42" s="150">
        <v>0</v>
      </c>
      <c r="OH42" s="151">
        <v>0</v>
      </c>
      <c r="OI42" s="148">
        <v>377311</v>
      </c>
      <c r="OJ42" s="146">
        <v>8163</v>
      </c>
      <c r="OK42" s="147">
        <v>385474</v>
      </c>
      <c r="OL42" s="149">
        <v>0</v>
      </c>
      <c r="OM42" s="146">
        <v>3675520</v>
      </c>
      <c r="ON42" s="146">
        <v>3820271</v>
      </c>
      <c r="OO42" s="146">
        <v>7773858</v>
      </c>
      <c r="OP42" s="146">
        <v>6139159</v>
      </c>
      <c r="OQ42" s="146">
        <v>4670614</v>
      </c>
      <c r="OR42" s="150">
        <v>26079422</v>
      </c>
      <c r="OS42" s="152">
        <v>26464896</v>
      </c>
    </row>
    <row r="43" spans="2:409" x14ac:dyDescent="0.2">
      <c r="B43" s="1"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218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10"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296" customWidth="1"/>
    <col min="83" max="83" width="7.6640625" style="296" customWidth="1"/>
    <col min="84" max="84" width="9.88671875" style="296" customWidth="1"/>
    <col min="85" max="85" width="10" style="296" customWidth="1"/>
    <col min="86" max="86" width="9.77734375" style="296" customWidth="1"/>
    <col min="87" max="87" width="9.21875" style="296" customWidth="1"/>
    <col min="88" max="88" width="8.77734375" style="296" customWidth="1"/>
    <col min="89" max="89" width="9.88671875" style="296" customWidth="1"/>
    <col min="90" max="90" width="9.77734375" style="296"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296" customWidth="1"/>
    <col min="116" max="116" width="7.21875" style="296" customWidth="1"/>
    <col min="117" max="121" width="8.21875" style="296" customWidth="1"/>
    <col min="122" max="122" width="10.109375" style="296" customWidth="1"/>
    <col min="123" max="123" width="9.77734375" style="296"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296" customWidth="1"/>
    <col min="171" max="171" width="6.6640625" style="296" customWidth="1"/>
    <col min="172" max="176" width="8.21875" style="296" customWidth="1"/>
    <col min="177" max="177" width="10.109375" style="296" customWidth="1"/>
    <col min="178" max="178" width="9.88671875" style="296"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1:409" ht="24" customHeight="1" x14ac:dyDescent="0.2">
      <c r="B1" s="15" t="s">
        <v>134</v>
      </c>
      <c r="E1" s="433">
        <f>第１表!F2</f>
        <v>6</v>
      </c>
      <c r="F1" s="229">
        <f>第１表!G2</f>
        <v>2</v>
      </c>
      <c r="G1" s="696">
        <f>IF(F1&lt;3,F1-2+12,F1-2)</f>
        <v>12</v>
      </c>
      <c r="H1" s="696"/>
      <c r="IB1" s="323"/>
      <c r="IC1" s="235"/>
      <c r="ID1" s="612"/>
      <c r="IE1" s="612"/>
    </row>
    <row r="2" spans="1:409" ht="24" customHeight="1" x14ac:dyDescent="0.2">
      <c r="B2" s="15" t="s">
        <v>145</v>
      </c>
      <c r="E2" s="232"/>
      <c r="F2" s="233"/>
      <c r="G2" s="301"/>
      <c r="H2" s="301"/>
      <c r="IB2" s="234"/>
      <c r="IC2" s="235"/>
      <c r="ID2" s="326"/>
      <c r="IE2" s="326"/>
    </row>
    <row r="3" spans="1:409" ht="24" customHeight="1" thickBot="1" x14ac:dyDescent="0.25">
      <c r="B3" s="15" t="s">
        <v>135</v>
      </c>
    </row>
    <row r="4" spans="1:409" ht="21" customHeight="1" thickBot="1" x14ac:dyDescent="0.25">
      <c r="B4" s="649" t="s">
        <v>42</v>
      </c>
      <c r="C4" s="652" t="s">
        <v>63</v>
      </c>
      <c r="D4" s="652"/>
      <c r="E4" s="652"/>
      <c r="F4" s="652"/>
      <c r="G4" s="652"/>
      <c r="H4" s="652"/>
      <c r="I4" s="652"/>
      <c r="J4" s="652"/>
      <c r="K4" s="652"/>
      <c r="L4" s="652"/>
      <c r="M4" s="652"/>
      <c r="N4" s="655"/>
      <c r="O4" s="655"/>
      <c r="P4" s="655"/>
      <c r="Q4" s="655"/>
      <c r="R4" s="655"/>
      <c r="S4" s="655"/>
      <c r="T4" s="655"/>
      <c r="U4" s="655"/>
      <c r="V4" s="655"/>
      <c r="W4" s="655"/>
      <c r="X4" s="655"/>
      <c r="Y4" s="655"/>
      <c r="Z4" s="655"/>
      <c r="AA4" s="655"/>
      <c r="AB4" s="655"/>
      <c r="AC4" s="655"/>
      <c r="AD4" s="655"/>
      <c r="AE4" s="655"/>
      <c r="AF4" s="655"/>
      <c r="AG4" s="655"/>
      <c r="AH4" s="655"/>
      <c r="AI4" s="655"/>
      <c r="AJ4" s="655"/>
      <c r="AK4" s="655"/>
      <c r="AL4" s="655"/>
      <c r="AM4" s="655"/>
      <c r="AN4" s="655"/>
      <c r="AO4" s="655"/>
      <c r="AP4" s="655"/>
      <c r="AQ4" s="655"/>
      <c r="AR4" s="655"/>
      <c r="AS4" s="655"/>
      <c r="AT4" s="655"/>
      <c r="AU4" s="655"/>
      <c r="AV4" s="655"/>
      <c r="AW4" s="655"/>
      <c r="AX4" s="655"/>
      <c r="AY4" s="655"/>
      <c r="AZ4" s="655"/>
      <c r="BA4" s="655"/>
      <c r="BB4" s="655"/>
      <c r="BC4" s="655"/>
      <c r="BD4" s="655"/>
      <c r="BE4" s="655"/>
      <c r="BF4" s="655"/>
      <c r="BG4" s="655"/>
      <c r="BH4" s="655"/>
      <c r="BI4" s="655"/>
      <c r="BJ4" s="655"/>
      <c r="BK4" s="655"/>
      <c r="BL4" s="655"/>
      <c r="BM4" s="655"/>
      <c r="BN4" s="655"/>
      <c r="BO4" s="655"/>
      <c r="BP4" s="655"/>
      <c r="BQ4" s="655"/>
      <c r="BR4" s="655"/>
      <c r="BS4" s="655"/>
      <c r="BT4" s="655"/>
      <c r="BU4" s="655"/>
      <c r="BV4" s="655"/>
      <c r="BW4" s="655"/>
      <c r="BX4" s="655"/>
      <c r="BY4" s="655"/>
      <c r="BZ4" s="655"/>
      <c r="CA4" s="655"/>
      <c r="CB4" s="655"/>
      <c r="CC4" s="655"/>
      <c r="CD4" s="655"/>
      <c r="CE4" s="655"/>
      <c r="CF4" s="655"/>
      <c r="CG4" s="655"/>
      <c r="CH4" s="655"/>
      <c r="CI4" s="655"/>
      <c r="CJ4" s="655"/>
      <c r="CK4" s="655"/>
      <c r="CL4" s="655"/>
      <c r="CM4" s="655"/>
      <c r="CN4" s="655"/>
      <c r="CO4" s="655"/>
      <c r="CP4" s="655"/>
      <c r="CQ4" s="655"/>
      <c r="CR4" s="655"/>
      <c r="CS4" s="655"/>
      <c r="CT4" s="655"/>
      <c r="CU4" s="655"/>
      <c r="CV4" s="655"/>
      <c r="CW4" s="655"/>
      <c r="CX4" s="655"/>
      <c r="CY4" s="655"/>
      <c r="CZ4" s="655"/>
      <c r="DA4" s="655"/>
      <c r="DB4" s="655"/>
      <c r="DC4" s="655"/>
      <c r="DD4" s="655"/>
      <c r="DE4" s="655"/>
      <c r="DF4" s="655"/>
      <c r="DG4" s="655"/>
      <c r="DH4" s="655"/>
      <c r="DI4" s="655"/>
      <c r="DJ4" s="655"/>
      <c r="DK4" s="655"/>
      <c r="DL4" s="655"/>
      <c r="DM4" s="655"/>
      <c r="DN4" s="655"/>
      <c r="DO4" s="655"/>
      <c r="DP4" s="655"/>
      <c r="DQ4" s="655"/>
      <c r="DR4" s="655"/>
      <c r="DS4" s="655"/>
      <c r="DT4" s="655"/>
      <c r="DU4" s="655"/>
      <c r="DV4" s="655"/>
      <c r="DW4" s="655"/>
      <c r="DX4" s="655"/>
      <c r="DY4" s="655"/>
      <c r="DZ4" s="655"/>
      <c r="EA4" s="655"/>
      <c r="EB4" s="655"/>
      <c r="EC4" s="655"/>
      <c r="ED4" s="655"/>
      <c r="EE4" s="655"/>
      <c r="EF4" s="655"/>
      <c r="EG4" s="655"/>
      <c r="EH4" s="655"/>
      <c r="EI4" s="655"/>
      <c r="EJ4" s="655"/>
      <c r="EK4" s="655"/>
      <c r="EL4" s="655"/>
      <c r="EM4" s="655"/>
      <c r="EN4" s="655"/>
      <c r="EO4" s="655"/>
      <c r="EP4" s="655"/>
      <c r="EQ4" s="655"/>
      <c r="ER4" s="655"/>
      <c r="ES4" s="655"/>
      <c r="ET4" s="655"/>
      <c r="EU4" s="655"/>
      <c r="EV4" s="655"/>
      <c r="EW4" s="655"/>
      <c r="EX4" s="655"/>
      <c r="EY4" s="655"/>
      <c r="EZ4" s="655"/>
      <c r="FA4" s="655"/>
      <c r="FB4" s="655"/>
      <c r="FC4" s="655"/>
      <c r="FD4" s="655"/>
      <c r="FE4" s="655"/>
      <c r="FF4" s="655"/>
      <c r="FG4" s="655"/>
      <c r="FH4" s="655"/>
      <c r="FI4" s="655"/>
      <c r="FJ4" s="655"/>
      <c r="FK4" s="655"/>
      <c r="FL4" s="655"/>
      <c r="FM4" s="655"/>
      <c r="FN4" s="655"/>
      <c r="FO4" s="655"/>
      <c r="FP4" s="655"/>
      <c r="FQ4" s="655"/>
      <c r="FR4" s="655"/>
      <c r="FS4" s="655"/>
      <c r="FT4" s="655"/>
      <c r="FU4" s="655"/>
      <c r="FV4" s="655"/>
      <c r="FW4" s="655"/>
      <c r="FX4" s="655"/>
      <c r="FY4" s="655"/>
      <c r="FZ4" s="655"/>
      <c r="GA4" s="655"/>
      <c r="GB4" s="655"/>
      <c r="GC4" s="655"/>
      <c r="GD4" s="655"/>
      <c r="GE4" s="655"/>
      <c r="GF4" s="655"/>
      <c r="GG4" s="655"/>
      <c r="GH4" s="655"/>
      <c r="GI4" s="655"/>
      <c r="GJ4" s="655"/>
      <c r="GK4" s="655"/>
      <c r="GL4" s="655"/>
      <c r="GM4" s="655"/>
      <c r="GN4" s="655"/>
      <c r="GO4" s="655"/>
      <c r="GP4" s="655"/>
      <c r="GQ4" s="655"/>
      <c r="GR4" s="655"/>
      <c r="GS4" s="655"/>
      <c r="GT4" s="655"/>
      <c r="GU4" s="655"/>
      <c r="GV4" s="655"/>
      <c r="GW4" s="655"/>
      <c r="GX4" s="655"/>
      <c r="GY4" s="655"/>
      <c r="GZ4" s="655"/>
      <c r="HA4" s="655"/>
      <c r="HB4" s="655"/>
      <c r="HC4" s="655"/>
      <c r="HD4" s="655"/>
      <c r="HE4" s="655"/>
      <c r="HF4" s="655"/>
      <c r="HG4" s="655"/>
      <c r="HH4" s="655"/>
      <c r="HI4" s="655"/>
      <c r="HJ4" s="655"/>
      <c r="HK4" s="655"/>
      <c r="HL4" s="655"/>
      <c r="HM4" s="655"/>
      <c r="HN4" s="655"/>
      <c r="HO4" s="655"/>
      <c r="HP4" s="655"/>
      <c r="HQ4" s="655"/>
      <c r="HR4" s="655"/>
      <c r="HS4" s="655"/>
      <c r="HT4" s="655"/>
      <c r="HU4" s="655"/>
      <c r="HV4" s="655"/>
      <c r="HW4" s="655"/>
      <c r="HX4" s="655"/>
      <c r="HY4" s="656"/>
      <c r="HZ4" s="609" t="s">
        <v>85</v>
      </c>
      <c r="IA4" s="610"/>
      <c r="IB4" s="610"/>
      <c r="IC4" s="610"/>
      <c r="ID4" s="610"/>
      <c r="IE4" s="610"/>
      <c r="IF4" s="610"/>
      <c r="IG4" s="610"/>
      <c r="IH4" s="610"/>
      <c r="II4" s="610"/>
      <c r="IJ4" s="610"/>
      <c r="IK4" s="610"/>
      <c r="IL4" s="610"/>
      <c r="IM4" s="610"/>
      <c r="IN4" s="610"/>
      <c r="IO4" s="610"/>
      <c r="IP4" s="610"/>
      <c r="IQ4" s="610"/>
      <c r="IR4" s="610"/>
      <c r="IS4" s="610"/>
      <c r="IT4" s="610"/>
      <c r="IU4" s="610"/>
      <c r="IV4" s="610"/>
      <c r="IW4" s="610"/>
      <c r="IX4" s="610"/>
      <c r="IY4" s="610"/>
      <c r="IZ4" s="610"/>
      <c r="JA4" s="610"/>
      <c r="JB4" s="610"/>
      <c r="JC4" s="610"/>
      <c r="JD4" s="610"/>
      <c r="JE4" s="610"/>
      <c r="JF4" s="610"/>
      <c r="JG4" s="610"/>
      <c r="JH4" s="610"/>
      <c r="JI4" s="610"/>
      <c r="JJ4" s="610"/>
      <c r="JK4" s="610"/>
      <c r="JL4" s="610"/>
      <c r="JM4" s="610"/>
      <c r="JN4" s="610"/>
      <c r="JO4" s="610"/>
      <c r="JP4" s="610"/>
      <c r="JQ4" s="610"/>
      <c r="JR4" s="610"/>
      <c r="JS4" s="610"/>
      <c r="JT4" s="610"/>
      <c r="JU4" s="610"/>
      <c r="JV4" s="610"/>
      <c r="JW4" s="610"/>
      <c r="JX4" s="610"/>
      <c r="JY4" s="610"/>
      <c r="JZ4" s="610"/>
      <c r="KA4" s="610"/>
      <c r="KB4" s="610"/>
      <c r="KC4" s="610"/>
      <c r="KD4" s="610"/>
      <c r="KE4" s="610"/>
      <c r="KF4" s="610"/>
      <c r="KG4" s="610"/>
      <c r="KH4" s="610"/>
      <c r="KI4" s="610"/>
      <c r="KJ4" s="610"/>
      <c r="KK4" s="610"/>
      <c r="KL4" s="610"/>
      <c r="KM4" s="610"/>
      <c r="KN4" s="610"/>
      <c r="KO4" s="610"/>
      <c r="KP4" s="610"/>
      <c r="KQ4" s="610"/>
      <c r="KR4" s="610"/>
      <c r="KS4" s="610"/>
      <c r="KT4" s="610"/>
      <c r="KU4" s="610"/>
      <c r="KV4" s="610"/>
      <c r="KW4" s="610"/>
      <c r="KX4" s="610"/>
      <c r="KY4" s="610"/>
      <c r="KZ4" s="610"/>
      <c r="LA4" s="610"/>
      <c r="LB4" s="610"/>
      <c r="LC4" s="610"/>
      <c r="LD4" s="610"/>
      <c r="LE4" s="610"/>
      <c r="LF4" s="610"/>
      <c r="LG4" s="610"/>
      <c r="LH4" s="610"/>
      <c r="LI4" s="610"/>
      <c r="LJ4" s="610"/>
      <c r="LK4" s="610"/>
      <c r="LL4" s="610"/>
      <c r="LM4" s="610"/>
      <c r="LN4" s="610"/>
      <c r="LO4" s="610"/>
      <c r="LP4" s="610"/>
      <c r="LQ4" s="610"/>
      <c r="LR4" s="610"/>
      <c r="LS4" s="610"/>
      <c r="LT4" s="610"/>
      <c r="LU4" s="610"/>
      <c r="LV4" s="610"/>
      <c r="LW4" s="610"/>
      <c r="LX4" s="610"/>
      <c r="LY4" s="610"/>
      <c r="LZ4" s="610"/>
      <c r="MA4" s="610"/>
      <c r="MB4" s="610"/>
      <c r="MC4" s="610"/>
      <c r="MD4" s="610"/>
      <c r="ME4" s="611"/>
      <c r="MF4" s="609" t="s">
        <v>86</v>
      </c>
      <c r="MG4" s="610"/>
      <c r="MH4" s="610"/>
      <c r="MI4" s="610"/>
      <c r="MJ4" s="610"/>
      <c r="MK4" s="610"/>
      <c r="ML4" s="610"/>
      <c r="MM4" s="610"/>
      <c r="MN4" s="610"/>
      <c r="MO4" s="610"/>
      <c r="MP4" s="610"/>
      <c r="MQ4" s="610"/>
      <c r="MR4" s="610"/>
      <c r="MS4" s="610"/>
      <c r="MT4" s="610"/>
      <c r="MU4" s="610"/>
      <c r="MV4" s="610"/>
      <c r="MW4" s="610"/>
      <c r="MX4" s="610"/>
      <c r="MY4" s="610"/>
      <c r="MZ4" s="610"/>
      <c r="NA4" s="610"/>
      <c r="NB4" s="610"/>
      <c r="NC4" s="610"/>
      <c r="ND4" s="610"/>
      <c r="NE4" s="610"/>
      <c r="NF4" s="610"/>
      <c r="NG4" s="610"/>
      <c r="NH4" s="610"/>
      <c r="NI4" s="610"/>
      <c r="NJ4" s="610"/>
      <c r="NK4" s="610"/>
      <c r="NL4" s="610"/>
      <c r="NM4" s="610"/>
      <c r="NN4" s="610"/>
      <c r="NO4" s="610"/>
      <c r="NP4" s="610"/>
      <c r="NQ4" s="610"/>
      <c r="NR4" s="610"/>
      <c r="NS4" s="610"/>
      <c r="NT4" s="610"/>
      <c r="NU4" s="610"/>
      <c r="NV4" s="610"/>
      <c r="NW4" s="610"/>
      <c r="NX4" s="610"/>
      <c r="NY4" s="610"/>
      <c r="NZ4" s="610"/>
      <c r="OA4" s="610"/>
      <c r="OB4" s="610"/>
      <c r="OC4" s="610"/>
      <c r="OD4" s="610"/>
      <c r="OE4" s="610"/>
      <c r="OF4" s="610"/>
      <c r="OG4" s="610"/>
      <c r="OH4" s="611"/>
      <c r="OI4" s="564" t="s">
        <v>60</v>
      </c>
      <c r="OJ4" s="474"/>
      <c r="OK4" s="474"/>
      <c r="OL4" s="474"/>
      <c r="OM4" s="474"/>
      <c r="ON4" s="474"/>
      <c r="OO4" s="474"/>
      <c r="OP4" s="474"/>
      <c r="OQ4" s="474"/>
      <c r="OR4" s="474"/>
      <c r="OS4" s="475"/>
    </row>
    <row r="5" spans="1:409" ht="21" customHeight="1" thickBot="1" x14ac:dyDescent="0.25">
      <c r="B5" s="650"/>
      <c r="C5" s="653"/>
      <c r="D5" s="653"/>
      <c r="E5" s="653"/>
      <c r="F5" s="653"/>
      <c r="G5" s="653"/>
      <c r="H5" s="653"/>
      <c r="I5" s="653"/>
      <c r="J5" s="653"/>
      <c r="K5" s="653"/>
      <c r="L5" s="653"/>
      <c r="M5" s="653"/>
      <c r="N5" s="657" t="s">
        <v>64</v>
      </c>
      <c r="O5" s="658"/>
      <c r="P5" s="658"/>
      <c r="Q5" s="658"/>
      <c r="R5" s="658"/>
      <c r="S5" s="658"/>
      <c r="T5" s="658"/>
      <c r="U5" s="658"/>
      <c r="V5" s="658"/>
      <c r="W5" s="658"/>
      <c r="X5" s="658"/>
      <c r="Y5" s="658"/>
      <c r="Z5" s="658"/>
      <c r="AA5" s="658"/>
      <c r="AB5" s="658"/>
      <c r="AC5" s="658"/>
      <c r="AD5" s="658"/>
      <c r="AE5" s="658"/>
      <c r="AF5" s="658"/>
      <c r="AG5" s="658"/>
      <c r="AH5" s="658"/>
      <c r="AI5" s="658"/>
      <c r="AJ5" s="658"/>
      <c r="AK5" s="658"/>
      <c r="AL5" s="658"/>
      <c r="AM5" s="658"/>
      <c r="AN5" s="658"/>
      <c r="AO5" s="658"/>
      <c r="AP5" s="658"/>
      <c r="AQ5" s="658"/>
      <c r="AR5" s="658"/>
      <c r="AS5" s="658"/>
      <c r="AT5" s="658"/>
      <c r="AU5" s="658"/>
      <c r="AV5" s="658"/>
      <c r="AW5" s="658"/>
      <c r="AX5" s="658"/>
      <c r="AY5" s="658"/>
      <c r="AZ5" s="658"/>
      <c r="BA5" s="658"/>
      <c r="BB5" s="658"/>
      <c r="BC5" s="658"/>
      <c r="BD5" s="658"/>
      <c r="BE5" s="658"/>
      <c r="BF5" s="658"/>
      <c r="BG5" s="658"/>
      <c r="BH5" s="658"/>
      <c r="BI5" s="658"/>
      <c r="BJ5" s="658"/>
      <c r="BK5" s="658"/>
      <c r="BL5" s="658"/>
      <c r="BM5" s="658"/>
      <c r="BN5" s="658"/>
      <c r="BO5" s="658"/>
      <c r="BP5" s="658"/>
      <c r="BQ5" s="658"/>
      <c r="BR5" s="658"/>
      <c r="BS5" s="658"/>
      <c r="BT5" s="658"/>
      <c r="BU5" s="658"/>
      <c r="BV5" s="658"/>
      <c r="BW5" s="658"/>
      <c r="BX5" s="658"/>
      <c r="BY5" s="658"/>
      <c r="BZ5" s="658"/>
      <c r="CA5" s="659"/>
      <c r="CB5" s="657" t="s">
        <v>65</v>
      </c>
      <c r="CC5" s="658"/>
      <c r="CD5" s="658"/>
      <c r="CE5" s="658"/>
      <c r="CF5" s="658"/>
      <c r="CG5" s="658"/>
      <c r="CH5" s="658"/>
      <c r="CI5" s="658"/>
      <c r="CJ5" s="658"/>
      <c r="CK5" s="658"/>
      <c r="CL5" s="658"/>
      <c r="CM5" s="658"/>
      <c r="CN5" s="658"/>
      <c r="CO5" s="658"/>
      <c r="CP5" s="658"/>
      <c r="CQ5" s="658"/>
      <c r="CR5" s="658"/>
      <c r="CS5" s="658"/>
      <c r="CT5" s="658"/>
      <c r="CU5" s="658"/>
      <c r="CV5" s="658"/>
      <c r="CW5" s="658"/>
      <c r="CX5" s="658"/>
      <c r="CY5" s="658"/>
      <c r="CZ5" s="658"/>
      <c r="DA5" s="658"/>
      <c r="DB5" s="658"/>
      <c r="DC5" s="658"/>
      <c r="DD5" s="658"/>
      <c r="DE5" s="658"/>
      <c r="DF5" s="658"/>
      <c r="DG5" s="658"/>
      <c r="DH5" s="659"/>
      <c r="DI5" s="478" t="s">
        <v>66</v>
      </c>
      <c r="DJ5" s="479"/>
      <c r="DK5" s="479"/>
      <c r="DL5" s="479"/>
      <c r="DM5" s="479"/>
      <c r="DN5" s="479"/>
      <c r="DO5" s="479"/>
      <c r="DP5" s="479"/>
      <c r="DQ5" s="479"/>
      <c r="DR5" s="479"/>
      <c r="DS5" s="479"/>
      <c r="DT5" s="479"/>
      <c r="DU5" s="479"/>
      <c r="DV5" s="479"/>
      <c r="DW5" s="479"/>
      <c r="DX5" s="479"/>
      <c r="DY5" s="479"/>
      <c r="DZ5" s="479"/>
      <c r="EA5" s="479"/>
      <c r="EB5" s="479"/>
      <c r="EC5" s="479"/>
      <c r="ED5" s="479"/>
      <c r="EE5" s="479"/>
      <c r="EF5" s="479"/>
      <c r="EG5" s="479"/>
      <c r="EH5" s="479"/>
      <c r="EI5" s="479"/>
      <c r="EJ5" s="479"/>
      <c r="EK5" s="479"/>
      <c r="EL5" s="479"/>
      <c r="EM5" s="479"/>
      <c r="EN5" s="479"/>
      <c r="EO5" s="479"/>
      <c r="EP5" s="479"/>
      <c r="EQ5" s="479"/>
      <c r="ER5" s="479"/>
      <c r="ES5" s="479"/>
      <c r="ET5" s="479"/>
      <c r="EU5" s="479"/>
      <c r="EV5" s="479"/>
      <c r="EW5" s="479"/>
      <c r="EX5" s="479"/>
      <c r="EY5" s="479"/>
      <c r="EZ5" s="479"/>
      <c r="FA5" s="479"/>
      <c r="FB5" s="479"/>
      <c r="FC5" s="479"/>
      <c r="FD5" s="479"/>
      <c r="FE5" s="479"/>
      <c r="FF5" s="479"/>
      <c r="FG5" s="479"/>
      <c r="FH5" s="479"/>
      <c r="FI5" s="479"/>
      <c r="FJ5" s="479"/>
      <c r="FK5" s="480"/>
      <c r="FL5" s="657" t="s">
        <v>67</v>
      </c>
      <c r="FM5" s="658"/>
      <c r="FN5" s="658"/>
      <c r="FO5" s="658"/>
      <c r="FP5" s="658"/>
      <c r="FQ5" s="658"/>
      <c r="FR5" s="658"/>
      <c r="FS5" s="658"/>
      <c r="FT5" s="658"/>
      <c r="FU5" s="658"/>
      <c r="FV5" s="658"/>
      <c r="FW5" s="658"/>
      <c r="FX5" s="658"/>
      <c r="FY5" s="658"/>
      <c r="FZ5" s="658"/>
      <c r="GA5" s="658"/>
      <c r="GB5" s="658"/>
      <c r="GC5" s="658"/>
      <c r="GD5" s="658"/>
      <c r="GE5" s="658"/>
      <c r="GF5" s="658"/>
      <c r="GG5" s="658"/>
      <c r="GH5" s="658"/>
      <c r="GI5" s="658"/>
      <c r="GJ5" s="658"/>
      <c r="GK5" s="658"/>
      <c r="GL5" s="658"/>
      <c r="GM5" s="658"/>
      <c r="GN5" s="658"/>
      <c r="GO5" s="658"/>
      <c r="GP5" s="658"/>
      <c r="GQ5" s="658"/>
      <c r="GR5" s="658"/>
      <c r="GS5" s="658"/>
      <c r="GT5" s="658"/>
      <c r="GU5" s="658"/>
      <c r="GV5" s="658"/>
      <c r="GW5" s="658"/>
      <c r="GX5" s="658"/>
      <c r="GY5" s="658"/>
      <c r="GZ5" s="658"/>
      <c r="HA5" s="658"/>
      <c r="HB5" s="658"/>
      <c r="HC5" s="659"/>
      <c r="HD5" s="660" t="s">
        <v>68</v>
      </c>
      <c r="HE5" s="661"/>
      <c r="HF5" s="661"/>
      <c r="HG5" s="661"/>
      <c r="HH5" s="661"/>
      <c r="HI5" s="661"/>
      <c r="HJ5" s="661"/>
      <c r="HK5" s="661"/>
      <c r="HL5" s="661"/>
      <c r="HM5" s="661"/>
      <c r="HN5" s="662"/>
      <c r="HO5" s="660" t="s">
        <v>69</v>
      </c>
      <c r="HP5" s="661"/>
      <c r="HQ5" s="661"/>
      <c r="HR5" s="661"/>
      <c r="HS5" s="661"/>
      <c r="HT5" s="661"/>
      <c r="HU5" s="661"/>
      <c r="HV5" s="661"/>
      <c r="HW5" s="661"/>
      <c r="HX5" s="661"/>
      <c r="HY5" s="662"/>
      <c r="HZ5" s="588"/>
      <c r="IA5" s="589"/>
      <c r="IB5" s="589"/>
      <c r="IC5" s="589"/>
      <c r="ID5" s="589"/>
      <c r="IE5" s="589"/>
      <c r="IF5" s="589"/>
      <c r="IG5" s="589"/>
      <c r="IH5" s="589"/>
      <c r="II5" s="589"/>
      <c r="IJ5" s="590"/>
      <c r="IK5" s="564" t="s">
        <v>94</v>
      </c>
      <c r="IL5" s="474"/>
      <c r="IM5" s="474"/>
      <c r="IN5" s="474"/>
      <c r="IO5" s="474"/>
      <c r="IP5" s="474"/>
      <c r="IQ5" s="474"/>
      <c r="IR5" s="474"/>
      <c r="IS5" s="474"/>
      <c r="IT5" s="474"/>
      <c r="IU5" s="475"/>
      <c r="IV5" s="564" t="s">
        <v>88</v>
      </c>
      <c r="IW5" s="474"/>
      <c r="IX5" s="474"/>
      <c r="IY5" s="474"/>
      <c r="IZ5" s="474"/>
      <c r="JA5" s="474"/>
      <c r="JB5" s="474"/>
      <c r="JC5" s="474"/>
      <c r="JD5" s="474"/>
      <c r="JE5" s="474"/>
      <c r="JF5" s="475"/>
      <c r="JG5" s="594" t="s">
        <v>142</v>
      </c>
      <c r="JH5" s="595"/>
      <c r="JI5" s="595"/>
      <c r="JJ5" s="595"/>
      <c r="JK5" s="595"/>
      <c r="JL5" s="595"/>
      <c r="JM5" s="595"/>
      <c r="JN5" s="595"/>
      <c r="JO5" s="595"/>
      <c r="JP5" s="595"/>
      <c r="JQ5" s="596"/>
      <c r="JR5" s="564" t="s">
        <v>90</v>
      </c>
      <c r="JS5" s="474"/>
      <c r="JT5" s="474"/>
      <c r="JU5" s="474"/>
      <c r="JV5" s="474"/>
      <c r="JW5" s="474"/>
      <c r="JX5" s="474"/>
      <c r="JY5" s="474"/>
      <c r="JZ5" s="474"/>
      <c r="KA5" s="474"/>
      <c r="KB5" s="475"/>
      <c r="KC5" s="564" t="s">
        <v>89</v>
      </c>
      <c r="KD5" s="474"/>
      <c r="KE5" s="474"/>
      <c r="KF5" s="474"/>
      <c r="KG5" s="474"/>
      <c r="KH5" s="474"/>
      <c r="KI5" s="474"/>
      <c r="KJ5" s="474"/>
      <c r="KK5" s="474"/>
      <c r="KL5" s="474"/>
      <c r="KM5" s="475"/>
      <c r="KN5" s="564" t="s">
        <v>91</v>
      </c>
      <c r="KO5" s="474"/>
      <c r="KP5" s="474"/>
      <c r="KQ5" s="474"/>
      <c r="KR5" s="474"/>
      <c r="KS5" s="474"/>
      <c r="KT5" s="474"/>
      <c r="KU5" s="474"/>
      <c r="KV5" s="474"/>
      <c r="KW5" s="474"/>
      <c r="KX5" s="475"/>
      <c r="KY5" s="564" t="s">
        <v>92</v>
      </c>
      <c r="KZ5" s="474"/>
      <c r="LA5" s="474"/>
      <c r="LB5" s="474"/>
      <c r="LC5" s="474"/>
      <c r="LD5" s="474"/>
      <c r="LE5" s="474"/>
      <c r="LF5" s="474"/>
      <c r="LG5" s="474"/>
      <c r="LH5" s="474"/>
      <c r="LI5" s="475"/>
      <c r="LJ5" s="600" t="s">
        <v>93</v>
      </c>
      <c r="LK5" s="601"/>
      <c r="LL5" s="601"/>
      <c r="LM5" s="601"/>
      <c r="LN5" s="601"/>
      <c r="LO5" s="601"/>
      <c r="LP5" s="601"/>
      <c r="LQ5" s="601"/>
      <c r="LR5" s="601"/>
      <c r="LS5" s="601"/>
      <c r="LT5" s="602"/>
      <c r="LU5" s="603" t="s">
        <v>143</v>
      </c>
      <c r="LV5" s="604"/>
      <c r="LW5" s="604"/>
      <c r="LX5" s="604"/>
      <c r="LY5" s="604"/>
      <c r="LZ5" s="604"/>
      <c r="MA5" s="604"/>
      <c r="MB5" s="604"/>
      <c r="MC5" s="604"/>
      <c r="MD5" s="604"/>
      <c r="ME5" s="605"/>
      <c r="MF5" s="588"/>
      <c r="MG5" s="589"/>
      <c r="MH5" s="589"/>
      <c r="MI5" s="589"/>
      <c r="MJ5" s="589"/>
      <c r="MK5" s="589"/>
      <c r="ML5" s="589"/>
      <c r="MM5" s="589"/>
      <c r="MN5" s="589"/>
      <c r="MO5" s="589"/>
      <c r="MP5" s="590"/>
      <c r="MQ5" s="564" t="s">
        <v>57</v>
      </c>
      <c r="MR5" s="474"/>
      <c r="MS5" s="474"/>
      <c r="MT5" s="474"/>
      <c r="MU5" s="474"/>
      <c r="MV5" s="474"/>
      <c r="MW5" s="474"/>
      <c r="MX5" s="474"/>
      <c r="MY5" s="474"/>
      <c r="MZ5" s="474"/>
      <c r="NA5" s="475"/>
      <c r="NB5" s="564" t="s">
        <v>58</v>
      </c>
      <c r="NC5" s="474"/>
      <c r="ND5" s="474"/>
      <c r="NE5" s="474"/>
      <c r="NF5" s="474"/>
      <c r="NG5" s="474"/>
      <c r="NH5" s="474"/>
      <c r="NI5" s="474"/>
      <c r="NJ5" s="474"/>
      <c r="NK5" s="474"/>
      <c r="NL5" s="475"/>
      <c r="NM5" s="564" t="s">
        <v>59</v>
      </c>
      <c r="NN5" s="474"/>
      <c r="NO5" s="474"/>
      <c r="NP5" s="474"/>
      <c r="NQ5" s="474"/>
      <c r="NR5" s="474"/>
      <c r="NS5" s="474"/>
      <c r="NT5" s="474"/>
      <c r="NU5" s="474"/>
      <c r="NV5" s="474"/>
      <c r="NW5" s="475"/>
      <c r="NX5" s="613" t="s">
        <v>149</v>
      </c>
      <c r="NY5" s="614"/>
      <c r="NZ5" s="614"/>
      <c r="OA5" s="614"/>
      <c r="OB5" s="614"/>
      <c r="OC5" s="614"/>
      <c r="OD5" s="614"/>
      <c r="OE5" s="614"/>
      <c r="OF5" s="614"/>
      <c r="OG5" s="614"/>
      <c r="OH5" s="615"/>
      <c r="OI5" s="585"/>
      <c r="OJ5" s="586"/>
      <c r="OK5" s="586"/>
      <c r="OL5" s="586"/>
      <c r="OM5" s="586"/>
      <c r="ON5" s="586"/>
      <c r="OO5" s="586"/>
      <c r="OP5" s="586"/>
      <c r="OQ5" s="586"/>
      <c r="OR5" s="586"/>
      <c r="OS5" s="587"/>
    </row>
    <row r="6" spans="1:409" ht="21" customHeight="1" thickBot="1" x14ac:dyDescent="0.25">
      <c r="B6" s="650"/>
      <c r="C6" s="654"/>
      <c r="D6" s="654"/>
      <c r="E6" s="654"/>
      <c r="F6" s="654"/>
      <c r="G6" s="654"/>
      <c r="H6" s="654"/>
      <c r="I6" s="654"/>
      <c r="J6" s="654"/>
      <c r="K6" s="654"/>
      <c r="L6" s="654"/>
      <c r="M6" s="654"/>
      <c r="N6" s="487"/>
      <c r="O6" s="488"/>
      <c r="P6" s="488"/>
      <c r="Q6" s="488"/>
      <c r="R6" s="488"/>
      <c r="S6" s="488"/>
      <c r="T6" s="488"/>
      <c r="U6" s="488"/>
      <c r="V6" s="488"/>
      <c r="W6" s="488"/>
      <c r="X6" s="489"/>
      <c r="Y6" s="669" t="s">
        <v>70</v>
      </c>
      <c r="Z6" s="491"/>
      <c r="AA6" s="491"/>
      <c r="AB6" s="491"/>
      <c r="AC6" s="491"/>
      <c r="AD6" s="491"/>
      <c r="AE6" s="491"/>
      <c r="AF6" s="491"/>
      <c r="AG6" s="491"/>
      <c r="AH6" s="491"/>
      <c r="AI6" s="492"/>
      <c r="AJ6" s="666" t="s">
        <v>71</v>
      </c>
      <c r="AK6" s="667"/>
      <c r="AL6" s="667"/>
      <c r="AM6" s="667"/>
      <c r="AN6" s="667"/>
      <c r="AO6" s="667"/>
      <c r="AP6" s="667"/>
      <c r="AQ6" s="667"/>
      <c r="AR6" s="667"/>
      <c r="AS6" s="667"/>
      <c r="AT6" s="668"/>
      <c r="AU6" s="666" t="s">
        <v>72</v>
      </c>
      <c r="AV6" s="667"/>
      <c r="AW6" s="667"/>
      <c r="AX6" s="667"/>
      <c r="AY6" s="667"/>
      <c r="AZ6" s="667"/>
      <c r="BA6" s="667"/>
      <c r="BB6" s="667"/>
      <c r="BC6" s="667"/>
      <c r="BD6" s="667"/>
      <c r="BE6" s="668"/>
      <c r="BF6" s="666" t="s">
        <v>73</v>
      </c>
      <c r="BG6" s="667"/>
      <c r="BH6" s="667"/>
      <c r="BI6" s="667"/>
      <c r="BJ6" s="667"/>
      <c r="BK6" s="667"/>
      <c r="BL6" s="667"/>
      <c r="BM6" s="667"/>
      <c r="BN6" s="667"/>
      <c r="BO6" s="667"/>
      <c r="BP6" s="668"/>
      <c r="BQ6" s="666" t="s">
        <v>74</v>
      </c>
      <c r="BR6" s="667"/>
      <c r="BS6" s="667"/>
      <c r="BT6" s="667"/>
      <c r="BU6" s="667"/>
      <c r="BV6" s="667"/>
      <c r="BW6" s="667"/>
      <c r="BX6" s="667"/>
      <c r="BY6" s="667"/>
      <c r="BZ6" s="667"/>
      <c r="CA6" s="668"/>
      <c r="CB6" s="670"/>
      <c r="CC6" s="671"/>
      <c r="CD6" s="671"/>
      <c r="CE6" s="671"/>
      <c r="CF6" s="671"/>
      <c r="CG6" s="671"/>
      <c r="CH6" s="671"/>
      <c r="CI6" s="671"/>
      <c r="CJ6" s="671"/>
      <c r="CK6" s="671"/>
      <c r="CL6" s="672"/>
      <c r="CM6" s="666" t="s">
        <v>75</v>
      </c>
      <c r="CN6" s="667"/>
      <c r="CO6" s="667"/>
      <c r="CP6" s="667"/>
      <c r="CQ6" s="667"/>
      <c r="CR6" s="667"/>
      <c r="CS6" s="667"/>
      <c r="CT6" s="667"/>
      <c r="CU6" s="667"/>
      <c r="CV6" s="667"/>
      <c r="CW6" s="668"/>
      <c r="CX6" s="666" t="s">
        <v>76</v>
      </c>
      <c r="CY6" s="667"/>
      <c r="CZ6" s="667"/>
      <c r="DA6" s="667"/>
      <c r="DB6" s="667"/>
      <c r="DC6" s="667"/>
      <c r="DD6" s="667"/>
      <c r="DE6" s="667"/>
      <c r="DF6" s="667"/>
      <c r="DG6" s="667"/>
      <c r="DH6" s="668"/>
      <c r="DI6" s="670"/>
      <c r="DJ6" s="671"/>
      <c r="DK6" s="671"/>
      <c r="DL6" s="671"/>
      <c r="DM6" s="671"/>
      <c r="DN6" s="671"/>
      <c r="DO6" s="671"/>
      <c r="DP6" s="671"/>
      <c r="DQ6" s="671"/>
      <c r="DR6" s="671"/>
      <c r="DS6" s="671"/>
      <c r="DT6" s="666" t="s">
        <v>77</v>
      </c>
      <c r="DU6" s="667"/>
      <c r="DV6" s="667"/>
      <c r="DW6" s="667"/>
      <c r="DX6" s="667"/>
      <c r="DY6" s="667"/>
      <c r="DZ6" s="667"/>
      <c r="EA6" s="667"/>
      <c r="EB6" s="667"/>
      <c r="EC6" s="667"/>
      <c r="ED6" s="668"/>
      <c r="EE6" s="666" t="s">
        <v>78</v>
      </c>
      <c r="EF6" s="667"/>
      <c r="EG6" s="667"/>
      <c r="EH6" s="667"/>
      <c r="EI6" s="667"/>
      <c r="EJ6" s="667"/>
      <c r="EK6" s="667"/>
      <c r="EL6" s="667"/>
      <c r="EM6" s="667"/>
      <c r="EN6" s="667"/>
      <c r="EO6" s="668"/>
      <c r="EP6" s="666" t="s">
        <v>79</v>
      </c>
      <c r="EQ6" s="667"/>
      <c r="ER6" s="667"/>
      <c r="ES6" s="667"/>
      <c r="ET6" s="667"/>
      <c r="EU6" s="667"/>
      <c r="EV6" s="667"/>
      <c r="EW6" s="667"/>
      <c r="EX6" s="667"/>
      <c r="EY6" s="667"/>
      <c r="EZ6" s="668"/>
      <c r="FA6" s="647" t="s">
        <v>150</v>
      </c>
      <c r="FB6" s="667"/>
      <c r="FC6" s="667"/>
      <c r="FD6" s="667"/>
      <c r="FE6" s="667"/>
      <c r="FF6" s="667"/>
      <c r="FG6" s="667"/>
      <c r="FH6" s="667"/>
      <c r="FI6" s="667"/>
      <c r="FJ6" s="667"/>
      <c r="FK6" s="668"/>
      <c r="FL6" s="670"/>
      <c r="FM6" s="671"/>
      <c r="FN6" s="671"/>
      <c r="FO6" s="671"/>
      <c r="FP6" s="671"/>
      <c r="FQ6" s="671"/>
      <c r="FR6" s="671"/>
      <c r="FS6" s="671"/>
      <c r="FT6" s="671"/>
      <c r="FU6" s="671"/>
      <c r="FV6" s="671"/>
      <c r="FW6" s="666" t="s">
        <v>80</v>
      </c>
      <c r="FX6" s="667"/>
      <c r="FY6" s="667"/>
      <c r="FZ6" s="667"/>
      <c r="GA6" s="667"/>
      <c r="GB6" s="667"/>
      <c r="GC6" s="667"/>
      <c r="GD6" s="667"/>
      <c r="GE6" s="667"/>
      <c r="GF6" s="667"/>
      <c r="GG6" s="668"/>
      <c r="GH6" s="669" t="s">
        <v>81</v>
      </c>
      <c r="GI6" s="491"/>
      <c r="GJ6" s="491"/>
      <c r="GK6" s="491"/>
      <c r="GL6" s="491"/>
      <c r="GM6" s="491"/>
      <c r="GN6" s="491"/>
      <c r="GO6" s="491"/>
      <c r="GP6" s="491"/>
      <c r="GQ6" s="491"/>
      <c r="GR6" s="492"/>
      <c r="GS6" s="669" t="s">
        <v>82</v>
      </c>
      <c r="GT6" s="491"/>
      <c r="GU6" s="491"/>
      <c r="GV6" s="491"/>
      <c r="GW6" s="491"/>
      <c r="GX6" s="491"/>
      <c r="GY6" s="491"/>
      <c r="GZ6" s="491"/>
      <c r="HA6" s="491"/>
      <c r="HB6" s="491"/>
      <c r="HC6" s="492"/>
      <c r="HD6" s="663"/>
      <c r="HE6" s="664"/>
      <c r="HF6" s="664"/>
      <c r="HG6" s="664"/>
      <c r="HH6" s="664"/>
      <c r="HI6" s="664"/>
      <c r="HJ6" s="664"/>
      <c r="HK6" s="664"/>
      <c r="HL6" s="664"/>
      <c r="HM6" s="664"/>
      <c r="HN6" s="665"/>
      <c r="HO6" s="663"/>
      <c r="HP6" s="664"/>
      <c r="HQ6" s="664"/>
      <c r="HR6" s="664"/>
      <c r="HS6" s="664"/>
      <c r="HT6" s="664"/>
      <c r="HU6" s="664"/>
      <c r="HV6" s="664"/>
      <c r="HW6" s="664"/>
      <c r="HX6" s="664"/>
      <c r="HY6" s="665"/>
      <c r="HZ6" s="591"/>
      <c r="IA6" s="592"/>
      <c r="IB6" s="592"/>
      <c r="IC6" s="592"/>
      <c r="ID6" s="592"/>
      <c r="IE6" s="592"/>
      <c r="IF6" s="592"/>
      <c r="IG6" s="592"/>
      <c r="IH6" s="592"/>
      <c r="II6" s="592"/>
      <c r="IJ6" s="593"/>
      <c r="IK6" s="565"/>
      <c r="IL6" s="556"/>
      <c r="IM6" s="556"/>
      <c r="IN6" s="556"/>
      <c r="IO6" s="556"/>
      <c r="IP6" s="556"/>
      <c r="IQ6" s="556"/>
      <c r="IR6" s="556"/>
      <c r="IS6" s="556"/>
      <c r="IT6" s="556"/>
      <c r="IU6" s="566"/>
      <c r="IV6" s="565"/>
      <c r="IW6" s="556"/>
      <c r="IX6" s="556"/>
      <c r="IY6" s="556"/>
      <c r="IZ6" s="556"/>
      <c r="JA6" s="556"/>
      <c r="JB6" s="556"/>
      <c r="JC6" s="556"/>
      <c r="JD6" s="556"/>
      <c r="JE6" s="556"/>
      <c r="JF6" s="566"/>
      <c r="JG6" s="597"/>
      <c r="JH6" s="598"/>
      <c r="JI6" s="598"/>
      <c r="JJ6" s="598"/>
      <c r="JK6" s="598"/>
      <c r="JL6" s="598"/>
      <c r="JM6" s="598"/>
      <c r="JN6" s="598"/>
      <c r="JO6" s="598"/>
      <c r="JP6" s="598"/>
      <c r="JQ6" s="599"/>
      <c r="JR6" s="565"/>
      <c r="JS6" s="556"/>
      <c r="JT6" s="556"/>
      <c r="JU6" s="556"/>
      <c r="JV6" s="556"/>
      <c r="JW6" s="556"/>
      <c r="JX6" s="556"/>
      <c r="JY6" s="556"/>
      <c r="JZ6" s="556"/>
      <c r="KA6" s="556"/>
      <c r="KB6" s="566"/>
      <c r="KC6" s="565"/>
      <c r="KD6" s="556"/>
      <c r="KE6" s="556"/>
      <c r="KF6" s="556"/>
      <c r="KG6" s="556"/>
      <c r="KH6" s="556"/>
      <c r="KI6" s="556"/>
      <c r="KJ6" s="556"/>
      <c r="KK6" s="556"/>
      <c r="KL6" s="556"/>
      <c r="KM6" s="566"/>
      <c r="KN6" s="565"/>
      <c r="KO6" s="556"/>
      <c r="KP6" s="556"/>
      <c r="KQ6" s="556"/>
      <c r="KR6" s="556"/>
      <c r="KS6" s="556"/>
      <c r="KT6" s="556"/>
      <c r="KU6" s="556"/>
      <c r="KV6" s="556"/>
      <c r="KW6" s="556"/>
      <c r="KX6" s="566"/>
      <c r="KY6" s="565"/>
      <c r="KZ6" s="556"/>
      <c r="LA6" s="556"/>
      <c r="LB6" s="556"/>
      <c r="LC6" s="556"/>
      <c r="LD6" s="556"/>
      <c r="LE6" s="556"/>
      <c r="LF6" s="556"/>
      <c r="LG6" s="556"/>
      <c r="LH6" s="556"/>
      <c r="LI6" s="566"/>
      <c r="LJ6" s="591"/>
      <c r="LK6" s="592"/>
      <c r="LL6" s="592"/>
      <c r="LM6" s="592"/>
      <c r="LN6" s="592"/>
      <c r="LO6" s="592"/>
      <c r="LP6" s="592"/>
      <c r="LQ6" s="592"/>
      <c r="LR6" s="592"/>
      <c r="LS6" s="592"/>
      <c r="LT6" s="593"/>
      <c r="LU6" s="606"/>
      <c r="LV6" s="607"/>
      <c r="LW6" s="607"/>
      <c r="LX6" s="607"/>
      <c r="LY6" s="607"/>
      <c r="LZ6" s="607"/>
      <c r="MA6" s="607"/>
      <c r="MB6" s="607"/>
      <c r="MC6" s="607"/>
      <c r="MD6" s="607"/>
      <c r="ME6" s="608"/>
      <c r="MF6" s="591"/>
      <c r="MG6" s="592"/>
      <c r="MH6" s="592"/>
      <c r="MI6" s="592"/>
      <c r="MJ6" s="592"/>
      <c r="MK6" s="592"/>
      <c r="ML6" s="592"/>
      <c r="MM6" s="592"/>
      <c r="MN6" s="592"/>
      <c r="MO6" s="592"/>
      <c r="MP6" s="593"/>
      <c r="MQ6" s="565"/>
      <c r="MR6" s="556"/>
      <c r="MS6" s="556"/>
      <c r="MT6" s="556"/>
      <c r="MU6" s="556"/>
      <c r="MV6" s="556"/>
      <c r="MW6" s="556"/>
      <c r="MX6" s="556"/>
      <c r="MY6" s="556"/>
      <c r="MZ6" s="556"/>
      <c r="NA6" s="566"/>
      <c r="NB6" s="565"/>
      <c r="NC6" s="556"/>
      <c r="ND6" s="556"/>
      <c r="NE6" s="556"/>
      <c r="NF6" s="556"/>
      <c r="NG6" s="556"/>
      <c r="NH6" s="556"/>
      <c r="NI6" s="556"/>
      <c r="NJ6" s="556"/>
      <c r="NK6" s="556"/>
      <c r="NL6" s="566"/>
      <c r="NM6" s="565"/>
      <c r="NN6" s="556"/>
      <c r="NO6" s="556"/>
      <c r="NP6" s="556"/>
      <c r="NQ6" s="556"/>
      <c r="NR6" s="556"/>
      <c r="NS6" s="556"/>
      <c r="NT6" s="556"/>
      <c r="NU6" s="556"/>
      <c r="NV6" s="556"/>
      <c r="NW6" s="566"/>
      <c r="NX6" s="616"/>
      <c r="NY6" s="617"/>
      <c r="NZ6" s="617"/>
      <c r="OA6" s="617"/>
      <c r="OB6" s="617"/>
      <c r="OC6" s="617"/>
      <c r="OD6" s="617"/>
      <c r="OE6" s="617"/>
      <c r="OF6" s="617"/>
      <c r="OG6" s="617"/>
      <c r="OH6" s="618"/>
      <c r="OI6" s="565"/>
      <c r="OJ6" s="556"/>
      <c r="OK6" s="556"/>
      <c r="OL6" s="556"/>
      <c r="OM6" s="556"/>
      <c r="ON6" s="556"/>
      <c r="OO6" s="556"/>
      <c r="OP6" s="556"/>
      <c r="OQ6" s="556"/>
      <c r="OR6" s="556"/>
      <c r="OS6" s="566"/>
    </row>
    <row r="7" spans="1:409" ht="21" customHeight="1" x14ac:dyDescent="0.2">
      <c r="B7" s="650"/>
      <c r="C7" s="673" t="s">
        <v>61</v>
      </c>
      <c r="D7" s="673"/>
      <c r="E7" s="673"/>
      <c r="F7" s="674" t="s">
        <v>62</v>
      </c>
      <c r="G7" s="673"/>
      <c r="H7" s="673"/>
      <c r="I7" s="673"/>
      <c r="J7" s="673"/>
      <c r="K7" s="673"/>
      <c r="L7" s="673"/>
      <c r="M7" s="674" t="s">
        <v>52</v>
      </c>
      <c r="N7" s="676" t="s">
        <v>61</v>
      </c>
      <c r="O7" s="673"/>
      <c r="P7" s="673"/>
      <c r="Q7" s="674" t="s">
        <v>62</v>
      </c>
      <c r="R7" s="673"/>
      <c r="S7" s="673"/>
      <c r="T7" s="673"/>
      <c r="U7" s="673"/>
      <c r="V7" s="673"/>
      <c r="W7" s="677"/>
      <c r="X7" s="681" t="s">
        <v>52</v>
      </c>
      <c r="Y7" s="487" t="s">
        <v>61</v>
      </c>
      <c r="Z7" s="488"/>
      <c r="AA7" s="683"/>
      <c r="AB7" s="684" t="s">
        <v>62</v>
      </c>
      <c r="AC7" s="488"/>
      <c r="AD7" s="488"/>
      <c r="AE7" s="488"/>
      <c r="AF7" s="488"/>
      <c r="AG7" s="488"/>
      <c r="AH7" s="683"/>
      <c r="AI7" s="489" t="s">
        <v>52</v>
      </c>
      <c r="AJ7" s="686" t="s">
        <v>61</v>
      </c>
      <c r="AK7" s="679"/>
      <c r="AL7" s="687"/>
      <c r="AM7" s="678" t="s">
        <v>62</v>
      </c>
      <c r="AN7" s="679"/>
      <c r="AO7" s="679"/>
      <c r="AP7" s="679"/>
      <c r="AQ7" s="679"/>
      <c r="AR7" s="679"/>
      <c r="AS7" s="680"/>
      <c r="AT7" s="489" t="s">
        <v>52</v>
      </c>
      <c r="AU7" s="686" t="s">
        <v>61</v>
      </c>
      <c r="AV7" s="679"/>
      <c r="AW7" s="687"/>
      <c r="AX7" s="678" t="s">
        <v>62</v>
      </c>
      <c r="AY7" s="679"/>
      <c r="AZ7" s="679"/>
      <c r="BA7" s="679"/>
      <c r="BB7" s="679"/>
      <c r="BC7" s="679"/>
      <c r="BD7" s="680"/>
      <c r="BE7" s="489" t="s">
        <v>52</v>
      </c>
      <c r="BF7" s="686" t="s">
        <v>61</v>
      </c>
      <c r="BG7" s="679"/>
      <c r="BH7" s="687"/>
      <c r="BI7" s="678" t="s">
        <v>62</v>
      </c>
      <c r="BJ7" s="679"/>
      <c r="BK7" s="679"/>
      <c r="BL7" s="679"/>
      <c r="BM7" s="679"/>
      <c r="BN7" s="679"/>
      <c r="BO7" s="680"/>
      <c r="BP7" s="489" t="s">
        <v>52</v>
      </c>
      <c r="BQ7" s="686" t="s">
        <v>61</v>
      </c>
      <c r="BR7" s="679"/>
      <c r="BS7" s="687"/>
      <c r="BT7" s="678" t="s">
        <v>62</v>
      </c>
      <c r="BU7" s="679"/>
      <c r="BV7" s="679"/>
      <c r="BW7" s="679"/>
      <c r="BX7" s="679"/>
      <c r="BY7" s="679"/>
      <c r="BZ7" s="680"/>
      <c r="CA7" s="489" t="s">
        <v>52</v>
      </c>
      <c r="CB7" s="688" t="s">
        <v>61</v>
      </c>
      <c r="CC7" s="689"/>
      <c r="CD7" s="690"/>
      <c r="CE7" s="691" t="s">
        <v>62</v>
      </c>
      <c r="CF7" s="689"/>
      <c r="CG7" s="689"/>
      <c r="CH7" s="689"/>
      <c r="CI7" s="689"/>
      <c r="CJ7" s="689"/>
      <c r="CK7" s="692"/>
      <c r="CL7" s="681" t="s">
        <v>52</v>
      </c>
      <c r="CM7" s="686" t="s">
        <v>61</v>
      </c>
      <c r="CN7" s="679"/>
      <c r="CO7" s="680"/>
      <c r="CP7" s="678" t="s">
        <v>62</v>
      </c>
      <c r="CQ7" s="679"/>
      <c r="CR7" s="679"/>
      <c r="CS7" s="679"/>
      <c r="CT7" s="679"/>
      <c r="CU7" s="679"/>
      <c r="CV7" s="680"/>
      <c r="CW7" s="693" t="s">
        <v>52</v>
      </c>
      <c r="CX7" s="686" t="s">
        <v>61</v>
      </c>
      <c r="CY7" s="679"/>
      <c r="CZ7" s="680"/>
      <c r="DA7" s="678" t="s">
        <v>62</v>
      </c>
      <c r="DB7" s="679"/>
      <c r="DC7" s="679"/>
      <c r="DD7" s="679"/>
      <c r="DE7" s="679"/>
      <c r="DF7" s="679"/>
      <c r="DG7" s="680"/>
      <c r="DH7" s="693" t="s">
        <v>52</v>
      </c>
      <c r="DI7" s="688" t="s">
        <v>61</v>
      </c>
      <c r="DJ7" s="689"/>
      <c r="DK7" s="692"/>
      <c r="DL7" s="691" t="s">
        <v>62</v>
      </c>
      <c r="DM7" s="689"/>
      <c r="DN7" s="689"/>
      <c r="DO7" s="689"/>
      <c r="DP7" s="689"/>
      <c r="DQ7" s="689"/>
      <c r="DR7" s="692"/>
      <c r="DS7" s="681" t="s">
        <v>52</v>
      </c>
      <c r="DT7" s="686" t="s">
        <v>61</v>
      </c>
      <c r="DU7" s="679"/>
      <c r="DV7" s="687"/>
      <c r="DW7" s="678" t="s">
        <v>62</v>
      </c>
      <c r="DX7" s="679"/>
      <c r="DY7" s="679"/>
      <c r="DZ7" s="679"/>
      <c r="EA7" s="679"/>
      <c r="EB7" s="679"/>
      <c r="EC7" s="680"/>
      <c r="ED7" s="489" t="s">
        <v>52</v>
      </c>
      <c r="EE7" s="686" t="s">
        <v>61</v>
      </c>
      <c r="EF7" s="679"/>
      <c r="EG7" s="687"/>
      <c r="EH7" s="678" t="s">
        <v>62</v>
      </c>
      <c r="EI7" s="679"/>
      <c r="EJ7" s="679"/>
      <c r="EK7" s="679"/>
      <c r="EL7" s="679"/>
      <c r="EM7" s="679"/>
      <c r="EN7" s="680"/>
      <c r="EO7" s="489" t="s">
        <v>52</v>
      </c>
      <c r="EP7" s="686" t="s">
        <v>61</v>
      </c>
      <c r="EQ7" s="679"/>
      <c r="ER7" s="687"/>
      <c r="ES7" s="678" t="s">
        <v>62</v>
      </c>
      <c r="ET7" s="679"/>
      <c r="EU7" s="679"/>
      <c r="EV7" s="679"/>
      <c r="EW7" s="679"/>
      <c r="EX7" s="679"/>
      <c r="EY7" s="680"/>
      <c r="EZ7" s="489" t="s">
        <v>52</v>
      </c>
      <c r="FA7" s="686" t="s">
        <v>61</v>
      </c>
      <c r="FB7" s="679"/>
      <c r="FC7" s="687"/>
      <c r="FD7" s="678" t="s">
        <v>62</v>
      </c>
      <c r="FE7" s="679"/>
      <c r="FF7" s="679"/>
      <c r="FG7" s="679"/>
      <c r="FH7" s="679"/>
      <c r="FI7" s="679"/>
      <c r="FJ7" s="680"/>
      <c r="FK7" s="489" t="s">
        <v>52</v>
      </c>
      <c r="FL7" s="688" t="s">
        <v>61</v>
      </c>
      <c r="FM7" s="689"/>
      <c r="FN7" s="690"/>
      <c r="FO7" s="691" t="s">
        <v>62</v>
      </c>
      <c r="FP7" s="689"/>
      <c r="FQ7" s="689"/>
      <c r="FR7" s="689"/>
      <c r="FS7" s="689"/>
      <c r="FT7" s="689"/>
      <c r="FU7" s="692"/>
      <c r="FV7" s="673" t="s">
        <v>52</v>
      </c>
      <c r="FW7" s="686" t="s">
        <v>61</v>
      </c>
      <c r="FX7" s="679"/>
      <c r="FY7" s="687"/>
      <c r="FZ7" s="678" t="s">
        <v>62</v>
      </c>
      <c r="GA7" s="679"/>
      <c r="GB7" s="679"/>
      <c r="GC7" s="679"/>
      <c r="GD7" s="679"/>
      <c r="GE7" s="679"/>
      <c r="GF7" s="680"/>
      <c r="GG7" s="489" t="s">
        <v>52</v>
      </c>
      <c r="GH7" s="487" t="s">
        <v>61</v>
      </c>
      <c r="GI7" s="488"/>
      <c r="GJ7" s="488"/>
      <c r="GK7" s="684" t="s">
        <v>62</v>
      </c>
      <c r="GL7" s="488"/>
      <c r="GM7" s="488"/>
      <c r="GN7" s="488"/>
      <c r="GO7" s="488"/>
      <c r="GP7" s="488"/>
      <c r="GQ7" s="683"/>
      <c r="GR7" s="694" t="s">
        <v>52</v>
      </c>
      <c r="GS7" s="487" t="s">
        <v>61</v>
      </c>
      <c r="GT7" s="488"/>
      <c r="GU7" s="683"/>
      <c r="GV7" s="684" t="s">
        <v>62</v>
      </c>
      <c r="GW7" s="488"/>
      <c r="GX7" s="488"/>
      <c r="GY7" s="488"/>
      <c r="GZ7" s="488"/>
      <c r="HA7" s="488"/>
      <c r="HB7" s="683"/>
      <c r="HC7" s="694" t="s">
        <v>52</v>
      </c>
      <c r="HD7" s="686" t="s">
        <v>61</v>
      </c>
      <c r="HE7" s="679"/>
      <c r="HF7" s="687"/>
      <c r="HG7" s="678" t="s">
        <v>62</v>
      </c>
      <c r="HH7" s="679"/>
      <c r="HI7" s="679"/>
      <c r="HJ7" s="679"/>
      <c r="HK7" s="679"/>
      <c r="HL7" s="679"/>
      <c r="HM7" s="680"/>
      <c r="HN7" s="489" t="s">
        <v>52</v>
      </c>
      <c r="HO7" s="686" t="s">
        <v>61</v>
      </c>
      <c r="HP7" s="679"/>
      <c r="HQ7" s="687"/>
      <c r="HR7" s="678" t="s">
        <v>62</v>
      </c>
      <c r="HS7" s="679"/>
      <c r="HT7" s="679"/>
      <c r="HU7" s="679"/>
      <c r="HV7" s="679"/>
      <c r="HW7" s="679"/>
      <c r="HX7" s="680"/>
      <c r="HY7" s="489" t="s">
        <v>52</v>
      </c>
      <c r="HZ7" s="543" t="s">
        <v>61</v>
      </c>
      <c r="IA7" s="544"/>
      <c r="IB7" s="545"/>
      <c r="IC7" s="580" t="s">
        <v>62</v>
      </c>
      <c r="ID7" s="544"/>
      <c r="IE7" s="544"/>
      <c r="IF7" s="544"/>
      <c r="IG7" s="544"/>
      <c r="IH7" s="544"/>
      <c r="II7" s="581"/>
      <c r="IJ7" s="547" t="s">
        <v>52</v>
      </c>
      <c r="IK7" s="560" t="s">
        <v>61</v>
      </c>
      <c r="IL7" s="553"/>
      <c r="IM7" s="554"/>
      <c r="IN7" s="583" t="s">
        <v>62</v>
      </c>
      <c r="IO7" s="553"/>
      <c r="IP7" s="553"/>
      <c r="IQ7" s="553"/>
      <c r="IR7" s="553"/>
      <c r="IS7" s="553"/>
      <c r="IT7" s="584"/>
      <c r="IU7" s="566" t="s">
        <v>52</v>
      </c>
      <c r="IV7" s="560" t="s">
        <v>61</v>
      </c>
      <c r="IW7" s="553"/>
      <c r="IX7" s="584"/>
      <c r="IY7" s="583" t="s">
        <v>62</v>
      </c>
      <c r="IZ7" s="553"/>
      <c r="JA7" s="553"/>
      <c r="JB7" s="553"/>
      <c r="JC7" s="553"/>
      <c r="JD7" s="553"/>
      <c r="JE7" s="584"/>
      <c r="JF7" s="566" t="s">
        <v>52</v>
      </c>
      <c r="JG7" s="560" t="s">
        <v>61</v>
      </c>
      <c r="JH7" s="553"/>
      <c r="JI7" s="554"/>
      <c r="JJ7" s="583" t="s">
        <v>62</v>
      </c>
      <c r="JK7" s="553"/>
      <c r="JL7" s="553"/>
      <c r="JM7" s="553"/>
      <c r="JN7" s="553"/>
      <c r="JO7" s="553"/>
      <c r="JP7" s="584"/>
      <c r="JQ7" s="578" t="s">
        <v>52</v>
      </c>
      <c r="JR7" s="560" t="s">
        <v>61</v>
      </c>
      <c r="JS7" s="553"/>
      <c r="JT7" s="554"/>
      <c r="JU7" s="583" t="s">
        <v>62</v>
      </c>
      <c r="JV7" s="553"/>
      <c r="JW7" s="553"/>
      <c r="JX7" s="553"/>
      <c r="JY7" s="553"/>
      <c r="JZ7" s="553"/>
      <c r="KA7" s="584"/>
      <c r="KB7" s="578" t="s">
        <v>52</v>
      </c>
      <c r="KC7" s="560" t="s">
        <v>61</v>
      </c>
      <c r="KD7" s="553"/>
      <c r="KE7" s="554"/>
      <c r="KF7" s="583" t="s">
        <v>62</v>
      </c>
      <c r="KG7" s="553"/>
      <c r="KH7" s="553"/>
      <c r="KI7" s="553"/>
      <c r="KJ7" s="553"/>
      <c r="KK7" s="553"/>
      <c r="KL7" s="584"/>
      <c r="KM7" s="578" t="s">
        <v>52</v>
      </c>
      <c r="KN7" s="560" t="s">
        <v>61</v>
      </c>
      <c r="KO7" s="553"/>
      <c r="KP7" s="554"/>
      <c r="KQ7" s="583" t="s">
        <v>62</v>
      </c>
      <c r="KR7" s="553"/>
      <c r="KS7" s="553"/>
      <c r="KT7" s="553"/>
      <c r="KU7" s="553"/>
      <c r="KV7" s="553"/>
      <c r="KW7" s="584"/>
      <c r="KX7" s="578" t="s">
        <v>52</v>
      </c>
      <c r="KY7" s="560" t="s">
        <v>61</v>
      </c>
      <c r="KZ7" s="553"/>
      <c r="LA7" s="554"/>
      <c r="LB7" s="583" t="s">
        <v>62</v>
      </c>
      <c r="LC7" s="553"/>
      <c r="LD7" s="553"/>
      <c r="LE7" s="553"/>
      <c r="LF7" s="553"/>
      <c r="LG7" s="553"/>
      <c r="LH7" s="584"/>
      <c r="LI7" s="578" t="s">
        <v>52</v>
      </c>
      <c r="LJ7" s="560" t="s">
        <v>61</v>
      </c>
      <c r="LK7" s="553"/>
      <c r="LL7" s="554"/>
      <c r="LM7" s="583" t="s">
        <v>62</v>
      </c>
      <c r="LN7" s="553"/>
      <c r="LO7" s="553"/>
      <c r="LP7" s="553"/>
      <c r="LQ7" s="553"/>
      <c r="LR7" s="553"/>
      <c r="LS7" s="584"/>
      <c r="LT7" s="578" t="s">
        <v>52</v>
      </c>
      <c r="LU7" s="560" t="s">
        <v>61</v>
      </c>
      <c r="LV7" s="553"/>
      <c r="LW7" s="554"/>
      <c r="LX7" s="583" t="s">
        <v>62</v>
      </c>
      <c r="LY7" s="553"/>
      <c r="LZ7" s="553"/>
      <c r="MA7" s="553"/>
      <c r="MB7" s="553"/>
      <c r="MC7" s="553"/>
      <c r="MD7" s="584"/>
      <c r="ME7" s="578" t="s">
        <v>52</v>
      </c>
      <c r="MF7" s="543" t="s">
        <v>61</v>
      </c>
      <c r="MG7" s="544"/>
      <c r="MH7" s="545"/>
      <c r="MI7" s="580" t="s">
        <v>62</v>
      </c>
      <c r="MJ7" s="544"/>
      <c r="MK7" s="544"/>
      <c r="ML7" s="544"/>
      <c r="MM7" s="544"/>
      <c r="MN7" s="544"/>
      <c r="MO7" s="581"/>
      <c r="MP7" s="582" t="s">
        <v>52</v>
      </c>
      <c r="MQ7" s="560" t="s">
        <v>61</v>
      </c>
      <c r="MR7" s="553"/>
      <c r="MS7" s="554"/>
      <c r="MT7" s="583" t="s">
        <v>62</v>
      </c>
      <c r="MU7" s="553"/>
      <c r="MV7" s="553"/>
      <c r="MW7" s="553"/>
      <c r="MX7" s="553"/>
      <c r="MY7" s="553"/>
      <c r="MZ7" s="584"/>
      <c r="NA7" s="578" t="s">
        <v>52</v>
      </c>
      <c r="NB7" s="560" t="s">
        <v>61</v>
      </c>
      <c r="NC7" s="553"/>
      <c r="ND7" s="554"/>
      <c r="NE7" s="583" t="s">
        <v>62</v>
      </c>
      <c r="NF7" s="553"/>
      <c r="NG7" s="553"/>
      <c r="NH7" s="553"/>
      <c r="NI7" s="553"/>
      <c r="NJ7" s="553"/>
      <c r="NK7" s="584"/>
      <c r="NL7" s="578" t="s">
        <v>52</v>
      </c>
      <c r="NM7" s="560" t="s">
        <v>61</v>
      </c>
      <c r="NN7" s="553"/>
      <c r="NO7" s="554"/>
      <c r="NP7" s="583" t="s">
        <v>62</v>
      </c>
      <c r="NQ7" s="553"/>
      <c r="NR7" s="553"/>
      <c r="NS7" s="553"/>
      <c r="NT7" s="553"/>
      <c r="NU7" s="553"/>
      <c r="NV7" s="584"/>
      <c r="NW7" s="578" t="s">
        <v>52</v>
      </c>
      <c r="NX7" s="560" t="s">
        <v>61</v>
      </c>
      <c r="NY7" s="553"/>
      <c r="NZ7" s="554"/>
      <c r="OA7" s="583" t="s">
        <v>62</v>
      </c>
      <c r="OB7" s="553"/>
      <c r="OC7" s="553"/>
      <c r="OD7" s="553"/>
      <c r="OE7" s="553"/>
      <c r="OF7" s="553"/>
      <c r="OG7" s="584"/>
      <c r="OH7" s="578" t="s">
        <v>52</v>
      </c>
      <c r="OI7" s="543" t="s">
        <v>61</v>
      </c>
      <c r="OJ7" s="544"/>
      <c r="OK7" s="545"/>
      <c r="OL7" s="580" t="s">
        <v>62</v>
      </c>
      <c r="OM7" s="544"/>
      <c r="ON7" s="544"/>
      <c r="OO7" s="544"/>
      <c r="OP7" s="544"/>
      <c r="OQ7" s="544"/>
      <c r="OR7" s="581"/>
      <c r="OS7" s="582" t="s">
        <v>52</v>
      </c>
    </row>
    <row r="8" spans="1:409" ht="30" customHeight="1" thickBot="1" x14ac:dyDescent="0.25">
      <c r="B8" s="651"/>
      <c r="C8" s="297" t="s">
        <v>43</v>
      </c>
      <c r="D8" s="41" t="s">
        <v>44</v>
      </c>
      <c r="E8" s="298" t="s">
        <v>45</v>
      </c>
      <c r="F8" s="44" t="s">
        <v>83</v>
      </c>
      <c r="G8" s="41" t="s">
        <v>47</v>
      </c>
      <c r="H8" s="41" t="s">
        <v>48</v>
      </c>
      <c r="I8" s="41" t="s">
        <v>49</v>
      </c>
      <c r="J8" s="41" t="s">
        <v>50</v>
      </c>
      <c r="K8" s="41" t="s">
        <v>51</v>
      </c>
      <c r="L8" s="42" t="s">
        <v>45</v>
      </c>
      <c r="M8" s="675"/>
      <c r="N8" s="43" t="s">
        <v>43</v>
      </c>
      <c r="O8" s="41" t="s">
        <v>44</v>
      </c>
      <c r="P8" s="42" t="s">
        <v>45</v>
      </c>
      <c r="Q8" s="44" t="s">
        <v>83</v>
      </c>
      <c r="R8" s="41" t="s">
        <v>47</v>
      </c>
      <c r="S8" s="41" t="s">
        <v>48</v>
      </c>
      <c r="T8" s="41" t="s">
        <v>49</v>
      </c>
      <c r="U8" s="41" t="s">
        <v>50</v>
      </c>
      <c r="V8" s="41" t="s">
        <v>51</v>
      </c>
      <c r="W8" s="42" t="s">
        <v>45</v>
      </c>
      <c r="X8" s="682"/>
      <c r="Y8" s="43" t="s">
        <v>43</v>
      </c>
      <c r="Z8" s="41" t="s">
        <v>44</v>
      </c>
      <c r="AA8" s="42" t="s">
        <v>45</v>
      </c>
      <c r="AB8" s="44" t="s">
        <v>83</v>
      </c>
      <c r="AC8" s="41" t="s">
        <v>47</v>
      </c>
      <c r="AD8" s="41" t="s">
        <v>48</v>
      </c>
      <c r="AE8" s="41" t="s">
        <v>49</v>
      </c>
      <c r="AF8" s="41" t="s">
        <v>50</v>
      </c>
      <c r="AG8" s="41" t="s">
        <v>51</v>
      </c>
      <c r="AH8" s="42" t="s">
        <v>45</v>
      </c>
      <c r="AI8" s="685"/>
      <c r="AJ8" s="43" t="s">
        <v>43</v>
      </c>
      <c r="AK8" s="41" t="s">
        <v>44</v>
      </c>
      <c r="AL8" s="298" t="s">
        <v>45</v>
      </c>
      <c r="AM8" s="44" t="s">
        <v>83</v>
      </c>
      <c r="AN8" s="41" t="s">
        <v>47</v>
      </c>
      <c r="AO8" s="41" t="s">
        <v>48</v>
      </c>
      <c r="AP8" s="41" t="s">
        <v>49</v>
      </c>
      <c r="AQ8" s="41" t="s">
        <v>50</v>
      </c>
      <c r="AR8" s="41" t="s">
        <v>51</v>
      </c>
      <c r="AS8" s="42" t="s">
        <v>45</v>
      </c>
      <c r="AT8" s="685"/>
      <c r="AU8" s="43" t="s">
        <v>43</v>
      </c>
      <c r="AV8" s="41" t="s">
        <v>44</v>
      </c>
      <c r="AW8" s="298" t="s">
        <v>45</v>
      </c>
      <c r="AX8" s="44" t="s">
        <v>83</v>
      </c>
      <c r="AY8" s="41" t="s">
        <v>47</v>
      </c>
      <c r="AZ8" s="41" t="s">
        <v>48</v>
      </c>
      <c r="BA8" s="41" t="s">
        <v>49</v>
      </c>
      <c r="BB8" s="41" t="s">
        <v>50</v>
      </c>
      <c r="BC8" s="41" t="s">
        <v>51</v>
      </c>
      <c r="BD8" s="42" t="s">
        <v>45</v>
      </c>
      <c r="BE8" s="685"/>
      <c r="BF8" s="299" t="s">
        <v>43</v>
      </c>
      <c r="BG8" s="41" t="s">
        <v>44</v>
      </c>
      <c r="BH8" s="298" t="s">
        <v>45</v>
      </c>
      <c r="BI8" s="44" t="s">
        <v>83</v>
      </c>
      <c r="BJ8" s="41" t="s">
        <v>47</v>
      </c>
      <c r="BK8" s="41" t="s">
        <v>48</v>
      </c>
      <c r="BL8" s="41" t="s">
        <v>49</v>
      </c>
      <c r="BM8" s="41" t="s">
        <v>50</v>
      </c>
      <c r="BN8" s="41" t="s">
        <v>51</v>
      </c>
      <c r="BO8" s="42" t="s">
        <v>45</v>
      </c>
      <c r="BP8" s="685"/>
      <c r="BQ8" s="43" t="s">
        <v>43</v>
      </c>
      <c r="BR8" s="41" t="s">
        <v>44</v>
      </c>
      <c r="BS8" s="298" t="s">
        <v>45</v>
      </c>
      <c r="BT8" s="44" t="s">
        <v>83</v>
      </c>
      <c r="BU8" s="41" t="s">
        <v>47</v>
      </c>
      <c r="BV8" s="41" t="s">
        <v>48</v>
      </c>
      <c r="BW8" s="41" t="s">
        <v>49</v>
      </c>
      <c r="BX8" s="41" t="s">
        <v>50</v>
      </c>
      <c r="BY8" s="41" t="s">
        <v>51</v>
      </c>
      <c r="BZ8" s="42" t="s">
        <v>45</v>
      </c>
      <c r="CA8" s="685"/>
      <c r="CB8" s="43" t="s">
        <v>43</v>
      </c>
      <c r="CC8" s="41" t="s">
        <v>44</v>
      </c>
      <c r="CD8" s="298" t="s">
        <v>45</v>
      </c>
      <c r="CE8" s="44" t="s">
        <v>83</v>
      </c>
      <c r="CF8" s="41" t="s">
        <v>47</v>
      </c>
      <c r="CG8" s="41" t="s">
        <v>48</v>
      </c>
      <c r="CH8" s="41" t="s">
        <v>49</v>
      </c>
      <c r="CI8" s="41" t="s">
        <v>50</v>
      </c>
      <c r="CJ8" s="41" t="s">
        <v>51</v>
      </c>
      <c r="CK8" s="42" t="s">
        <v>45</v>
      </c>
      <c r="CL8" s="682"/>
      <c r="CM8" s="43" t="s">
        <v>43</v>
      </c>
      <c r="CN8" s="41" t="s">
        <v>44</v>
      </c>
      <c r="CO8" s="42" t="s">
        <v>45</v>
      </c>
      <c r="CP8" s="44" t="s">
        <v>83</v>
      </c>
      <c r="CQ8" s="41" t="s">
        <v>47</v>
      </c>
      <c r="CR8" s="41" t="s">
        <v>48</v>
      </c>
      <c r="CS8" s="41" t="s">
        <v>49</v>
      </c>
      <c r="CT8" s="41" t="s">
        <v>50</v>
      </c>
      <c r="CU8" s="41" t="s">
        <v>51</v>
      </c>
      <c r="CV8" s="42" t="s">
        <v>45</v>
      </c>
      <c r="CW8" s="682"/>
      <c r="CX8" s="43" t="s">
        <v>43</v>
      </c>
      <c r="CY8" s="41" t="s">
        <v>44</v>
      </c>
      <c r="CZ8" s="42" t="s">
        <v>45</v>
      </c>
      <c r="DA8" s="44" t="s">
        <v>83</v>
      </c>
      <c r="DB8" s="41" t="s">
        <v>47</v>
      </c>
      <c r="DC8" s="41" t="s">
        <v>48</v>
      </c>
      <c r="DD8" s="41" t="s">
        <v>49</v>
      </c>
      <c r="DE8" s="41" t="s">
        <v>50</v>
      </c>
      <c r="DF8" s="41" t="s">
        <v>51</v>
      </c>
      <c r="DG8" s="42" t="s">
        <v>45</v>
      </c>
      <c r="DH8" s="682"/>
      <c r="DI8" s="43" t="s">
        <v>43</v>
      </c>
      <c r="DJ8" s="41" t="s">
        <v>44</v>
      </c>
      <c r="DK8" s="42" t="s">
        <v>45</v>
      </c>
      <c r="DL8" s="44" t="s">
        <v>83</v>
      </c>
      <c r="DM8" s="41" t="s">
        <v>47</v>
      </c>
      <c r="DN8" s="41" t="s">
        <v>48</v>
      </c>
      <c r="DO8" s="41" t="s">
        <v>49</v>
      </c>
      <c r="DP8" s="41" t="s">
        <v>50</v>
      </c>
      <c r="DQ8" s="41" t="s">
        <v>51</v>
      </c>
      <c r="DR8" s="42" t="s">
        <v>45</v>
      </c>
      <c r="DS8" s="682"/>
      <c r="DT8" s="43" t="s">
        <v>43</v>
      </c>
      <c r="DU8" s="41" t="s">
        <v>44</v>
      </c>
      <c r="DV8" s="298" t="s">
        <v>45</v>
      </c>
      <c r="DW8" s="44" t="s">
        <v>83</v>
      </c>
      <c r="DX8" s="41" t="s">
        <v>47</v>
      </c>
      <c r="DY8" s="41" t="s">
        <v>48</v>
      </c>
      <c r="DZ8" s="41" t="s">
        <v>49</v>
      </c>
      <c r="EA8" s="41" t="s">
        <v>50</v>
      </c>
      <c r="EB8" s="41" t="s">
        <v>51</v>
      </c>
      <c r="EC8" s="42" t="s">
        <v>45</v>
      </c>
      <c r="ED8" s="685"/>
      <c r="EE8" s="43" t="s">
        <v>43</v>
      </c>
      <c r="EF8" s="41" t="s">
        <v>44</v>
      </c>
      <c r="EG8" s="298" t="s">
        <v>45</v>
      </c>
      <c r="EH8" s="44" t="s">
        <v>83</v>
      </c>
      <c r="EI8" s="41" t="s">
        <v>47</v>
      </c>
      <c r="EJ8" s="41" t="s">
        <v>48</v>
      </c>
      <c r="EK8" s="41" t="s">
        <v>49</v>
      </c>
      <c r="EL8" s="41" t="s">
        <v>50</v>
      </c>
      <c r="EM8" s="41" t="s">
        <v>51</v>
      </c>
      <c r="EN8" s="42" t="s">
        <v>45</v>
      </c>
      <c r="EO8" s="685"/>
      <c r="EP8" s="43" t="s">
        <v>43</v>
      </c>
      <c r="EQ8" s="41" t="s">
        <v>44</v>
      </c>
      <c r="ER8" s="298" t="s">
        <v>45</v>
      </c>
      <c r="ES8" s="44" t="s">
        <v>83</v>
      </c>
      <c r="ET8" s="41" t="s">
        <v>47</v>
      </c>
      <c r="EU8" s="41" t="s">
        <v>48</v>
      </c>
      <c r="EV8" s="41" t="s">
        <v>49</v>
      </c>
      <c r="EW8" s="41" t="s">
        <v>50</v>
      </c>
      <c r="EX8" s="41" t="s">
        <v>51</v>
      </c>
      <c r="EY8" s="42" t="s">
        <v>45</v>
      </c>
      <c r="EZ8" s="685"/>
      <c r="FA8" s="43" t="s">
        <v>43</v>
      </c>
      <c r="FB8" s="41" t="s">
        <v>44</v>
      </c>
      <c r="FC8" s="298" t="s">
        <v>45</v>
      </c>
      <c r="FD8" s="44" t="s">
        <v>83</v>
      </c>
      <c r="FE8" s="41" t="s">
        <v>47</v>
      </c>
      <c r="FF8" s="41" t="s">
        <v>48</v>
      </c>
      <c r="FG8" s="41" t="s">
        <v>49</v>
      </c>
      <c r="FH8" s="41" t="s">
        <v>50</v>
      </c>
      <c r="FI8" s="41" t="s">
        <v>51</v>
      </c>
      <c r="FJ8" s="42" t="s">
        <v>45</v>
      </c>
      <c r="FK8" s="685"/>
      <c r="FL8" s="43" t="s">
        <v>43</v>
      </c>
      <c r="FM8" s="41" t="s">
        <v>44</v>
      </c>
      <c r="FN8" s="298" t="s">
        <v>45</v>
      </c>
      <c r="FO8" s="44" t="s">
        <v>83</v>
      </c>
      <c r="FP8" s="41" t="s">
        <v>47</v>
      </c>
      <c r="FQ8" s="41" t="s">
        <v>48</v>
      </c>
      <c r="FR8" s="41" t="s">
        <v>49</v>
      </c>
      <c r="FS8" s="41" t="s">
        <v>50</v>
      </c>
      <c r="FT8" s="41" t="s">
        <v>51</v>
      </c>
      <c r="FU8" s="42" t="s">
        <v>45</v>
      </c>
      <c r="FV8" s="697"/>
      <c r="FW8" s="43" t="s">
        <v>43</v>
      </c>
      <c r="FX8" s="41" t="s">
        <v>44</v>
      </c>
      <c r="FY8" s="298" t="s">
        <v>45</v>
      </c>
      <c r="FZ8" s="44" t="s">
        <v>83</v>
      </c>
      <c r="GA8" s="41" t="s">
        <v>47</v>
      </c>
      <c r="GB8" s="41" t="s">
        <v>48</v>
      </c>
      <c r="GC8" s="41" t="s">
        <v>49</v>
      </c>
      <c r="GD8" s="41" t="s">
        <v>50</v>
      </c>
      <c r="GE8" s="41" t="s">
        <v>51</v>
      </c>
      <c r="GF8" s="42" t="s">
        <v>45</v>
      </c>
      <c r="GG8" s="685"/>
      <c r="GH8" s="43" t="s">
        <v>43</v>
      </c>
      <c r="GI8" s="41" t="s">
        <v>44</v>
      </c>
      <c r="GJ8" s="298" t="s">
        <v>45</v>
      </c>
      <c r="GK8" s="44" t="s">
        <v>83</v>
      </c>
      <c r="GL8" s="41" t="s">
        <v>47</v>
      </c>
      <c r="GM8" s="41" t="s">
        <v>48</v>
      </c>
      <c r="GN8" s="41" t="s">
        <v>49</v>
      </c>
      <c r="GO8" s="41" t="s">
        <v>50</v>
      </c>
      <c r="GP8" s="41" t="s">
        <v>51</v>
      </c>
      <c r="GQ8" s="42" t="s">
        <v>45</v>
      </c>
      <c r="GR8" s="695"/>
      <c r="GS8" s="43" t="s">
        <v>43</v>
      </c>
      <c r="GT8" s="41" t="s">
        <v>44</v>
      </c>
      <c r="GU8" s="298" t="s">
        <v>45</v>
      </c>
      <c r="GV8" s="44" t="s">
        <v>83</v>
      </c>
      <c r="GW8" s="41" t="s">
        <v>47</v>
      </c>
      <c r="GX8" s="41" t="s">
        <v>48</v>
      </c>
      <c r="GY8" s="41" t="s">
        <v>49</v>
      </c>
      <c r="GZ8" s="41" t="s">
        <v>50</v>
      </c>
      <c r="HA8" s="41" t="s">
        <v>51</v>
      </c>
      <c r="HB8" s="42" t="s">
        <v>45</v>
      </c>
      <c r="HC8" s="695"/>
      <c r="HD8" s="43" t="s">
        <v>43</v>
      </c>
      <c r="HE8" s="41" t="s">
        <v>44</v>
      </c>
      <c r="HF8" s="298" t="s">
        <v>45</v>
      </c>
      <c r="HG8" s="44" t="s">
        <v>83</v>
      </c>
      <c r="HH8" s="41" t="s">
        <v>47</v>
      </c>
      <c r="HI8" s="41" t="s">
        <v>48</v>
      </c>
      <c r="HJ8" s="41" t="s">
        <v>49</v>
      </c>
      <c r="HK8" s="41" t="s">
        <v>50</v>
      </c>
      <c r="HL8" s="41" t="s">
        <v>51</v>
      </c>
      <c r="HM8" s="42" t="s">
        <v>45</v>
      </c>
      <c r="HN8" s="685"/>
      <c r="HO8" s="43" t="s">
        <v>43</v>
      </c>
      <c r="HP8" s="41" t="s">
        <v>44</v>
      </c>
      <c r="HQ8" s="298" t="s">
        <v>45</v>
      </c>
      <c r="HR8" s="44" t="s">
        <v>83</v>
      </c>
      <c r="HS8" s="41" t="s">
        <v>47</v>
      </c>
      <c r="HT8" s="41" t="s">
        <v>48</v>
      </c>
      <c r="HU8" s="41" t="s">
        <v>49</v>
      </c>
      <c r="HV8" s="41" t="s">
        <v>50</v>
      </c>
      <c r="HW8" s="41" t="s">
        <v>51</v>
      </c>
      <c r="HX8" s="42" t="s">
        <v>45</v>
      </c>
      <c r="HY8" s="685"/>
      <c r="HZ8" s="324" t="s">
        <v>43</v>
      </c>
      <c r="IA8" s="325" t="s">
        <v>44</v>
      </c>
      <c r="IB8" s="36" t="s">
        <v>45</v>
      </c>
      <c r="IC8" s="37" t="s">
        <v>83</v>
      </c>
      <c r="ID8" s="325" t="s">
        <v>47</v>
      </c>
      <c r="IE8" s="325" t="s">
        <v>48</v>
      </c>
      <c r="IF8" s="325" t="s">
        <v>49</v>
      </c>
      <c r="IG8" s="325" t="s">
        <v>50</v>
      </c>
      <c r="IH8" s="325" t="s">
        <v>51</v>
      </c>
      <c r="II8" s="14" t="s">
        <v>45</v>
      </c>
      <c r="IJ8" s="620"/>
      <c r="IK8" s="324" t="s">
        <v>43</v>
      </c>
      <c r="IL8" s="325" t="s">
        <v>44</v>
      </c>
      <c r="IM8" s="36" t="s">
        <v>45</v>
      </c>
      <c r="IN8" s="37" t="s">
        <v>83</v>
      </c>
      <c r="IO8" s="51" t="s">
        <v>47</v>
      </c>
      <c r="IP8" s="51" t="s">
        <v>48</v>
      </c>
      <c r="IQ8" s="51" t="s">
        <v>49</v>
      </c>
      <c r="IR8" s="51" t="s">
        <v>50</v>
      </c>
      <c r="IS8" s="51" t="s">
        <v>51</v>
      </c>
      <c r="IT8" s="54" t="s">
        <v>45</v>
      </c>
      <c r="IU8" s="619"/>
      <c r="IV8" s="53" t="s">
        <v>43</v>
      </c>
      <c r="IW8" s="51" t="s">
        <v>44</v>
      </c>
      <c r="IX8" s="54" t="s">
        <v>45</v>
      </c>
      <c r="IY8" s="28" t="s">
        <v>83</v>
      </c>
      <c r="IZ8" s="51" t="s">
        <v>47</v>
      </c>
      <c r="JA8" s="51" t="s">
        <v>48</v>
      </c>
      <c r="JB8" s="51" t="s">
        <v>49</v>
      </c>
      <c r="JC8" s="51" t="s">
        <v>50</v>
      </c>
      <c r="JD8" s="51" t="s">
        <v>51</v>
      </c>
      <c r="JE8" s="54" t="s">
        <v>45</v>
      </c>
      <c r="JF8" s="619"/>
      <c r="JG8" s="53" t="s">
        <v>43</v>
      </c>
      <c r="JH8" s="51" t="s">
        <v>44</v>
      </c>
      <c r="JI8" s="52" t="s">
        <v>45</v>
      </c>
      <c r="JJ8" s="28" t="s">
        <v>83</v>
      </c>
      <c r="JK8" s="51" t="s">
        <v>47</v>
      </c>
      <c r="JL8" s="51" t="s">
        <v>48</v>
      </c>
      <c r="JM8" s="51" t="s">
        <v>49</v>
      </c>
      <c r="JN8" s="51" t="s">
        <v>50</v>
      </c>
      <c r="JO8" s="51" t="s">
        <v>51</v>
      </c>
      <c r="JP8" s="54" t="s">
        <v>45</v>
      </c>
      <c r="JQ8" s="579"/>
      <c r="JR8" s="53" t="s">
        <v>43</v>
      </c>
      <c r="JS8" s="51" t="s">
        <v>44</v>
      </c>
      <c r="JT8" s="52" t="s">
        <v>45</v>
      </c>
      <c r="JU8" s="28" t="s">
        <v>83</v>
      </c>
      <c r="JV8" s="51" t="s">
        <v>47</v>
      </c>
      <c r="JW8" s="51" t="s">
        <v>48</v>
      </c>
      <c r="JX8" s="51" t="s">
        <v>49</v>
      </c>
      <c r="JY8" s="51" t="s">
        <v>50</v>
      </c>
      <c r="JZ8" s="51" t="s">
        <v>51</v>
      </c>
      <c r="KA8" s="54" t="s">
        <v>45</v>
      </c>
      <c r="KB8" s="579"/>
      <c r="KC8" s="53" t="s">
        <v>43</v>
      </c>
      <c r="KD8" s="51" t="s">
        <v>44</v>
      </c>
      <c r="KE8" s="52" t="s">
        <v>45</v>
      </c>
      <c r="KF8" s="28" t="s">
        <v>83</v>
      </c>
      <c r="KG8" s="51" t="s">
        <v>47</v>
      </c>
      <c r="KH8" s="51" t="s">
        <v>48</v>
      </c>
      <c r="KI8" s="51" t="s">
        <v>49</v>
      </c>
      <c r="KJ8" s="51" t="s">
        <v>50</v>
      </c>
      <c r="KK8" s="51" t="s">
        <v>51</v>
      </c>
      <c r="KL8" s="54" t="s">
        <v>45</v>
      </c>
      <c r="KM8" s="579"/>
      <c r="KN8" s="53" t="s">
        <v>43</v>
      </c>
      <c r="KO8" s="51" t="s">
        <v>44</v>
      </c>
      <c r="KP8" s="52" t="s">
        <v>45</v>
      </c>
      <c r="KQ8" s="37" t="s">
        <v>83</v>
      </c>
      <c r="KR8" s="51" t="s">
        <v>47</v>
      </c>
      <c r="KS8" s="51" t="s">
        <v>48</v>
      </c>
      <c r="KT8" s="51" t="s">
        <v>49</v>
      </c>
      <c r="KU8" s="51" t="s">
        <v>50</v>
      </c>
      <c r="KV8" s="51" t="s">
        <v>51</v>
      </c>
      <c r="KW8" s="54" t="s">
        <v>45</v>
      </c>
      <c r="KX8" s="579"/>
      <c r="KY8" s="53" t="s">
        <v>43</v>
      </c>
      <c r="KZ8" s="51" t="s">
        <v>44</v>
      </c>
      <c r="LA8" s="52" t="s">
        <v>45</v>
      </c>
      <c r="LB8" s="37" t="s">
        <v>83</v>
      </c>
      <c r="LC8" s="51" t="s">
        <v>47</v>
      </c>
      <c r="LD8" s="51" t="s">
        <v>48</v>
      </c>
      <c r="LE8" s="51" t="s">
        <v>49</v>
      </c>
      <c r="LF8" s="51" t="s">
        <v>50</v>
      </c>
      <c r="LG8" s="51" t="s">
        <v>51</v>
      </c>
      <c r="LH8" s="54" t="s">
        <v>45</v>
      </c>
      <c r="LI8" s="579"/>
      <c r="LJ8" s="53" t="s">
        <v>43</v>
      </c>
      <c r="LK8" s="51" t="s">
        <v>44</v>
      </c>
      <c r="LL8" s="52" t="s">
        <v>45</v>
      </c>
      <c r="LM8" s="37" t="s">
        <v>83</v>
      </c>
      <c r="LN8" s="51" t="s">
        <v>47</v>
      </c>
      <c r="LO8" s="51" t="s">
        <v>48</v>
      </c>
      <c r="LP8" s="51" t="s">
        <v>49</v>
      </c>
      <c r="LQ8" s="51" t="s">
        <v>50</v>
      </c>
      <c r="LR8" s="51" t="s">
        <v>51</v>
      </c>
      <c r="LS8" s="54" t="s">
        <v>45</v>
      </c>
      <c r="LT8" s="579"/>
      <c r="LU8" s="53" t="s">
        <v>43</v>
      </c>
      <c r="LV8" s="51" t="s">
        <v>44</v>
      </c>
      <c r="LW8" s="52" t="s">
        <v>45</v>
      </c>
      <c r="LX8" s="37" t="s">
        <v>83</v>
      </c>
      <c r="LY8" s="51" t="s">
        <v>47</v>
      </c>
      <c r="LZ8" s="51" t="s">
        <v>48</v>
      </c>
      <c r="MA8" s="51" t="s">
        <v>49</v>
      </c>
      <c r="MB8" s="51" t="s">
        <v>50</v>
      </c>
      <c r="MC8" s="51" t="s">
        <v>51</v>
      </c>
      <c r="MD8" s="54" t="s">
        <v>45</v>
      </c>
      <c r="ME8" s="579"/>
      <c r="MF8" s="53" t="s">
        <v>43</v>
      </c>
      <c r="MG8" s="51" t="s">
        <v>44</v>
      </c>
      <c r="MH8" s="52" t="s">
        <v>45</v>
      </c>
      <c r="MI8" s="37" t="s">
        <v>83</v>
      </c>
      <c r="MJ8" s="51" t="s">
        <v>47</v>
      </c>
      <c r="MK8" s="51" t="s">
        <v>48</v>
      </c>
      <c r="ML8" s="51" t="s">
        <v>49</v>
      </c>
      <c r="MM8" s="51" t="s">
        <v>50</v>
      </c>
      <c r="MN8" s="51" t="s">
        <v>51</v>
      </c>
      <c r="MO8" s="54" t="s">
        <v>45</v>
      </c>
      <c r="MP8" s="579"/>
      <c r="MQ8" s="53" t="s">
        <v>43</v>
      </c>
      <c r="MR8" s="51" t="s">
        <v>44</v>
      </c>
      <c r="MS8" s="52" t="s">
        <v>45</v>
      </c>
      <c r="MT8" s="37" t="s">
        <v>83</v>
      </c>
      <c r="MU8" s="51" t="s">
        <v>47</v>
      </c>
      <c r="MV8" s="51" t="s">
        <v>48</v>
      </c>
      <c r="MW8" s="51" t="s">
        <v>49</v>
      </c>
      <c r="MX8" s="51" t="s">
        <v>50</v>
      </c>
      <c r="MY8" s="51" t="s">
        <v>51</v>
      </c>
      <c r="MZ8" s="54" t="s">
        <v>45</v>
      </c>
      <c r="NA8" s="579"/>
      <c r="NB8" s="53" t="s">
        <v>43</v>
      </c>
      <c r="NC8" s="51" t="s">
        <v>44</v>
      </c>
      <c r="ND8" s="52" t="s">
        <v>45</v>
      </c>
      <c r="NE8" s="37" t="s">
        <v>83</v>
      </c>
      <c r="NF8" s="51" t="s">
        <v>47</v>
      </c>
      <c r="NG8" s="51" t="s">
        <v>48</v>
      </c>
      <c r="NH8" s="51" t="s">
        <v>49</v>
      </c>
      <c r="NI8" s="51" t="s">
        <v>50</v>
      </c>
      <c r="NJ8" s="51" t="s">
        <v>51</v>
      </c>
      <c r="NK8" s="54" t="s">
        <v>45</v>
      </c>
      <c r="NL8" s="579"/>
      <c r="NM8" s="53" t="s">
        <v>43</v>
      </c>
      <c r="NN8" s="51" t="s">
        <v>44</v>
      </c>
      <c r="NO8" s="52" t="s">
        <v>45</v>
      </c>
      <c r="NP8" s="37" t="s">
        <v>83</v>
      </c>
      <c r="NQ8" s="51" t="s">
        <v>47</v>
      </c>
      <c r="NR8" s="51" t="s">
        <v>48</v>
      </c>
      <c r="NS8" s="51" t="s">
        <v>49</v>
      </c>
      <c r="NT8" s="51" t="s">
        <v>50</v>
      </c>
      <c r="NU8" s="51" t="s">
        <v>51</v>
      </c>
      <c r="NV8" s="54" t="s">
        <v>45</v>
      </c>
      <c r="NW8" s="579"/>
      <c r="NX8" s="53" t="s">
        <v>43</v>
      </c>
      <c r="NY8" s="51" t="s">
        <v>44</v>
      </c>
      <c r="NZ8" s="52" t="s">
        <v>45</v>
      </c>
      <c r="OA8" s="37" t="s">
        <v>83</v>
      </c>
      <c r="OB8" s="51" t="s">
        <v>47</v>
      </c>
      <c r="OC8" s="51" t="s">
        <v>48</v>
      </c>
      <c r="OD8" s="51" t="s">
        <v>49</v>
      </c>
      <c r="OE8" s="51" t="s">
        <v>50</v>
      </c>
      <c r="OF8" s="51" t="s">
        <v>51</v>
      </c>
      <c r="OG8" s="54" t="s">
        <v>45</v>
      </c>
      <c r="OH8" s="579"/>
      <c r="OI8" s="53" t="s">
        <v>43</v>
      </c>
      <c r="OJ8" s="51" t="s">
        <v>44</v>
      </c>
      <c r="OK8" s="52" t="s">
        <v>45</v>
      </c>
      <c r="OL8" s="28" t="s">
        <v>83</v>
      </c>
      <c r="OM8" s="51" t="s">
        <v>47</v>
      </c>
      <c r="ON8" s="51" t="s">
        <v>48</v>
      </c>
      <c r="OO8" s="51" t="s">
        <v>49</v>
      </c>
      <c r="OP8" s="51" t="s">
        <v>50</v>
      </c>
      <c r="OQ8" s="51" t="s">
        <v>51</v>
      </c>
      <c r="OR8" s="54" t="s">
        <v>45</v>
      </c>
      <c r="OS8" s="579"/>
    </row>
    <row r="9" spans="1:409" s="417" customFormat="1" ht="21" customHeight="1" x14ac:dyDescent="0.2">
      <c r="A9" s="39"/>
      <c r="B9" s="435" t="s">
        <v>4</v>
      </c>
      <c r="C9" s="342">
        <v>27190490</v>
      </c>
      <c r="D9" s="343">
        <v>48063123</v>
      </c>
      <c r="E9" s="344">
        <v>75253613</v>
      </c>
      <c r="F9" s="345">
        <v>0</v>
      </c>
      <c r="G9" s="343">
        <v>302937683</v>
      </c>
      <c r="H9" s="343">
        <v>396961625</v>
      </c>
      <c r="I9" s="343">
        <v>338131466</v>
      </c>
      <c r="J9" s="343">
        <v>321963828</v>
      </c>
      <c r="K9" s="343">
        <v>202712015</v>
      </c>
      <c r="L9" s="346">
        <v>1562706617</v>
      </c>
      <c r="M9" s="347">
        <v>1637960230</v>
      </c>
      <c r="N9" s="342">
        <v>7804504</v>
      </c>
      <c r="O9" s="343">
        <v>16255201</v>
      </c>
      <c r="P9" s="348">
        <v>24059705</v>
      </c>
      <c r="Q9" s="342">
        <v>0</v>
      </c>
      <c r="R9" s="343">
        <v>96208938</v>
      </c>
      <c r="S9" s="343">
        <v>132199577</v>
      </c>
      <c r="T9" s="343">
        <v>112619335</v>
      </c>
      <c r="U9" s="343">
        <v>117653231</v>
      </c>
      <c r="V9" s="343">
        <v>102953689</v>
      </c>
      <c r="W9" s="348">
        <v>561634770</v>
      </c>
      <c r="X9" s="347">
        <v>585694475</v>
      </c>
      <c r="Y9" s="342">
        <v>0</v>
      </c>
      <c r="Z9" s="343">
        <v>0</v>
      </c>
      <c r="AA9" s="348">
        <v>0</v>
      </c>
      <c r="AB9" s="349">
        <v>0</v>
      </c>
      <c r="AC9" s="350">
        <v>41089563</v>
      </c>
      <c r="AD9" s="350">
        <v>54537974</v>
      </c>
      <c r="AE9" s="350">
        <v>52147468</v>
      </c>
      <c r="AF9" s="350">
        <v>61545478</v>
      </c>
      <c r="AG9" s="350">
        <v>57097561</v>
      </c>
      <c r="AH9" s="348">
        <v>266418044</v>
      </c>
      <c r="AI9" s="347">
        <v>266418044</v>
      </c>
      <c r="AJ9" s="351">
        <v>0</v>
      </c>
      <c r="AK9" s="350">
        <v>16439</v>
      </c>
      <c r="AL9" s="348">
        <v>16439</v>
      </c>
      <c r="AM9" s="349">
        <v>0</v>
      </c>
      <c r="AN9" s="350">
        <v>410946</v>
      </c>
      <c r="AO9" s="346">
        <v>1402600</v>
      </c>
      <c r="AP9" s="350">
        <v>3502215</v>
      </c>
      <c r="AQ9" s="350">
        <v>7014464</v>
      </c>
      <c r="AR9" s="350">
        <v>12494958</v>
      </c>
      <c r="AS9" s="348">
        <v>24825183</v>
      </c>
      <c r="AT9" s="347">
        <v>24841622</v>
      </c>
      <c r="AU9" s="351">
        <v>4047922</v>
      </c>
      <c r="AV9" s="350">
        <v>10985880</v>
      </c>
      <c r="AW9" s="348">
        <v>15033802</v>
      </c>
      <c r="AX9" s="349">
        <v>0</v>
      </c>
      <c r="AY9" s="350">
        <v>34917912</v>
      </c>
      <c r="AZ9" s="350">
        <v>51546177</v>
      </c>
      <c r="BA9" s="350">
        <v>35354192</v>
      </c>
      <c r="BB9" s="350">
        <v>28834094</v>
      </c>
      <c r="BC9" s="350">
        <v>20955627</v>
      </c>
      <c r="BD9" s="348">
        <v>171608002</v>
      </c>
      <c r="BE9" s="352">
        <v>186641804</v>
      </c>
      <c r="BF9" s="351">
        <v>496966</v>
      </c>
      <c r="BG9" s="346">
        <v>1773498</v>
      </c>
      <c r="BH9" s="353">
        <v>2270464</v>
      </c>
      <c r="BI9" s="349">
        <v>0</v>
      </c>
      <c r="BJ9" s="350">
        <v>2610397</v>
      </c>
      <c r="BK9" s="350">
        <v>3708508</v>
      </c>
      <c r="BL9" s="350">
        <v>3017532</v>
      </c>
      <c r="BM9" s="350">
        <v>2614523</v>
      </c>
      <c r="BN9" s="350">
        <v>1128545</v>
      </c>
      <c r="BO9" s="348">
        <v>13079505</v>
      </c>
      <c r="BP9" s="347">
        <v>15349969</v>
      </c>
      <c r="BQ9" s="351">
        <v>3259616</v>
      </c>
      <c r="BR9" s="350">
        <v>3479384</v>
      </c>
      <c r="BS9" s="348">
        <v>6739000</v>
      </c>
      <c r="BT9" s="349">
        <v>0</v>
      </c>
      <c r="BU9" s="350">
        <v>17180120</v>
      </c>
      <c r="BV9" s="350">
        <v>21004318</v>
      </c>
      <c r="BW9" s="350">
        <v>18597928</v>
      </c>
      <c r="BX9" s="350">
        <v>17644672</v>
      </c>
      <c r="BY9" s="350">
        <v>11276998</v>
      </c>
      <c r="BZ9" s="348">
        <v>85704036</v>
      </c>
      <c r="CA9" s="347">
        <v>92443036</v>
      </c>
      <c r="CB9" s="351">
        <v>3401442</v>
      </c>
      <c r="CC9" s="350">
        <v>7911151</v>
      </c>
      <c r="CD9" s="348">
        <v>11312593</v>
      </c>
      <c r="CE9" s="349">
        <v>0</v>
      </c>
      <c r="CF9" s="350">
        <v>90111859</v>
      </c>
      <c r="CG9" s="350">
        <v>113435066</v>
      </c>
      <c r="CH9" s="354">
        <v>82190643</v>
      </c>
      <c r="CI9" s="350">
        <v>47855853</v>
      </c>
      <c r="CJ9" s="350">
        <v>18791120</v>
      </c>
      <c r="CK9" s="348">
        <v>352384541</v>
      </c>
      <c r="CL9" s="347">
        <v>363697134</v>
      </c>
      <c r="CM9" s="342">
        <v>0</v>
      </c>
      <c r="CN9" s="343">
        <v>0</v>
      </c>
      <c r="CO9" s="348">
        <v>0</v>
      </c>
      <c r="CP9" s="349">
        <v>0</v>
      </c>
      <c r="CQ9" s="350">
        <v>72868098</v>
      </c>
      <c r="CR9" s="350">
        <v>82829382</v>
      </c>
      <c r="CS9" s="350">
        <v>57780415</v>
      </c>
      <c r="CT9" s="350">
        <v>32020895</v>
      </c>
      <c r="CU9" s="350">
        <v>14705921</v>
      </c>
      <c r="CV9" s="355">
        <v>260204711</v>
      </c>
      <c r="CW9" s="347">
        <v>260204711</v>
      </c>
      <c r="CX9" s="351">
        <v>3401442</v>
      </c>
      <c r="CY9" s="350">
        <v>7911151</v>
      </c>
      <c r="CZ9" s="348">
        <v>11312593</v>
      </c>
      <c r="DA9" s="349">
        <v>0</v>
      </c>
      <c r="DB9" s="350">
        <v>17243761</v>
      </c>
      <c r="DC9" s="350">
        <v>30605684</v>
      </c>
      <c r="DD9" s="350">
        <v>24410228</v>
      </c>
      <c r="DE9" s="350">
        <v>15834958</v>
      </c>
      <c r="DF9" s="350">
        <v>4085199</v>
      </c>
      <c r="DG9" s="348">
        <v>92179830</v>
      </c>
      <c r="DH9" s="347">
        <v>103492423</v>
      </c>
      <c r="DI9" s="351">
        <v>54246</v>
      </c>
      <c r="DJ9" s="350">
        <v>938626</v>
      </c>
      <c r="DK9" s="353">
        <v>992872</v>
      </c>
      <c r="DL9" s="349">
        <v>0</v>
      </c>
      <c r="DM9" s="350">
        <v>9217223</v>
      </c>
      <c r="DN9" s="350">
        <v>17938342</v>
      </c>
      <c r="DO9" s="350">
        <v>29186176</v>
      </c>
      <c r="DP9" s="350">
        <v>28540936</v>
      </c>
      <c r="DQ9" s="350">
        <v>12875556</v>
      </c>
      <c r="DR9" s="356">
        <v>97758233</v>
      </c>
      <c r="DS9" s="347">
        <v>98751105</v>
      </c>
      <c r="DT9" s="351">
        <v>31090</v>
      </c>
      <c r="DU9" s="350">
        <v>897737</v>
      </c>
      <c r="DV9" s="348">
        <v>928827</v>
      </c>
      <c r="DW9" s="349">
        <v>0</v>
      </c>
      <c r="DX9" s="350">
        <v>7871592</v>
      </c>
      <c r="DY9" s="350">
        <v>15522044</v>
      </c>
      <c r="DZ9" s="350">
        <v>24318240</v>
      </c>
      <c r="EA9" s="350">
        <v>25246815</v>
      </c>
      <c r="EB9" s="350">
        <v>10600542</v>
      </c>
      <c r="EC9" s="348">
        <v>83559233</v>
      </c>
      <c r="ED9" s="347">
        <v>84488060</v>
      </c>
      <c r="EE9" s="351">
        <v>23156</v>
      </c>
      <c r="EF9" s="346">
        <v>40889</v>
      </c>
      <c r="EG9" s="348">
        <v>64045</v>
      </c>
      <c r="EH9" s="352">
        <v>0</v>
      </c>
      <c r="EI9" s="350">
        <v>1345631</v>
      </c>
      <c r="EJ9" s="350">
        <v>2416298</v>
      </c>
      <c r="EK9" s="350">
        <v>4867936</v>
      </c>
      <c r="EL9" s="350">
        <v>3294121</v>
      </c>
      <c r="EM9" s="354">
        <v>2275014</v>
      </c>
      <c r="EN9" s="346">
        <v>14199000</v>
      </c>
      <c r="EO9" s="347">
        <v>14263045</v>
      </c>
      <c r="EP9" s="351">
        <v>0</v>
      </c>
      <c r="EQ9" s="350">
        <v>0</v>
      </c>
      <c r="ER9" s="346">
        <v>0</v>
      </c>
      <c r="ES9" s="349">
        <v>0</v>
      </c>
      <c r="ET9" s="350">
        <v>0</v>
      </c>
      <c r="EU9" s="350">
        <v>0</v>
      </c>
      <c r="EV9" s="350">
        <v>0</v>
      </c>
      <c r="EW9" s="350">
        <v>0</v>
      </c>
      <c r="EX9" s="350">
        <v>0</v>
      </c>
      <c r="EY9" s="355">
        <v>0</v>
      </c>
      <c r="EZ9" s="347">
        <v>0</v>
      </c>
      <c r="FA9" s="351">
        <v>0</v>
      </c>
      <c r="FB9" s="350">
        <v>0</v>
      </c>
      <c r="FC9" s="346">
        <v>0</v>
      </c>
      <c r="FD9" s="357">
        <v>0</v>
      </c>
      <c r="FE9" s="350">
        <v>0</v>
      </c>
      <c r="FF9" s="350">
        <v>0</v>
      </c>
      <c r="FG9" s="350">
        <v>0</v>
      </c>
      <c r="FH9" s="350">
        <v>0</v>
      </c>
      <c r="FI9" s="350">
        <v>0</v>
      </c>
      <c r="FJ9" s="355">
        <v>0</v>
      </c>
      <c r="FK9" s="347">
        <v>0</v>
      </c>
      <c r="FL9" s="351">
        <v>5717019</v>
      </c>
      <c r="FM9" s="350">
        <v>10726705</v>
      </c>
      <c r="FN9" s="348">
        <v>16443724</v>
      </c>
      <c r="FO9" s="349">
        <v>0</v>
      </c>
      <c r="FP9" s="350">
        <v>14632077</v>
      </c>
      <c r="FQ9" s="350">
        <v>39151428</v>
      </c>
      <c r="FR9" s="350">
        <v>27826272</v>
      </c>
      <c r="FS9" s="350">
        <v>23412660</v>
      </c>
      <c r="FT9" s="350">
        <v>14588648</v>
      </c>
      <c r="FU9" s="348">
        <v>119611085</v>
      </c>
      <c r="FV9" s="347">
        <v>136054809</v>
      </c>
      <c r="FW9" s="351">
        <v>2708104</v>
      </c>
      <c r="FX9" s="350">
        <v>7390576</v>
      </c>
      <c r="FY9" s="346">
        <v>10098680</v>
      </c>
      <c r="FZ9" s="352">
        <v>0</v>
      </c>
      <c r="GA9" s="350">
        <v>10474108</v>
      </c>
      <c r="GB9" s="358">
        <v>35082576</v>
      </c>
      <c r="GC9" s="350">
        <v>25438992</v>
      </c>
      <c r="GD9" s="358">
        <v>21280168</v>
      </c>
      <c r="GE9" s="350">
        <v>13872064</v>
      </c>
      <c r="GF9" s="355">
        <v>106147908</v>
      </c>
      <c r="GG9" s="359">
        <v>116246588</v>
      </c>
      <c r="GH9" s="360">
        <v>412070</v>
      </c>
      <c r="GI9" s="350">
        <v>451673</v>
      </c>
      <c r="GJ9" s="358">
        <v>863743</v>
      </c>
      <c r="GK9" s="345">
        <v>0</v>
      </c>
      <c r="GL9" s="350">
        <v>1046170</v>
      </c>
      <c r="GM9" s="346">
        <v>1189756</v>
      </c>
      <c r="GN9" s="350">
        <v>642496</v>
      </c>
      <c r="GO9" s="346">
        <v>715892</v>
      </c>
      <c r="GP9" s="350">
        <v>374200</v>
      </c>
      <c r="GQ9" s="356">
        <v>3968514</v>
      </c>
      <c r="GR9" s="347">
        <v>4832257</v>
      </c>
      <c r="GS9" s="346">
        <v>2596845</v>
      </c>
      <c r="GT9" s="350">
        <v>2884456</v>
      </c>
      <c r="GU9" s="348">
        <v>5481301</v>
      </c>
      <c r="GV9" s="346">
        <v>0</v>
      </c>
      <c r="GW9" s="350">
        <v>3111799</v>
      </c>
      <c r="GX9" s="346">
        <v>2879096</v>
      </c>
      <c r="GY9" s="350">
        <v>1744784</v>
      </c>
      <c r="GZ9" s="346">
        <v>1416600</v>
      </c>
      <c r="HA9" s="350">
        <v>342384</v>
      </c>
      <c r="HB9" s="346">
        <v>9494663</v>
      </c>
      <c r="HC9" s="347">
        <v>14975964</v>
      </c>
      <c r="HD9" s="346">
        <v>10213279</v>
      </c>
      <c r="HE9" s="350">
        <v>12231440</v>
      </c>
      <c r="HF9" s="346">
        <v>22444719</v>
      </c>
      <c r="HG9" s="352">
        <v>0</v>
      </c>
      <c r="HH9" s="350">
        <v>92767586</v>
      </c>
      <c r="HI9" s="358">
        <v>94237212</v>
      </c>
      <c r="HJ9" s="350">
        <v>86309040</v>
      </c>
      <c r="HK9" s="358">
        <v>104501148</v>
      </c>
      <c r="HL9" s="350">
        <v>53503002</v>
      </c>
      <c r="HM9" s="355">
        <v>431317988</v>
      </c>
      <c r="HN9" s="346">
        <v>453762707</v>
      </c>
      <c r="HO9" s="445">
        <v>0</v>
      </c>
      <c r="HP9" s="446">
        <v>0</v>
      </c>
      <c r="HQ9" s="447">
        <v>0</v>
      </c>
      <c r="HR9" s="448">
        <v>0</v>
      </c>
      <c r="HS9" s="446">
        <v>0</v>
      </c>
      <c r="HT9" s="448">
        <v>0</v>
      </c>
      <c r="HU9" s="446">
        <v>0</v>
      </c>
      <c r="HV9" s="448">
        <v>0</v>
      </c>
      <c r="HW9" s="446">
        <v>0</v>
      </c>
      <c r="HX9" s="448">
        <v>0</v>
      </c>
      <c r="HY9" s="449">
        <v>0</v>
      </c>
      <c r="HZ9" s="361">
        <v>608892</v>
      </c>
      <c r="IA9" s="362">
        <v>746737</v>
      </c>
      <c r="IB9" s="363">
        <v>1355629</v>
      </c>
      <c r="IC9" s="364">
        <v>0</v>
      </c>
      <c r="ID9" s="362">
        <v>76943708</v>
      </c>
      <c r="IE9" s="365">
        <v>107343060</v>
      </c>
      <c r="IF9" s="366">
        <v>108528269</v>
      </c>
      <c r="IG9" s="362">
        <v>81128710</v>
      </c>
      <c r="IH9" s="366">
        <v>50026801</v>
      </c>
      <c r="II9" s="367">
        <v>423970548</v>
      </c>
      <c r="IJ9" s="368">
        <v>425326177</v>
      </c>
      <c r="IK9" s="369">
        <v>0</v>
      </c>
      <c r="IL9" s="370">
        <v>0</v>
      </c>
      <c r="IM9" s="371">
        <v>0</v>
      </c>
      <c r="IN9" s="468">
        <v>0</v>
      </c>
      <c r="IO9" s="373">
        <v>1032972</v>
      </c>
      <c r="IP9" s="373">
        <v>3032050</v>
      </c>
      <c r="IQ9" s="373">
        <v>3544828</v>
      </c>
      <c r="IR9" s="373">
        <v>6104112</v>
      </c>
      <c r="IS9" s="373">
        <v>3534536</v>
      </c>
      <c r="IT9" s="374">
        <v>17248498</v>
      </c>
      <c r="IU9" s="375">
        <v>17248498</v>
      </c>
      <c r="IV9" s="376">
        <v>0</v>
      </c>
      <c r="IW9" s="373">
        <v>0</v>
      </c>
      <c r="IX9" s="377">
        <v>0</v>
      </c>
      <c r="IY9" s="468">
        <v>0</v>
      </c>
      <c r="IZ9" s="373">
        <v>147212</v>
      </c>
      <c r="JA9" s="373">
        <v>619482</v>
      </c>
      <c r="JB9" s="373">
        <v>682668</v>
      </c>
      <c r="JC9" s="373">
        <v>1077705</v>
      </c>
      <c r="JD9" s="373">
        <v>725987</v>
      </c>
      <c r="JE9" s="377">
        <v>3253054</v>
      </c>
      <c r="JF9" s="378">
        <v>3253054</v>
      </c>
      <c r="JG9" s="376">
        <v>0</v>
      </c>
      <c r="JH9" s="373">
        <v>0</v>
      </c>
      <c r="JI9" s="374">
        <v>0</v>
      </c>
      <c r="JJ9" s="379">
        <v>0</v>
      </c>
      <c r="JK9" s="373">
        <v>34366521</v>
      </c>
      <c r="JL9" s="373">
        <v>39090824</v>
      </c>
      <c r="JM9" s="373">
        <v>26879541</v>
      </c>
      <c r="JN9" s="373">
        <v>15005287</v>
      </c>
      <c r="JO9" s="373">
        <v>7061167</v>
      </c>
      <c r="JP9" s="377">
        <v>122403340</v>
      </c>
      <c r="JQ9" s="375">
        <v>122403340</v>
      </c>
      <c r="JR9" s="376">
        <v>0</v>
      </c>
      <c r="JS9" s="373">
        <v>0</v>
      </c>
      <c r="JT9" s="374">
        <v>0</v>
      </c>
      <c r="JU9" s="379">
        <v>0</v>
      </c>
      <c r="JV9" s="373">
        <v>5396806</v>
      </c>
      <c r="JW9" s="373">
        <v>6624360</v>
      </c>
      <c r="JX9" s="373">
        <v>9347964</v>
      </c>
      <c r="JY9" s="373">
        <v>6092453</v>
      </c>
      <c r="JZ9" s="373">
        <v>2752744</v>
      </c>
      <c r="KA9" s="377">
        <v>30214327</v>
      </c>
      <c r="KB9" s="375">
        <v>30214327</v>
      </c>
      <c r="KC9" s="380">
        <v>608892</v>
      </c>
      <c r="KD9" s="381">
        <v>746737</v>
      </c>
      <c r="KE9" s="377">
        <v>1355629</v>
      </c>
      <c r="KF9" s="379">
        <v>0</v>
      </c>
      <c r="KG9" s="373">
        <v>10140270</v>
      </c>
      <c r="KH9" s="373">
        <v>14105042</v>
      </c>
      <c r="KI9" s="373">
        <v>16949766</v>
      </c>
      <c r="KJ9" s="373">
        <v>11307725</v>
      </c>
      <c r="KK9" s="373">
        <v>6179390</v>
      </c>
      <c r="KL9" s="377">
        <v>58682193</v>
      </c>
      <c r="KM9" s="382">
        <v>60037822</v>
      </c>
      <c r="KN9" s="369">
        <v>0</v>
      </c>
      <c r="KO9" s="370">
        <v>0</v>
      </c>
      <c r="KP9" s="371">
        <v>0</v>
      </c>
      <c r="KQ9" s="468">
        <v>0</v>
      </c>
      <c r="KR9" s="373">
        <v>22488339</v>
      </c>
      <c r="KS9" s="373">
        <v>38376514</v>
      </c>
      <c r="KT9" s="373">
        <v>40219984</v>
      </c>
      <c r="KU9" s="373">
        <v>27083413</v>
      </c>
      <c r="KV9" s="373">
        <v>16718301</v>
      </c>
      <c r="KW9" s="377">
        <v>144886551</v>
      </c>
      <c r="KX9" s="375">
        <v>144886551</v>
      </c>
      <c r="KY9" s="376">
        <v>0</v>
      </c>
      <c r="KZ9" s="373">
        <v>0</v>
      </c>
      <c r="LA9" s="377">
        <v>0</v>
      </c>
      <c r="LB9" s="468">
        <v>0</v>
      </c>
      <c r="LC9" s="373">
        <v>616368</v>
      </c>
      <c r="LD9" s="373">
        <v>834354</v>
      </c>
      <c r="LE9" s="373">
        <v>833817</v>
      </c>
      <c r="LF9" s="373">
        <v>672211</v>
      </c>
      <c r="LG9" s="373">
        <v>239656</v>
      </c>
      <c r="LH9" s="377">
        <v>3196406</v>
      </c>
      <c r="LI9" s="378">
        <v>3196406</v>
      </c>
      <c r="LJ9" s="376">
        <v>0</v>
      </c>
      <c r="LK9" s="373">
        <v>0</v>
      </c>
      <c r="LL9" s="377">
        <v>0</v>
      </c>
      <c r="LM9" s="468">
        <v>0</v>
      </c>
      <c r="LN9" s="373">
        <v>0</v>
      </c>
      <c r="LO9" s="373">
        <v>659528</v>
      </c>
      <c r="LP9" s="373">
        <v>5054940</v>
      </c>
      <c r="LQ9" s="373">
        <v>5691511</v>
      </c>
      <c r="LR9" s="373">
        <v>3545463</v>
      </c>
      <c r="LS9" s="377">
        <v>14951442</v>
      </c>
      <c r="LT9" s="375">
        <v>14951442</v>
      </c>
      <c r="LU9" s="376">
        <v>0</v>
      </c>
      <c r="LV9" s="373">
        <v>0</v>
      </c>
      <c r="LW9" s="377">
        <v>0</v>
      </c>
      <c r="LX9" s="468">
        <v>0</v>
      </c>
      <c r="LY9" s="373">
        <v>2755220</v>
      </c>
      <c r="LZ9" s="373">
        <v>4000906</v>
      </c>
      <c r="MA9" s="373">
        <v>5014761</v>
      </c>
      <c r="MB9" s="373">
        <v>8094293</v>
      </c>
      <c r="MC9" s="373">
        <v>9269557</v>
      </c>
      <c r="MD9" s="377">
        <v>29134737</v>
      </c>
      <c r="ME9" s="378">
        <v>29134737</v>
      </c>
      <c r="MF9" s="376">
        <v>0</v>
      </c>
      <c r="MG9" s="373">
        <v>0</v>
      </c>
      <c r="MH9" s="377">
        <v>0</v>
      </c>
      <c r="MI9" s="468">
        <v>0</v>
      </c>
      <c r="MJ9" s="373">
        <v>22920582</v>
      </c>
      <c r="MK9" s="373">
        <v>60846923</v>
      </c>
      <c r="ML9" s="373">
        <v>185828866</v>
      </c>
      <c r="MM9" s="373">
        <v>271617570</v>
      </c>
      <c r="MN9" s="373">
        <v>157249369</v>
      </c>
      <c r="MO9" s="377">
        <v>698463310</v>
      </c>
      <c r="MP9" s="382">
        <v>698463310</v>
      </c>
      <c r="MQ9" s="376">
        <v>0</v>
      </c>
      <c r="MR9" s="373">
        <v>0</v>
      </c>
      <c r="MS9" s="377">
        <v>0</v>
      </c>
      <c r="MT9" s="468">
        <v>0</v>
      </c>
      <c r="MU9" s="373">
        <v>2913143</v>
      </c>
      <c r="MV9" s="373">
        <v>15350760</v>
      </c>
      <c r="MW9" s="373">
        <v>110333372</v>
      </c>
      <c r="MX9" s="373">
        <v>178478976</v>
      </c>
      <c r="MY9" s="373">
        <v>97991822</v>
      </c>
      <c r="MZ9" s="377">
        <v>405068073</v>
      </c>
      <c r="NA9" s="382">
        <v>405068073</v>
      </c>
      <c r="NB9" s="376">
        <v>0</v>
      </c>
      <c r="NC9" s="373">
        <v>0</v>
      </c>
      <c r="ND9" s="377">
        <v>0</v>
      </c>
      <c r="NE9" s="468">
        <v>0</v>
      </c>
      <c r="NF9" s="373">
        <v>20007439</v>
      </c>
      <c r="NG9" s="373">
        <v>44483536</v>
      </c>
      <c r="NH9" s="373">
        <v>74848100</v>
      </c>
      <c r="NI9" s="373">
        <v>88657495</v>
      </c>
      <c r="NJ9" s="373">
        <v>50683698</v>
      </c>
      <c r="NK9" s="377">
        <v>278680268</v>
      </c>
      <c r="NL9" s="375">
        <v>278680268</v>
      </c>
      <c r="NM9" s="376">
        <v>0</v>
      </c>
      <c r="NN9" s="373">
        <v>0</v>
      </c>
      <c r="NO9" s="377">
        <v>0</v>
      </c>
      <c r="NP9" s="468">
        <v>0</v>
      </c>
      <c r="NQ9" s="373">
        <v>0</v>
      </c>
      <c r="NR9" s="373">
        <v>0</v>
      </c>
      <c r="NS9" s="373">
        <v>0</v>
      </c>
      <c r="NT9" s="373">
        <v>1702591</v>
      </c>
      <c r="NU9" s="373">
        <v>1314040</v>
      </c>
      <c r="NV9" s="377">
        <v>3016631</v>
      </c>
      <c r="NW9" s="378">
        <v>3016631</v>
      </c>
      <c r="NX9" s="376">
        <v>0</v>
      </c>
      <c r="NY9" s="373">
        <v>0</v>
      </c>
      <c r="NZ9" s="377">
        <v>0</v>
      </c>
      <c r="OA9" s="468">
        <v>0</v>
      </c>
      <c r="OB9" s="373">
        <v>0</v>
      </c>
      <c r="OC9" s="373">
        <v>1012627</v>
      </c>
      <c r="OD9" s="373">
        <v>647394</v>
      </c>
      <c r="OE9" s="373">
        <v>2778508</v>
      </c>
      <c r="OF9" s="373">
        <v>7259809</v>
      </c>
      <c r="OG9" s="377">
        <v>11698338</v>
      </c>
      <c r="OH9" s="378">
        <v>11698338</v>
      </c>
      <c r="OI9" s="376">
        <v>27799382</v>
      </c>
      <c r="OJ9" s="373">
        <v>48809860</v>
      </c>
      <c r="OK9" s="374">
        <v>76609242</v>
      </c>
      <c r="OL9" s="379">
        <v>0</v>
      </c>
      <c r="OM9" s="373">
        <v>402801973</v>
      </c>
      <c r="ON9" s="373">
        <v>565151608</v>
      </c>
      <c r="OO9" s="373">
        <v>632488601</v>
      </c>
      <c r="OP9" s="373">
        <v>674710108</v>
      </c>
      <c r="OQ9" s="373">
        <v>409988185</v>
      </c>
      <c r="OR9" s="377">
        <v>2685140475</v>
      </c>
      <c r="OS9" s="382">
        <v>2761749717</v>
      </c>
    </row>
    <row r="10" spans="1:409" s="417" customFormat="1" ht="21" customHeight="1" x14ac:dyDescent="0.2">
      <c r="A10" s="39"/>
      <c r="B10" s="436" t="s">
        <v>5</v>
      </c>
      <c r="C10" s="384">
        <v>11216322</v>
      </c>
      <c r="D10" s="385">
        <v>26899864</v>
      </c>
      <c r="E10" s="386">
        <v>38116186</v>
      </c>
      <c r="F10" s="387">
        <v>0</v>
      </c>
      <c r="G10" s="385">
        <v>114481353</v>
      </c>
      <c r="H10" s="385">
        <v>183233594</v>
      </c>
      <c r="I10" s="385">
        <v>149710246</v>
      </c>
      <c r="J10" s="385">
        <v>141911142</v>
      </c>
      <c r="K10" s="385">
        <v>88137223</v>
      </c>
      <c r="L10" s="387">
        <v>677473558</v>
      </c>
      <c r="M10" s="388">
        <v>715589744</v>
      </c>
      <c r="N10" s="384">
        <v>3492518</v>
      </c>
      <c r="O10" s="385">
        <v>9492997</v>
      </c>
      <c r="P10" s="386">
        <v>12985515</v>
      </c>
      <c r="Q10" s="384">
        <v>0</v>
      </c>
      <c r="R10" s="385">
        <v>38853745</v>
      </c>
      <c r="S10" s="385">
        <v>66667793</v>
      </c>
      <c r="T10" s="385">
        <v>52373271</v>
      </c>
      <c r="U10" s="385">
        <v>52099069</v>
      </c>
      <c r="V10" s="385">
        <v>42019302</v>
      </c>
      <c r="W10" s="386">
        <v>252013180</v>
      </c>
      <c r="X10" s="388">
        <v>264998695</v>
      </c>
      <c r="Y10" s="384">
        <v>0</v>
      </c>
      <c r="Z10" s="385">
        <v>0</v>
      </c>
      <c r="AA10" s="386">
        <v>0</v>
      </c>
      <c r="AB10" s="384">
        <v>0</v>
      </c>
      <c r="AC10" s="385">
        <v>16411744</v>
      </c>
      <c r="AD10" s="385">
        <v>25450243</v>
      </c>
      <c r="AE10" s="385">
        <v>23571703</v>
      </c>
      <c r="AF10" s="385">
        <v>24922033</v>
      </c>
      <c r="AG10" s="385">
        <v>21736370</v>
      </c>
      <c r="AH10" s="386">
        <v>112092093</v>
      </c>
      <c r="AI10" s="388">
        <v>112092093</v>
      </c>
      <c r="AJ10" s="384">
        <v>0</v>
      </c>
      <c r="AK10" s="385">
        <v>16439</v>
      </c>
      <c r="AL10" s="386">
        <v>16439</v>
      </c>
      <c r="AM10" s="384">
        <v>0</v>
      </c>
      <c r="AN10" s="385">
        <v>109357</v>
      </c>
      <c r="AO10" s="385">
        <v>499878</v>
      </c>
      <c r="AP10" s="385">
        <v>1659979</v>
      </c>
      <c r="AQ10" s="385">
        <v>3174767</v>
      </c>
      <c r="AR10" s="385">
        <v>5864371</v>
      </c>
      <c r="AS10" s="386">
        <v>11308352</v>
      </c>
      <c r="AT10" s="388">
        <v>11324791</v>
      </c>
      <c r="AU10" s="384">
        <v>1999893</v>
      </c>
      <c r="AV10" s="385">
        <v>6499796</v>
      </c>
      <c r="AW10" s="386">
        <v>8499689</v>
      </c>
      <c r="AX10" s="384">
        <v>0</v>
      </c>
      <c r="AY10" s="385">
        <v>14995833</v>
      </c>
      <c r="AZ10" s="385">
        <v>29341928</v>
      </c>
      <c r="BA10" s="385">
        <v>17839761</v>
      </c>
      <c r="BB10" s="385">
        <v>15255193</v>
      </c>
      <c r="BC10" s="385">
        <v>8980558</v>
      </c>
      <c r="BD10" s="386">
        <v>86413273</v>
      </c>
      <c r="BE10" s="388">
        <v>94912962</v>
      </c>
      <c r="BF10" s="384">
        <v>126273</v>
      </c>
      <c r="BG10" s="385">
        <v>877346</v>
      </c>
      <c r="BH10" s="389">
        <v>1003619</v>
      </c>
      <c r="BI10" s="390">
        <v>0</v>
      </c>
      <c r="BJ10" s="385">
        <v>873459</v>
      </c>
      <c r="BK10" s="385">
        <v>1569072</v>
      </c>
      <c r="BL10" s="385">
        <v>1243020</v>
      </c>
      <c r="BM10" s="385">
        <v>1029596</v>
      </c>
      <c r="BN10" s="385">
        <v>430683</v>
      </c>
      <c r="BO10" s="386">
        <v>5145830</v>
      </c>
      <c r="BP10" s="388">
        <v>6149449</v>
      </c>
      <c r="BQ10" s="384">
        <v>1366352</v>
      </c>
      <c r="BR10" s="385">
        <v>2099416</v>
      </c>
      <c r="BS10" s="386">
        <v>3465768</v>
      </c>
      <c r="BT10" s="384">
        <v>0</v>
      </c>
      <c r="BU10" s="385">
        <v>6463352</v>
      </c>
      <c r="BV10" s="385">
        <v>9806672</v>
      </c>
      <c r="BW10" s="385">
        <v>8058808</v>
      </c>
      <c r="BX10" s="385">
        <v>7717480</v>
      </c>
      <c r="BY10" s="385">
        <v>5007320</v>
      </c>
      <c r="BZ10" s="386">
        <v>37053632</v>
      </c>
      <c r="CA10" s="388">
        <v>40519400</v>
      </c>
      <c r="CB10" s="384">
        <v>1778706</v>
      </c>
      <c r="CC10" s="385">
        <v>4081838</v>
      </c>
      <c r="CD10" s="386">
        <v>5860544</v>
      </c>
      <c r="CE10" s="384">
        <v>0</v>
      </c>
      <c r="CF10" s="385">
        <v>32686765</v>
      </c>
      <c r="CG10" s="385">
        <v>48700050</v>
      </c>
      <c r="CH10" s="385">
        <v>34631001</v>
      </c>
      <c r="CI10" s="385">
        <v>21114787</v>
      </c>
      <c r="CJ10" s="385">
        <v>8631149</v>
      </c>
      <c r="CK10" s="386">
        <v>145763752</v>
      </c>
      <c r="CL10" s="388">
        <v>151624296</v>
      </c>
      <c r="CM10" s="384">
        <v>0</v>
      </c>
      <c r="CN10" s="385">
        <v>0</v>
      </c>
      <c r="CO10" s="386">
        <v>0</v>
      </c>
      <c r="CP10" s="390">
        <v>0</v>
      </c>
      <c r="CQ10" s="385">
        <v>26933131</v>
      </c>
      <c r="CR10" s="385">
        <v>34106791</v>
      </c>
      <c r="CS10" s="385">
        <v>22878715</v>
      </c>
      <c r="CT10" s="385">
        <v>12715642</v>
      </c>
      <c r="CU10" s="385">
        <v>7039659</v>
      </c>
      <c r="CV10" s="386">
        <v>103673938</v>
      </c>
      <c r="CW10" s="388">
        <v>103673938</v>
      </c>
      <c r="CX10" s="384">
        <v>1778706</v>
      </c>
      <c r="CY10" s="385">
        <v>4081838</v>
      </c>
      <c r="CZ10" s="386">
        <v>5860544</v>
      </c>
      <c r="DA10" s="384">
        <v>0</v>
      </c>
      <c r="DB10" s="385">
        <v>5753634</v>
      </c>
      <c r="DC10" s="385">
        <v>14593259</v>
      </c>
      <c r="DD10" s="385">
        <v>11752286</v>
      </c>
      <c r="DE10" s="385">
        <v>8399145</v>
      </c>
      <c r="DF10" s="385">
        <v>1591490</v>
      </c>
      <c r="DG10" s="386">
        <v>42089814</v>
      </c>
      <c r="DH10" s="388">
        <v>47950358</v>
      </c>
      <c r="DI10" s="384">
        <v>0</v>
      </c>
      <c r="DJ10" s="385">
        <v>421474</v>
      </c>
      <c r="DK10" s="389">
        <v>421474</v>
      </c>
      <c r="DL10" s="390">
        <v>0</v>
      </c>
      <c r="DM10" s="385">
        <v>3586808</v>
      </c>
      <c r="DN10" s="385">
        <v>6135722</v>
      </c>
      <c r="DO10" s="385">
        <v>12703311</v>
      </c>
      <c r="DP10" s="385">
        <v>10915346</v>
      </c>
      <c r="DQ10" s="385">
        <v>6729015</v>
      </c>
      <c r="DR10" s="386">
        <v>40070202</v>
      </c>
      <c r="DS10" s="388">
        <v>40491676</v>
      </c>
      <c r="DT10" s="384">
        <v>0</v>
      </c>
      <c r="DU10" s="385">
        <v>380585</v>
      </c>
      <c r="DV10" s="386">
        <v>380585</v>
      </c>
      <c r="DW10" s="384">
        <v>0</v>
      </c>
      <c r="DX10" s="385">
        <v>2597183</v>
      </c>
      <c r="DY10" s="385">
        <v>5003172</v>
      </c>
      <c r="DZ10" s="385">
        <v>9822266</v>
      </c>
      <c r="EA10" s="385">
        <v>8596683</v>
      </c>
      <c r="EB10" s="385">
        <v>5064806</v>
      </c>
      <c r="EC10" s="386">
        <v>31084110</v>
      </c>
      <c r="ED10" s="388">
        <v>31464695</v>
      </c>
      <c r="EE10" s="384">
        <v>0</v>
      </c>
      <c r="EF10" s="389">
        <v>40889</v>
      </c>
      <c r="EG10" s="386">
        <v>40889</v>
      </c>
      <c r="EH10" s="384">
        <v>0</v>
      </c>
      <c r="EI10" s="385">
        <v>989625</v>
      </c>
      <c r="EJ10" s="385">
        <v>1132550</v>
      </c>
      <c r="EK10" s="385">
        <v>2881045</v>
      </c>
      <c r="EL10" s="385">
        <v>2318663</v>
      </c>
      <c r="EM10" s="385">
        <v>1664209</v>
      </c>
      <c r="EN10" s="389">
        <v>8986092</v>
      </c>
      <c r="EO10" s="388">
        <v>9026981</v>
      </c>
      <c r="EP10" s="384">
        <v>0</v>
      </c>
      <c r="EQ10" s="385">
        <v>0</v>
      </c>
      <c r="ER10" s="389">
        <v>0</v>
      </c>
      <c r="ES10" s="390">
        <v>0</v>
      </c>
      <c r="ET10" s="385">
        <v>0</v>
      </c>
      <c r="EU10" s="385">
        <v>0</v>
      </c>
      <c r="EV10" s="385">
        <v>0</v>
      </c>
      <c r="EW10" s="385">
        <v>0</v>
      </c>
      <c r="EX10" s="385">
        <v>0</v>
      </c>
      <c r="EY10" s="386">
        <v>0</v>
      </c>
      <c r="EZ10" s="388">
        <v>0</v>
      </c>
      <c r="FA10" s="384">
        <v>0</v>
      </c>
      <c r="FB10" s="385">
        <v>0</v>
      </c>
      <c r="FC10" s="389">
        <v>0</v>
      </c>
      <c r="FD10" s="391">
        <v>0</v>
      </c>
      <c r="FE10" s="385">
        <v>0</v>
      </c>
      <c r="FF10" s="385">
        <v>0</v>
      </c>
      <c r="FG10" s="385">
        <v>0</v>
      </c>
      <c r="FH10" s="385">
        <v>0</v>
      </c>
      <c r="FI10" s="385">
        <v>0</v>
      </c>
      <c r="FJ10" s="386">
        <v>0</v>
      </c>
      <c r="FK10" s="388">
        <v>0</v>
      </c>
      <c r="FL10" s="384">
        <v>2016978</v>
      </c>
      <c r="FM10" s="385">
        <v>5313638</v>
      </c>
      <c r="FN10" s="386">
        <v>7330616</v>
      </c>
      <c r="FO10" s="384">
        <v>0</v>
      </c>
      <c r="FP10" s="385">
        <v>5005656</v>
      </c>
      <c r="FQ10" s="385">
        <v>17352946</v>
      </c>
      <c r="FR10" s="385">
        <v>11485810</v>
      </c>
      <c r="FS10" s="385">
        <v>9961320</v>
      </c>
      <c r="FT10" s="385">
        <v>6003000</v>
      </c>
      <c r="FU10" s="386">
        <v>49808732</v>
      </c>
      <c r="FV10" s="388">
        <v>57139348</v>
      </c>
      <c r="FW10" s="392">
        <v>875432</v>
      </c>
      <c r="FX10" s="385">
        <v>3230984</v>
      </c>
      <c r="FY10" s="389">
        <v>4106416</v>
      </c>
      <c r="FZ10" s="390">
        <v>0</v>
      </c>
      <c r="GA10" s="385">
        <v>3308272</v>
      </c>
      <c r="GB10" s="385">
        <v>15541952</v>
      </c>
      <c r="GC10" s="385">
        <v>10631720</v>
      </c>
      <c r="GD10" s="385">
        <v>8842048</v>
      </c>
      <c r="GE10" s="385">
        <v>5857240</v>
      </c>
      <c r="GF10" s="386">
        <v>44181232</v>
      </c>
      <c r="GG10" s="393">
        <v>48287648</v>
      </c>
      <c r="GH10" s="392">
        <v>217546</v>
      </c>
      <c r="GI10" s="385">
        <v>256974</v>
      </c>
      <c r="GJ10" s="389">
        <v>474520</v>
      </c>
      <c r="GK10" s="390">
        <v>0</v>
      </c>
      <c r="GL10" s="385">
        <v>421640</v>
      </c>
      <c r="GM10" s="385">
        <v>459948</v>
      </c>
      <c r="GN10" s="385">
        <v>307770</v>
      </c>
      <c r="GO10" s="385">
        <v>349232</v>
      </c>
      <c r="GP10" s="385">
        <v>117760</v>
      </c>
      <c r="GQ10" s="386">
        <v>1656350</v>
      </c>
      <c r="GR10" s="388">
        <v>2130870</v>
      </c>
      <c r="GS10" s="384">
        <v>924000</v>
      </c>
      <c r="GT10" s="385">
        <v>1825680</v>
      </c>
      <c r="GU10" s="386">
        <v>2749680</v>
      </c>
      <c r="GV10" s="384">
        <v>0</v>
      </c>
      <c r="GW10" s="385">
        <v>1275744</v>
      </c>
      <c r="GX10" s="385">
        <v>1351046</v>
      </c>
      <c r="GY10" s="385">
        <v>546320</v>
      </c>
      <c r="GZ10" s="385">
        <v>770040</v>
      </c>
      <c r="HA10" s="385">
        <v>28000</v>
      </c>
      <c r="HB10" s="389">
        <v>3971150</v>
      </c>
      <c r="HC10" s="388">
        <v>6720830</v>
      </c>
      <c r="HD10" s="384">
        <v>3928120</v>
      </c>
      <c r="HE10" s="385">
        <v>7589917</v>
      </c>
      <c r="HF10" s="389">
        <v>11518037</v>
      </c>
      <c r="HG10" s="390">
        <v>0</v>
      </c>
      <c r="HH10" s="385">
        <v>34348379</v>
      </c>
      <c r="HI10" s="385">
        <v>44377083</v>
      </c>
      <c r="HJ10" s="385">
        <v>38516853</v>
      </c>
      <c r="HK10" s="385">
        <v>47820620</v>
      </c>
      <c r="HL10" s="385">
        <v>24754757</v>
      </c>
      <c r="HM10" s="386">
        <v>189817692</v>
      </c>
      <c r="HN10" s="387">
        <v>201335729</v>
      </c>
      <c r="HO10" s="450">
        <v>0</v>
      </c>
      <c r="HP10" s="451">
        <v>0</v>
      </c>
      <c r="HQ10" s="452">
        <v>0</v>
      </c>
      <c r="HR10" s="453">
        <v>0</v>
      </c>
      <c r="HS10" s="451">
        <v>0</v>
      </c>
      <c r="HT10" s="451">
        <v>0</v>
      </c>
      <c r="HU10" s="451">
        <v>0</v>
      </c>
      <c r="HV10" s="451">
        <v>0</v>
      </c>
      <c r="HW10" s="451">
        <v>0</v>
      </c>
      <c r="HX10" s="454">
        <v>0</v>
      </c>
      <c r="HY10" s="455">
        <v>0</v>
      </c>
      <c r="HZ10" s="394">
        <v>280481</v>
      </c>
      <c r="IA10" s="395">
        <v>367262</v>
      </c>
      <c r="IB10" s="396">
        <v>647743</v>
      </c>
      <c r="IC10" s="397">
        <v>0</v>
      </c>
      <c r="ID10" s="398">
        <v>29833148</v>
      </c>
      <c r="IE10" s="399">
        <v>48512842</v>
      </c>
      <c r="IF10" s="400">
        <v>43772003</v>
      </c>
      <c r="IG10" s="398">
        <v>32935963</v>
      </c>
      <c r="IH10" s="400">
        <v>22986975</v>
      </c>
      <c r="II10" s="401">
        <v>178040931</v>
      </c>
      <c r="IJ10" s="402">
        <v>178688674</v>
      </c>
      <c r="IK10" s="403">
        <v>0</v>
      </c>
      <c r="IL10" s="404">
        <v>0</v>
      </c>
      <c r="IM10" s="405">
        <v>0</v>
      </c>
      <c r="IN10" s="469">
        <v>0</v>
      </c>
      <c r="IO10" s="407">
        <v>312895</v>
      </c>
      <c r="IP10" s="407">
        <v>1644219</v>
      </c>
      <c r="IQ10" s="407">
        <v>1670847</v>
      </c>
      <c r="IR10" s="407">
        <v>3508412</v>
      </c>
      <c r="IS10" s="407">
        <v>1383197</v>
      </c>
      <c r="IT10" s="408">
        <v>8519570</v>
      </c>
      <c r="IU10" s="409">
        <v>8519570</v>
      </c>
      <c r="IV10" s="410">
        <v>0</v>
      </c>
      <c r="IW10" s="407">
        <v>0</v>
      </c>
      <c r="IX10" s="411">
        <v>0</v>
      </c>
      <c r="IY10" s="469">
        <v>0</v>
      </c>
      <c r="IZ10" s="407">
        <v>94303</v>
      </c>
      <c r="JA10" s="407">
        <v>524743</v>
      </c>
      <c r="JB10" s="407">
        <v>273594</v>
      </c>
      <c r="JC10" s="407">
        <v>1049213</v>
      </c>
      <c r="JD10" s="407">
        <v>470220</v>
      </c>
      <c r="JE10" s="411">
        <v>2412073</v>
      </c>
      <c r="JF10" s="412">
        <v>2412073</v>
      </c>
      <c r="JG10" s="410">
        <v>0</v>
      </c>
      <c r="JH10" s="407">
        <v>0</v>
      </c>
      <c r="JI10" s="408">
        <v>0</v>
      </c>
      <c r="JJ10" s="413">
        <v>0</v>
      </c>
      <c r="JK10" s="407">
        <v>14117236</v>
      </c>
      <c r="JL10" s="407">
        <v>19184739</v>
      </c>
      <c r="JM10" s="407">
        <v>13451278</v>
      </c>
      <c r="JN10" s="407">
        <v>6946546</v>
      </c>
      <c r="JO10" s="407">
        <v>3196566</v>
      </c>
      <c r="JP10" s="411">
        <v>56896365</v>
      </c>
      <c r="JQ10" s="409">
        <v>56896365</v>
      </c>
      <c r="JR10" s="410">
        <v>0</v>
      </c>
      <c r="JS10" s="407">
        <v>0</v>
      </c>
      <c r="JT10" s="408">
        <v>0</v>
      </c>
      <c r="JU10" s="413">
        <v>0</v>
      </c>
      <c r="JV10" s="407">
        <v>3141593</v>
      </c>
      <c r="JW10" s="407">
        <v>3511002</v>
      </c>
      <c r="JX10" s="407">
        <v>4669771</v>
      </c>
      <c r="JY10" s="407">
        <v>2720654</v>
      </c>
      <c r="JZ10" s="407">
        <v>1463551</v>
      </c>
      <c r="KA10" s="411">
        <v>15506571</v>
      </c>
      <c r="KB10" s="409">
        <v>15506571</v>
      </c>
      <c r="KC10" s="414">
        <v>280481</v>
      </c>
      <c r="KD10" s="415">
        <v>367262</v>
      </c>
      <c r="KE10" s="411">
        <v>647743</v>
      </c>
      <c r="KF10" s="413">
        <v>0</v>
      </c>
      <c r="KG10" s="407">
        <v>3811354</v>
      </c>
      <c r="KH10" s="407">
        <v>6914041</v>
      </c>
      <c r="KI10" s="407">
        <v>7734124</v>
      </c>
      <c r="KJ10" s="407">
        <v>4266433</v>
      </c>
      <c r="KK10" s="407">
        <v>2723780</v>
      </c>
      <c r="KL10" s="411">
        <v>25449732</v>
      </c>
      <c r="KM10" s="416">
        <v>26097475</v>
      </c>
      <c r="KN10" s="403">
        <v>0</v>
      </c>
      <c r="KO10" s="404">
        <v>0</v>
      </c>
      <c r="KP10" s="405">
        <v>0</v>
      </c>
      <c r="KQ10" s="469">
        <v>0</v>
      </c>
      <c r="KR10" s="407">
        <v>7821493</v>
      </c>
      <c r="KS10" s="407">
        <v>15261144</v>
      </c>
      <c r="KT10" s="407">
        <v>13719509</v>
      </c>
      <c r="KU10" s="407">
        <v>10712595</v>
      </c>
      <c r="KV10" s="407">
        <v>7597682</v>
      </c>
      <c r="KW10" s="411">
        <v>55112423</v>
      </c>
      <c r="KX10" s="409">
        <v>55112423</v>
      </c>
      <c r="KY10" s="410">
        <v>0</v>
      </c>
      <c r="KZ10" s="407">
        <v>0</v>
      </c>
      <c r="LA10" s="411">
        <v>0</v>
      </c>
      <c r="LB10" s="469">
        <v>0</v>
      </c>
      <c r="LC10" s="407">
        <v>0</v>
      </c>
      <c r="LD10" s="407">
        <v>0</v>
      </c>
      <c r="LE10" s="407">
        <v>0</v>
      </c>
      <c r="LF10" s="407">
        <v>0</v>
      </c>
      <c r="LG10" s="407">
        <v>0</v>
      </c>
      <c r="LH10" s="411">
        <v>0</v>
      </c>
      <c r="LI10" s="412">
        <v>0</v>
      </c>
      <c r="LJ10" s="410">
        <v>0</v>
      </c>
      <c r="LK10" s="407">
        <v>0</v>
      </c>
      <c r="LL10" s="411">
        <v>0</v>
      </c>
      <c r="LM10" s="469">
        <v>0</v>
      </c>
      <c r="LN10" s="407">
        <v>0</v>
      </c>
      <c r="LO10" s="407">
        <v>263737</v>
      </c>
      <c r="LP10" s="407">
        <v>878722</v>
      </c>
      <c r="LQ10" s="407">
        <v>867665</v>
      </c>
      <c r="LR10" s="407">
        <v>1056834</v>
      </c>
      <c r="LS10" s="411">
        <v>3066958</v>
      </c>
      <c r="LT10" s="409">
        <v>3066958</v>
      </c>
      <c r="LU10" s="410">
        <v>0</v>
      </c>
      <c r="LV10" s="407">
        <v>0</v>
      </c>
      <c r="LW10" s="411">
        <v>0</v>
      </c>
      <c r="LX10" s="469">
        <v>0</v>
      </c>
      <c r="LY10" s="407">
        <v>534274</v>
      </c>
      <c r="LZ10" s="407">
        <v>1209217</v>
      </c>
      <c r="MA10" s="407">
        <v>1374158</v>
      </c>
      <c r="MB10" s="407">
        <v>2864445</v>
      </c>
      <c r="MC10" s="407">
        <v>5095145</v>
      </c>
      <c r="MD10" s="411">
        <v>11077239</v>
      </c>
      <c r="ME10" s="412">
        <v>11077239</v>
      </c>
      <c r="MF10" s="410">
        <v>0</v>
      </c>
      <c r="MG10" s="407">
        <v>0</v>
      </c>
      <c r="MH10" s="411">
        <v>0</v>
      </c>
      <c r="MI10" s="469">
        <v>0</v>
      </c>
      <c r="MJ10" s="407">
        <v>11136159</v>
      </c>
      <c r="MK10" s="407">
        <v>39575604</v>
      </c>
      <c r="ML10" s="407">
        <v>95270979</v>
      </c>
      <c r="MM10" s="407">
        <v>126753012</v>
      </c>
      <c r="MN10" s="407">
        <v>70664536</v>
      </c>
      <c r="MO10" s="411">
        <v>343400290</v>
      </c>
      <c r="MP10" s="416">
        <v>343400290</v>
      </c>
      <c r="MQ10" s="410">
        <v>0</v>
      </c>
      <c r="MR10" s="407">
        <v>0</v>
      </c>
      <c r="MS10" s="411">
        <v>0</v>
      </c>
      <c r="MT10" s="469">
        <v>0</v>
      </c>
      <c r="MU10" s="407">
        <v>1970544</v>
      </c>
      <c r="MV10" s="407">
        <v>12171145</v>
      </c>
      <c r="MW10" s="407">
        <v>55700244</v>
      </c>
      <c r="MX10" s="407">
        <v>75202638</v>
      </c>
      <c r="MY10" s="407">
        <v>44281167</v>
      </c>
      <c r="MZ10" s="411">
        <v>189325738</v>
      </c>
      <c r="NA10" s="416">
        <v>189325738</v>
      </c>
      <c r="NB10" s="410">
        <v>0</v>
      </c>
      <c r="NC10" s="407">
        <v>0</v>
      </c>
      <c r="ND10" s="411">
        <v>0</v>
      </c>
      <c r="NE10" s="469">
        <v>0</v>
      </c>
      <c r="NF10" s="407">
        <v>9165615</v>
      </c>
      <c r="NG10" s="407">
        <v>27404459</v>
      </c>
      <c r="NH10" s="407">
        <v>39250045</v>
      </c>
      <c r="NI10" s="407">
        <v>49263892</v>
      </c>
      <c r="NJ10" s="407">
        <v>23597871</v>
      </c>
      <c r="NK10" s="411">
        <v>148681882</v>
      </c>
      <c r="NL10" s="409">
        <v>148681882</v>
      </c>
      <c r="NM10" s="410">
        <v>0</v>
      </c>
      <c r="NN10" s="407">
        <v>0</v>
      </c>
      <c r="NO10" s="411">
        <v>0</v>
      </c>
      <c r="NP10" s="469">
        <v>0</v>
      </c>
      <c r="NQ10" s="407">
        <v>0</v>
      </c>
      <c r="NR10" s="407">
        <v>0</v>
      </c>
      <c r="NS10" s="407">
        <v>0</v>
      </c>
      <c r="NT10" s="407">
        <v>1253201</v>
      </c>
      <c r="NU10" s="407">
        <v>688668</v>
      </c>
      <c r="NV10" s="411">
        <v>1941869</v>
      </c>
      <c r="NW10" s="412">
        <v>1941869</v>
      </c>
      <c r="NX10" s="410">
        <v>0</v>
      </c>
      <c r="NY10" s="407">
        <v>0</v>
      </c>
      <c r="NZ10" s="411">
        <v>0</v>
      </c>
      <c r="OA10" s="469">
        <v>0</v>
      </c>
      <c r="OB10" s="407">
        <v>0</v>
      </c>
      <c r="OC10" s="407">
        <v>0</v>
      </c>
      <c r="OD10" s="407">
        <v>320690</v>
      </c>
      <c r="OE10" s="407">
        <v>1033281</v>
      </c>
      <c r="OF10" s="407">
        <v>2096830</v>
      </c>
      <c r="OG10" s="411">
        <v>3450801</v>
      </c>
      <c r="OH10" s="412">
        <v>3450801</v>
      </c>
      <c r="OI10" s="410">
        <v>11496803</v>
      </c>
      <c r="OJ10" s="407">
        <v>27267126</v>
      </c>
      <c r="OK10" s="408">
        <v>38763929</v>
      </c>
      <c r="OL10" s="413">
        <v>0</v>
      </c>
      <c r="OM10" s="407">
        <v>155450660</v>
      </c>
      <c r="ON10" s="407">
        <v>271322040</v>
      </c>
      <c r="OO10" s="407">
        <v>288753228</v>
      </c>
      <c r="OP10" s="407">
        <v>301600117</v>
      </c>
      <c r="OQ10" s="407">
        <v>181788734</v>
      </c>
      <c r="OR10" s="411">
        <v>1198914779</v>
      </c>
      <c r="OS10" s="416">
        <v>1237678708</v>
      </c>
    </row>
    <row r="11" spans="1:409" ht="21" customHeight="1" x14ac:dyDescent="0.2">
      <c r="B11" s="437" t="s">
        <v>6</v>
      </c>
      <c r="C11" s="100">
        <v>3346252</v>
      </c>
      <c r="D11" s="104">
        <v>4722214</v>
      </c>
      <c r="E11" s="103">
        <v>8068466</v>
      </c>
      <c r="F11" s="99">
        <v>0</v>
      </c>
      <c r="G11" s="104">
        <v>45943361</v>
      </c>
      <c r="H11" s="104">
        <v>48689312</v>
      </c>
      <c r="I11" s="104">
        <v>38053533</v>
      </c>
      <c r="J11" s="104">
        <v>38889291</v>
      </c>
      <c r="K11" s="104">
        <v>27818970</v>
      </c>
      <c r="L11" s="99">
        <v>199394467</v>
      </c>
      <c r="M11" s="106">
        <v>207462933</v>
      </c>
      <c r="N11" s="100">
        <v>763122</v>
      </c>
      <c r="O11" s="104">
        <v>1883584</v>
      </c>
      <c r="P11" s="103">
        <v>2646706</v>
      </c>
      <c r="Q11" s="100">
        <v>0</v>
      </c>
      <c r="R11" s="104">
        <v>14924818</v>
      </c>
      <c r="S11" s="104">
        <v>15008959</v>
      </c>
      <c r="T11" s="104">
        <v>11070592</v>
      </c>
      <c r="U11" s="104">
        <v>12980021</v>
      </c>
      <c r="V11" s="104">
        <v>14094267</v>
      </c>
      <c r="W11" s="103">
        <v>68078657</v>
      </c>
      <c r="X11" s="106">
        <v>70725363</v>
      </c>
      <c r="Y11" s="100">
        <v>0</v>
      </c>
      <c r="Z11" s="104">
        <v>0</v>
      </c>
      <c r="AA11" s="103">
        <v>0</v>
      </c>
      <c r="AB11" s="100">
        <v>0</v>
      </c>
      <c r="AC11" s="104">
        <v>5967121</v>
      </c>
      <c r="AD11" s="104">
        <v>5386860</v>
      </c>
      <c r="AE11" s="104">
        <v>4719491</v>
      </c>
      <c r="AF11" s="104">
        <v>6155207</v>
      </c>
      <c r="AG11" s="104">
        <v>7588950</v>
      </c>
      <c r="AH11" s="103">
        <v>29817629</v>
      </c>
      <c r="AI11" s="106">
        <v>29817629</v>
      </c>
      <c r="AJ11" s="100">
        <v>0</v>
      </c>
      <c r="AK11" s="104">
        <v>0</v>
      </c>
      <c r="AL11" s="103">
        <v>0</v>
      </c>
      <c r="AM11" s="100">
        <v>0</v>
      </c>
      <c r="AN11" s="104">
        <v>109358</v>
      </c>
      <c r="AO11" s="104">
        <v>161614</v>
      </c>
      <c r="AP11" s="104">
        <v>271181</v>
      </c>
      <c r="AQ11" s="104">
        <v>408509</v>
      </c>
      <c r="AR11" s="104">
        <v>1831872</v>
      </c>
      <c r="AS11" s="103">
        <v>2782534</v>
      </c>
      <c r="AT11" s="106">
        <v>2782534</v>
      </c>
      <c r="AU11" s="100">
        <v>242520</v>
      </c>
      <c r="AV11" s="104">
        <v>1304154</v>
      </c>
      <c r="AW11" s="103">
        <v>1546674</v>
      </c>
      <c r="AX11" s="100">
        <v>0</v>
      </c>
      <c r="AY11" s="104">
        <v>5291402</v>
      </c>
      <c r="AZ11" s="104">
        <v>6105507</v>
      </c>
      <c r="BA11" s="104">
        <v>3393144</v>
      </c>
      <c r="BB11" s="104">
        <v>3353392</v>
      </c>
      <c r="BC11" s="104">
        <v>2915967</v>
      </c>
      <c r="BD11" s="103">
        <v>21059412</v>
      </c>
      <c r="BE11" s="106">
        <v>22606086</v>
      </c>
      <c r="BF11" s="100">
        <v>43866</v>
      </c>
      <c r="BG11" s="104">
        <v>137718</v>
      </c>
      <c r="BH11" s="102">
        <v>181584</v>
      </c>
      <c r="BI11" s="101">
        <v>0</v>
      </c>
      <c r="BJ11" s="104">
        <v>577065</v>
      </c>
      <c r="BK11" s="104">
        <v>457322</v>
      </c>
      <c r="BL11" s="104">
        <v>355968</v>
      </c>
      <c r="BM11" s="104">
        <v>353513</v>
      </c>
      <c r="BN11" s="104">
        <v>177960</v>
      </c>
      <c r="BO11" s="103">
        <v>1921828</v>
      </c>
      <c r="BP11" s="106">
        <v>2103412</v>
      </c>
      <c r="BQ11" s="100">
        <v>476736</v>
      </c>
      <c r="BR11" s="104">
        <v>441712</v>
      </c>
      <c r="BS11" s="103">
        <v>918448</v>
      </c>
      <c r="BT11" s="100">
        <v>0</v>
      </c>
      <c r="BU11" s="104">
        <v>2979872</v>
      </c>
      <c r="BV11" s="104">
        <v>2897656</v>
      </c>
      <c r="BW11" s="104">
        <v>2330808</v>
      </c>
      <c r="BX11" s="104">
        <v>2709400</v>
      </c>
      <c r="BY11" s="104">
        <v>1579518</v>
      </c>
      <c r="BZ11" s="103">
        <v>12497254</v>
      </c>
      <c r="CA11" s="106">
        <v>13415702</v>
      </c>
      <c r="CB11" s="100">
        <v>241851</v>
      </c>
      <c r="CC11" s="104">
        <v>477624</v>
      </c>
      <c r="CD11" s="103">
        <v>719475</v>
      </c>
      <c r="CE11" s="100">
        <v>0</v>
      </c>
      <c r="CF11" s="104">
        <v>12139488</v>
      </c>
      <c r="CG11" s="104">
        <v>16110680</v>
      </c>
      <c r="CH11" s="104">
        <v>8854077</v>
      </c>
      <c r="CI11" s="104">
        <v>5614506</v>
      </c>
      <c r="CJ11" s="104">
        <v>3032610</v>
      </c>
      <c r="CK11" s="103">
        <v>45751361</v>
      </c>
      <c r="CL11" s="106">
        <v>46470836</v>
      </c>
      <c r="CM11" s="100">
        <v>0</v>
      </c>
      <c r="CN11" s="104">
        <v>0</v>
      </c>
      <c r="CO11" s="103">
        <v>0</v>
      </c>
      <c r="CP11" s="101">
        <v>0</v>
      </c>
      <c r="CQ11" s="104">
        <v>9983235</v>
      </c>
      <c r="CR11" s="104">
        <v>12247798</v>
      </c>
      <c r="CS11" s="104">
        <v>6210651</v>
      </c>
      <c r="CT11" s="104">
        <v>4112909</v>
      </c>
      <c r="CU11" s="104">
        <v>2340268</v>
      </c>
      <c r="CV11" s="103">
        <v>34894861</v>
      </c>
      <c r="CW11" s="106">
        <v>34894861</v>
      </c>
      <c r="CX11" s="100">
        <v>241851</v>
      </c>
      <c r="CY11" s="104">
        <v>477624</v>
      </c>
      <c r="CZ11" s="103">
        <v>719475</v>
      </c>
      <c r="DA11" s="100">
        <v>0</v>
      </c>
      <c r="DB11" s="104">
        <v>2156253</v>
      </c>
      <c r="DC11" s="104">
        <v>3862882</v>
      </c>
      <c r="DD11" s="104">
        <v>2643426</v>
      </c>
      <c r="DE11" s="104">
        <v>1501597</v>
      </c>
      <c r="DF11" s="104">
        <v>692342</v>
      </c>
      <c r="DG11" s="103">
        <v>10856500</v>
      </c>
      <c r="DH11" s="106">
        <v>11575975</v>
      </c>
      <c r="DI11" s="100">
        <v>12776</v>
      </c>
      <c r="DJ11" s="104">
        <v>68064</v>
      </c>
      <c r="DK11" s="102">
        <v>80840</v>
      </c>
      <c r="DL11" s="101">
        <v>0</v>
      </c>
      <c r="DM11" s="104">
        <v>1096717</v>
      </c>
      <c r="DN11" s="104">
        <v>1833944</v>
      </c>
      <c r="DO11" s="104">
        <v>2643532</v>
      </c>
      <c r="DP11" s="104">
        <v>3024316</v>
      </c>
      <c r="DQ11" s="104">
        <v>1196761</v>
      </c>
      <c r="DR11" s="103">
        <v>9795270</v>
      </c>
      <c r="DS11" s="106">
        <v>9876110</v>
      </c>
      <c r="DT11" s="100">
        <v>12776</v>
      </c>
      <c r="DU11" s="104">
        <v>68064</v>
      </c>
      <c r="DV11" s="103">
        <v>80840</v>
      </c>
      <c r="DW11" s="100">
        <v>0</v>
      </c>
      <c r="DX11" s="104">
        <v>1031996</v>
      </c>
      <c r="DY11" s="104">
        <v>1438844</v>
      </c>
      <c r="DZ11" s="104">
        <v>2368072</v>
      </c>
      <c r="EA11" s="104">
        <v>2726328</v>
      </c>
      <c r="EB11" s="104">
        <v>840355</v>
      </c>
      <c r="EC11" s="103">
        <v>8405595</v>
      </c>
      <c r="ED11" s="106">
        <v>8486435</v>
      </c>
      <c r="EE11" s="100">
        <v>0</v>
      </c>
      <c r="EF11" s="102">
        <v>0</v>
      </c>
      <c r="EG11" s="103">
        <v>0</v>
      </c>
      <c r="EH11" s="100">
        <v>0</v>
      </c>
      <c r="EI11" s="104">
        <v>64721</v>
      </c>
      <c r="EJ11" s="104">
        <v>395100</v>
      </c>
      <c r="EK11" s="104">
        <v>275460</v>
      </c>
      <c r="EL11" s="104">
        <v>297988</v>
      </c>
      <c r="EM11" s="104">
        <v>356406</v>
      </c>
      <c r="EN11" s="102">
        <v>1389675</v>
      </c>
      <c r="EO11" s="106">
        <v>1389675</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06">
        <v>0</v>
      </c>
      <c r="FE11" s="104">
        <v>0</v>
      </c>
      <c r="FF11" s="104">
        <v>0</v>
      </c>
      <c r="FG11" s="104">
        <v>0</v>
      </c>
      <c r="FH11" s="104">
        <v>0</v>
      </c>
      <c r="FI11" s="104">
        <v>0</v>
      </c>
      <c r="FJ11" s="103">
        <v>0</v>
      </c>
      <c r="FK11" s="106">
        <v>0</v>
      </c>
      <c r="FL11" s="100">
        <v>691360</v>
      </c>
      <c r="FM11" s="104">
        <v>1253224</v>
      </c>
      <c r="FN11" s="103">
        <v>1944584</v>
      </c>
      <c r="FO11" s="100">
        <v>0</v>
      </c>
      <c r="FP11" s="104">
        <v>2283018</v>
      </c>
      <c r="FQ11" s="104">
        <v>4681112</v>
      </c>
      <c r="FR11" s="104">
        <v>3134123</v>
      </c>
      <c r="FS11" s="104">
        <v>2919340</v>
      </c>
      <c r="FT11" s="104">
        <v>2090800</v>
      </c>
      <c r="FU11" s="103">
        <v>15108393</v>
      </c>
      <c r="FV11" s="106">
        <v>17052977</v>
      </c>
      <c r="FW11" s="105">
        <v>424544</v>
      </c>
      <c r="FX11" s="104">
        <v>919592</v>
      </c>
      <c r="FY11" s="102">
        <v>1344136</v>
      </c>
      <c r="FZ11" s="101">
        <v>0</v>
      </c>
      <c r="GA11" s="104">
        <v>1705784</v>
      </c>
      <c r="GB11" s="104">
        <v>4395960</v>
      </c>
      <c r="GC11" s="104">
        <v>3023000</v>
      </c>
      <c r="GD11" s="104">
        <v>2696304</v>
      </c>
      <c r="GE11" s="104">
        <v>1842800</v>
      </c>
      <c r="GF11" s="103">
        <v>13663848</v>
      </c>
      <c r="GG11" s="290">
        <v>15007984</v>
      </c>
      <c r="GH11" s="105">
        <v>27720</v>
      </c>
      <c r="GI11" s="104">
        <v>54272</v>
      </c>
      <c r="GJ11" s="102">
        <v>81992</v>
      </c>
      <c r="GK11" s="101">
        <v>0</v>
      </c>
      <c r="GL11" s="104">
        <v>116546</v>
      </c>
      <c r="GM11" s="104">
        <v>92352</v>
      </c>
      <c r="GN11" s="104">
        <v>111123</v>
      </c>
      <c r="GO11" s="104">
        <v>69916</v>
      </c>
      <c r="GP11" s="104">
        <v>120000</v>
      </c>
      <c r="GQ11" s="103">
        <v>509937</v>
      </c>
      <c r="GR11" s="106">
        <v>591929</v>
      </c>
      <c r="GS11" s="100">
        <v>239096</v>
      </c>
      <c r="GT11" s="104">
        <v>279360</v>
      </c>
      <c r="GU11" s="103">
        <v>518456</v>
      </c>
      <c r="GV11" s="100">
        <v>0</v>
      </c>
      <c r="GW11" s="104">
        <v>460688</v>
      </c>
      <c r="GX11" s="104">
        <v>192800</v>
      </c>
      <c r="GY11" s="104">
        <v>0</v>
      </c>
      <c r="GZ11" s="104">
        <v>153120</v>
      </c>
      <c r="HA11" s="104">
        <v>128000</v>
      </c>
      <c r="HB11" s="102">
        <v>934608</v>
      </c>
      <c r="HC11" s="106">
        <v>1453064</v>
      </c>
      <c r="HD11" s="100">
        <v>1637143</v>
      </c>
      <c r="HE11" s="104">
        <v>1039718</v>
      </c>
      <c r="HF11" s="102">
        <v>2676861</v>
      </c>
      <c r="HG11" s="101">
        <v>0</v>
      </c>
      <c r="HH11" s="104">
        <v>15499320</v>
      </c>
      <c r="HI11" s="104">
        <v>11054617</v>
      </c>
      <c r="HJ11" s="104">
        <v>12351209</v>
      </c>
      <c r="HK11" s="104">
        <v>14351108</v>
      </c>
      <c r="HL11" s="104">
        <v>7404532</v>
      </c>
      <c r="HM11" s="103">
        <v>60660786</v>
      </c>
      <c r="HN11" s="99">
        <v>63337647</v>
      </c>
      <c r="HO11" s="456">
        <v>0</v>
      </c>
      <c r="HP11" s="457">
        <v>0</v>
      </c>
      <c r="HQ11" s="458">
        <v>0</v>
      </c>
      <c r="HR11" s="459">
        <v>0</v>
      </c>
      <c r="HS11" s="457">
        <v>0</v>
      </c>
      <c r="HT11" s="457">
        <v>0</v>
      </c>
      <c r="HU11" s="457">
        <v>0</v>
      </c>
      <c r="HV11" s="457">
        <v>0</v>
      </c>
      <c r="HW11" s="457">
        <v>0</v>
      </c>
      <c r="HX11" s="460">
        <v>0</v>
      </c>
      <c r="HY11" s="461">
        <v>0</v>
      </c>
      <c r="HZ11" s="118">
        <v>132255</v>
      </c>
      <c r="IA11" s="119">
        <v>78640</v>
      </c>
      <c r="IB11" s="120">
        <v>210895</v>
      </c>
      <c r="IC11" s="131">
        <v>0</v>
      </c>
      <c r="ID11" s="119">
        <v>14627353</v>
      </c>
      <c r="IE11" s="132">
        <v>15745456</v>
      </c>
      <c r="IF11" s="120">
        <v>12379107</v>
      </c>
      <c r="IG11" s="119">
        <v>17104368</v>
      </c>
      <c r="IH11" s="120">
        <v>6753908</v>
      </c>
      <c r="II11" s="133">
        <v>66610192</v>
      </c>
      <c r="IJ11" s="126">
        <v>66821087</v>
      </c>
      <c r="IK11" s="215">
        <v>0</v>
      </c>
      <c r="IL11" s="219">
        <v>0</v>
      </c>
      <c r="IM11" s="220">
        <v>0</v>
      </c>
      <c r="IN11" s="470">
        <v>0</v>
      </c>
      <c r="IO11" s="109">
        <v>243856</v>
      </c>
      <c r="IP11" s="109">
        <v>246488</v>
      </c>
      <c r="IQ11" s="109">
        <v>769305</v>
      </c>
      <c r="IR11" s="109">
        <v>1545824</v>
      </c>
      <c r="IS11" s="109">
        <v>513965</v>
      </c>
      <c r="IT11" s="128">
        <v>3319438</v>
      </c>
      <c r="IU11" s="292">
        <v>3319438</v>
      </c>
      <c r="IV11" s="129">
        <v>0</v>
      </c>
      <c r="IW11" s="109">
        <v>0</v>
      </c>
      <c r="IX11" s="110">
        <v>0</v>
      </c>
      <c r="IY11" s="470">
        <v>0</v>
      </c>
      <c r="IZ11" s="109">
        <v>49709</v>
      </c>
      <c r="JA11" s="109">
        <v>94739</v>
      </c>
      <c r="JB11" s="109">
        <v>354239</v>
      </c>
      <c r="JC11" s="109">
        <v>17800</v>
      </c>
      <c r="JD11" s="109">
        <v>246550</v>
      </c>
      <c r="JE11" s="110">
        <v>763037</v>
      </c>
      <c r="JF11" s="111">
        <v>763037</v>
      </c>
      <c r="JG11" s="129">
        <v>0</v>
      </c>
      <c r="JH11" s="109">
        <v>0</v>
      </c>
      <c r="JI11" s="128">
        <v>0</v>
      </c>
      <c r="JJ11" s="108">
        <v>0</v>
      </c>
      <c r="JK11" s="109">
        <v>4059586</v>
      </c>
      <c r="JL11" s="109">
        <v>3774873</v>
      </c>
      <c r="JM11" s="109">
        <v>1917531</v>
      </c>
      <c r="JN11" s="109">
        <v>2274098</v>
      </c>
      <c r="JO11" s="109">
        <v>952139</v>
      </c>
      <c r="JP11" s="110">
        <v>12978227</v>
      </c>
      <c r="JQ11" s="292">
        <v>12978227</v>
      </c>
      <c r="JR11" s="129">
        <v>0</v>
      </c>
      <c r="JS11" s="109">
        <v>0</v>
      </c>
      <c r="JT11" s="128">
        <v>0</v>
      </c>
      <c r="JU11" s="108">
        <v>0</v>
      </c>
      <c r="JV11" s="109">
        <v>1101865</v>
      </c>
      <c r="JW11" s="109">
        <v>1218566</v>
      </c>
      <c r="JX11" s="109">
        <v>1721249</v>
      </c>
      <c r="JY11" s="109">
        <v>1139085</v>
      </c>
      <c r="JZ11" s="109">
        <v>793879</v>
      </c>
      <c r="KA11" s="110">
        <v>5974644</v>
      </c>
      <c r="KB11" s="292">
        <v>5974644</v>
      </c>
      <c r="KC11" s="217">
        <v>132255</v>
      </c>
      <c r="KD11" s="213">
        <v>78640</v>
      </c>
      <c r="KE11" s="110">
        <v>210895</v>
      </c>
      <c r="KF11" s="108">
        <v>0</v>
      </c>
      <c r="KG11" s="109">
        <v>1568345</v>
      </c>
      <c r="KH11" s="109">
        <v>1762033</v>
      </c>
      <c r="KI11" s="109">
        <v>702070</v>
      </c>
      <c r="KJ11" s="109">
        <v>3164319</v>
      </c>
      <c r="KK11" s="109">
        <v>618191</v>
      </c>
      <c r="KL11" s="110">
        <v>7814958</v>
      </c>
      <c r="KM11" s="130">
        <v>8025853</v>
      </c>
      <c r="KN11" s="215">
        <v>0</v>
      </c>
      <c r="KO11" s="219">
        <v>0</v>
      </c>
      <c r="KP11" s="220">
        <v>0</v>
      </c>
      <c r="KQ11" s="470">
        <v>0</v>
      </c>
      <c r="KR11" s="109">
        <v>6223566</v>
      </c>
      <c r="KS11" s="109">
        <v>7938313</v>
      </c>
      <c r="KT11" s="109">
        <v>5699710</v>
      </c>
      <c r="KU11" s="109">
        <v>4789030</v>
      </c>
      <c r="KV11" s="109">
        <v>1781651</v>
      </c>
      <c r="KW11" s="110">
        <v>26432270</v>
      </c>
      <c r="KX11" s="292">
        <v>26432270</v>
      </c>
      <c r="KY11" s="129">
        <v>0</v>
      </c>
      <c r="KZ11" s="109">
        <v>0</v>
      </c>
      <c r="LA11" s="110">
        <v>0</v>
      </c>
      <c r="LB11" s="470">
        <v>0</v>
      </c>
      <c r="LC11" s="109">
        <v>0</v>
      </c>
      <c r="LD11" s="109">
        <v>0</v>
      </c>
      <c r="LE11" s="109">
        <v>0</v>
      </c>
      <c r="LF11" s="109">
        <v>0</v>
      </c>
      <c r="LG11" s="109">
        <v>0</v>
      </c>
      <c r="LH11" s="110">
        <v>0</v>
      </c>
      <c r="LI11" s="111">
        <v>0</v>
      </c>
      <c r="LJ11" s="129">
        <v>0</v>
      </c>
      <c r="LK11" s="109">
        <v>0</v>
      </c>
      <c r="LL11" s="110">
        <v>0</v>
      </c>
      <c r="LM11" s="470">
        <v>0</v>
      </c>
      <c r="LN11" s="109">
        <v>0</v>
      </c>
      <c r="LO11" s="109">
        <v>0</v>
      </c>
      <c r="LP11" s="109">
        <v>818337</v>
      </c>
      <c r="LQ11" s="109">
        <v>2030346</v>
      </c>
      <c r="LR11" s="109">
        <v>756246</v>
      </c>
      <c r="LS11" s="110">
        <v>3604929</v>
      </c>
      <c r="LT11" s="292">
        <v>3604929</v>
      </c>
      <c r="LU11" s="129">
        <v>0</v>
      </c>
      <c r="LV11" s="109">
        <v>0</v>
      </c>
      <c r="LW11" s="110">
        <v>0</v>
      </c>
      <c r="LX11" s="470">
        <v>0</v>
      </c>
      <c r="LY11" s="109">
        <v>1380426</v>
      </c>
      <c r="LZ11" s="109">
        <v>710444</v>
      </c>
      <c r="MA11" s="109">
        <v>396666</v>
      </c>
      <c r="MB11" s="109">
        <v>2143866</v>
      </c>
      <c r="MC11" s="109">
        <v>1091287</v>
      </c>
      <c r="MD11" s="110">
        <v>5722689</v>
      </c>
      <c r="ME11" s="111">
        <v>5722689</v>
      </c>
      <c r="MF11" s="129">
        <v>0</v>
      </c>
      <c r="MG11" s="109">
        <v>0</v>
      </c>
      <c r="MH11" s="110">
        <v>0</v>
      </c>
      <c r="MI11" s="470">
        <v>0</v>
      </c>
      <c r="MJ11" s="109">
        <v>2796099</v>
      </c>
      <c r="MK11" s="109">
        <v>4636753</v>
      </c>
      <c r="ML11" s="109">
        <v>20037570</v>
      </c>
      <c r="MM11" s="109">
        <v>29713312</v>
      </c>
      <c r="MN11" s="109">
        <v>20236066</v>
      </c>
      <c r="MO11" s="110">
        <v>77419800</v>
      </c>
      <c r="MP11" s="130">
        <v>77419800</v>
      </c>
      <c r="MQ11" s="129">
        <v>0</v>
      </c>
      <c r="MR11" s="109">
        <v>0</v>
      </c>
      <c r="MS11" s="110">
        <v>0</v>
      </c>
      <c r="MT11" s="470">
        <v>0</v>
      </c>
      <c r="MU11" s="109">
        <v>419065</v>
      </c>
      <c r="MV11" s="109">
        <v>1139907</v>
      </c>
      <c r="MW11" s="109">
        <v>11308888</v>
      </c>
      <c r="MX11" s="109">
        <v>20813659</v>
      </c>
      <c r="MY11" s="109">
        <v>11045362</v>
      </c>
      <c r="MZ11" s="110">
        <v>44726881</v>
      </c>
      <c r="NA11" s="130">
        <v>44726881</v>
      </c>
      <c r="NB11" s="129">
        <v>0</v>
      </c>
      <c r="NC11" s="109">
        <v>0</v>
      </c>
      <c r="ND11" s="110">
        <v>0</v>
      </c>
      <c r="NE11" s="470">
        <v>0</v>
      </c>
      <c r="NF11" s="109">
        <v>2377034</v>
      </c>
      <c r="NG11" s="109">
        <v>3496846</v>
      </c>
      <c r="NH11" s="109">
        <v>8728682</v>
      </c>
      <c r="NI11" s="109">
        <v>8307285</v>
      </c>
      <c r="NJ11" s="109">
        <v>7694221</v>
      </c>
      <c r="NK11" s="110">
        <v>30604068</v>
      </c>
      <c r="NL11" s="292">
        <v>30604068</v>
      </c>
      <c r="NM11" s="129">
        <v>0</v>
      </c>
      <c r="NN11" s="109">
        <v>0</v>
      </c>
      <c r="NO11" s="110">
        <v>0</v>
      </c>
      <c r="NP11" s="470">
        <v>0</v>
      </c>
      <c r="NQ11" s="109">
        <v>0</v>
      </c>
      <c r="NR11" s="109">
        <v>0</v>
      </c>
      <c r="NS11" s="109">
        <v>0</v>
      </c>
      <c r="NT11" s="109">
        <v>222950</v>
      </c>
      <c r="NU11" s="109">
        <v>314216</v>
      </c>
      <c r="NV11" s="110">
        <v>537166</v>
      </c>
      <c r="NW11" s="111">
        <v>537166</v>
      </c>
      <c r="NX11" s="129">
        <v>0</v>
      </c>
      <c r="NY11" s="109">
        <v>0</v>
      </c>
      <c r="NZ11" s="110">
        <v>0</v>
      </c>
      <c r="OA11" s="470">
        <v>0</v>
      </c>
      <c r="OB11" s="109">
        <v>0</v>
      </c>
      <c r="OC11" s="109">
        <v>0</v>
      </c>
      <c r="OD11" s="109">
        <v>0</v>
      </c>
      <c r="OE11" s="109">
        <v>369418</v>
      </c>
      <c r="OF11" s="109">
        <v>1182267</v>
      </c>
      <c r="OG11" s="110">
        <v>1551685</v>
      </c>
      <c r="OH11" s="111">
        <v>1551685</v>
      </c>
      <c r="OI11" s="129">
        <v>3478507</v>
      </c>
      <c r="OJ11" s="109">
        <v>4800854</v>
      </c>
      <c r="OK11" s="128">
        <v>8279361</v>
      </c>
      <c r="OL11" s="108">
        <v>0</v>
      </c>
      <c r="OM11" s="109">
        <v>63366813</v>
      </c>
      <c r="ON11" s="109">
        <v>69071521</v>
      </c>
      <c r="OO11" s="109">
        <v>70470210</v>
      </c>
      <c r="OP11" s="109">
        <v>85706971</v>
      </c>
      <c r="OQ11" s="109">
        <v>54808944</v>
      </c>
      <c r="OR11" s="110">
        <v>343424459</v>
      </c>
      <c r="OS11" s="130">
        <v>351703820</v>
      </c>
    </row>
    <row r="12" spans="1:409" ht="21" customHeight="1" x14ac:dyDescent="0.2">
      <c r="B12" s="437" t="s">
        <v>14</v>
      </c>
      <c r="C12" s="100">
        <v>1415764</v>
      </c>
      <c r="D12" s="104">
        <v>3361883</v>
      </c>
      <c r="E12" s="103">
        <v>4777647</v>
      </c>
      <c r="F12" s="99">
        <v>0</v>
      </c>
      <c r="G12" s="104">
        <v>16446897</v>
      </c>
      <c r="H12" s="104">
        <v>28620645</v>
      </c>
      <c r="I12" s="104">
        <v>26644080</v>
      </c>
      <c r="J12" s="104">
        <v>22315027</v>
      </c>
      <c r="K12" s="104">
        <v>13156295</v>
      </c>
      <c r="L12" s="102">
        <v>107182944</v>
      </c>
      <c r="M12" s="106">
        <v>111960591</v>
      </c>
      <c r="N12" s="100">
        <v>403088</v>
      </c>
      <c r="O12" s="104">
        <v>928598</v>
      </c>
      <c r="P12" s="103">
        <v>1331686</v>
      </c>
      <c r="Q12" s="100">
        <v>0</v>
      </c>
      <c r="R12" s="104">
        <v>4693553</v>
      </c>
      <c r="S12" s="104">
        <v>8344075</v>
      </c>
      <c r="T12" s="104">
        <v>8684891</v>
      </c>
      <c r="U12" s="104">
        <v>8943283</v>
      </c>
      <c r="V12" s="104">
        <v>7342158</v>
      </c>
      <c r="W12" s="103">
        <v>38007960</v>
      </c>
      <c r="X12" s="106">
        <v>39339646</v>
      </c>
      <c r="Y12" s="100">
        <v>0</v>
      </c>
      <c r="Z12" s="104">
        <v>0</v>
      </c>
      <c r="AA12" s="103">
        <v>0</v>
      </c>
      <c r="AB12" s="100">
        <v>0</v>
      </c>
      <c r="AC12" s="104">
        <v>2048217</v>
      </c>
      <c r="AD12" s="104">
        <v>3963630</v>
      </c>
      <c r="AE12" s="104">
        <v>3829778</v>
      </c>
      <c r="AF12" s="104">
        <v>5508361</v>
      </c>
      <c r="AG12" s="104">
        <v>4652085</v>
      </c>
      <c r="AH12" s="103">
        <v>20002071</v>
      </c>
      <c r="AI12" s="106">
        <v>20002071</v>
      </c>
      <c r="AJ12" s="100">
        <v>0</v>
      </c>
      <c r="AK12" s="104">
        <v>0</v>
      </c>
      <c r="AL12" s="103">
        <v>0</v>
      </c>
      <c r="AM12" s="100">
        <v>0</v>
      </c>
      <c r="AN12" s="104">
        <v>0</v>
      </c>
      <c r="AO12" s="104">
        <v>23690</v>
      </c>
      <c r="AP12" s="104">
        <v>288123</v>
      </c>
      <c r="AQ12" s="104">
        <v>311760</v>
      </c>
      <c r="AR12" s="104">
        <v>355331</v>
      </c>
      <c r="AS12" s="103">
        <v>978904</v>
      </c>
      <c r="AT12" s="106">
        <v>978904</v>
      </c>
      <c r="AU12" s="100">
        <v>158608</v>
      </c>
      <c r="AV12" s="104">
        <v>629759</v>
      </c>
      <c r="AW12" s="103">
        <v>788367</v>
      </c>
      <c r="AX12" s="100">
        <v>0</v>
      </c>
      <c r="AY12" s="104">
        <v>1635104</v>
      </c>
      <c r="AZ12" s="104">
        <v>2846579</v>
      </c>
      <c r="BA12" s="104">
        <v>2715357</v>
      </c>
      <c r="BB12" s="104">
        <v>1513290</v>
      </c>
      <c r="BC12" s="104">
        <v>1420318</v>
      </c>
      <c r="BD12" s="103">
        <v>10130648</v>
      </c>
      <c r="BE12" s="106">
        <v>10919015</v>
      </c>
      <c r="BF12" s="100">
        <v>0</v>
      </c>
      <c r="BG12" s="104">
        <v>86215</v>
      </c>
      <c r="BH12" s="102">
        <v>86215</v>
      </c>
      <c r="BI12" s="101">
        <v>0</v>
      </c>
      <c r="BJ12" s="104">
        <v>0</v>
      </c>
      <c r="BK12" s="104">
        <v>70704</v>
      </c>
      <c r="BL12" s="104">
        <v>143409</v>
      </c>
      <c r="BM12" s="104">
        <v>183264</v>
      </c>
      <c r="BN12" s="104">
        <v>69920</v>
      </c>
      <c r="BO12" s="103">
        <v>467297</v>
      </c>
      <c r="BP12" s="106">
        <v>553512</v>
      </c>
      <c r="BQ12" s="100">
        <v>244480</v>
      </c>
      <c r="BR12" s="104">
        <v>212624</v>
      </c>
      <c r="BS12" s="103">
        <v>457104</v>
      </c>
      <c r="BT12" s="100">
        <v>0</v>
      </c>
      <c r="BU12" s="104">
        <v>1010232</v>
      </c>
      <c r="BV12" s="104">
        <v>1439472</v>
      </c>
      <c r="BW12" s="104">
        <v>1708224</v>
      </c>
      <c r="BX12" s="104">
        <v>1426608</v>
      </c>
      <c r="BY12" s="104">
        <v>844504</v>
      </c>
      <c r="BZ12" s="103">
        <v>6429040</v>
      </c>
      <c r="CA12" s="106">
        <v>6886144</v>
      </c>
      <c r="CB12" s="100">
        <v>103807</v>
      </c>
      <c r="CC12" s="104">
        <v>457112</v>
      </c>
      <c r="CD12" s="103">
        <v>560919</v>
      </c>
      <c r="CE12" s="100">
        <v>0</v>
      </c>
      <c r="CF12" s="104">
        <v>5725508</v>
      </c>
      <c r="CG12" s="104">
        <v>8884758</v>
      </c>
      <c r="CH12" s="104">
        <v>7642279</v>
      </c>
      <c r="CI12" s="104">
        <v>3822609</v>
      </c>
      <c r="CJ12" s="104">
        <v>1147894</v>
      </c>
      <c r="CK12" s="103">
        <v>27223048</v>
      </c>
      <c r="CL12" s="106">
        <v>27783967</v>
      </c>
      <c r="CM12" s="100">
        <v>0</v>
      </c>
      <c r="CN12" s="104">
        <v>0</v>
      </c>
      <c r="CO12" s="103">
        <v>0</v>
      </c>
      <c r="CP12" s="101">
        <v>0</v>
      </c>
      <c r="CQ12" s="104">
        <v>4986618</v>
      </c>
      <c r="CR12" s="104">
        <v>6906342</v>
      </c>
      <c r="CS12" s="104">
        <v>6683890</v>
      </c>
      <c r="CT12" s="104">
        <v>2776233</v>
      </c>
      <c r="CU12" s="104">
        <v>1147894</v>
      </c>
      <c r="CV12" s="103">
        <v>22500977</v>
      </c>
      <c r="CW12" s="106">
        <v>22500977</v>
      </c>
      <c r="CX12" s="100">
        <v>103807</v>
      </c>
      <c r="CY12" s="104">
        <v>457112</v>
      </c>
      <c r="CZ12" s="103">
        <v>560919</v>
      </c>
      <c r="DA12" s="100">
        <v>0</v>
      </c>
      <c r="DB12" s="104">
        <v>738890</v>
      </c>
      <c r="DC12" s="104">
        <v>1978416</v>
      </c>
      <c r="DD12" s="104">
        <v>958389</v>
      </c>
      <c r="DE12" s="104">
        <v>1046376</v>
      </c>
      <c r="DF12" s="104">
        <v>0</v>
      </c>
      <c r="DG12" s="103">
        <v>4722071</v>
      </c>
      <c r="DH12" s="106">
        <v>5282990</v>
      </c>
      <c r="DI12" s="100">
        <v>0</v>
      </c>
      <c r="DJ12" s="104">
        <v>142568</v>
      </c>
      <c r="DK12" s="102">
        <v>142568</v>
      </c>
      <c r="DL12" s="101">
        <v>0</v>
      </c>
      <c r="DM12" s="104">
        <v>484705</v>
      </c>
      <c r="DN12" s="104">
        <v>1653963</v>
      </c>
      <c r="DO12" s="104">
        <v>2680304</v>
      </c>
      <c r="DP12" s="104">
        <v>2246363</v>
      </c>
      <c r="DQ12" s="104">
        <v>470164</v>
      </c>
      <c r="DR12" s="103">
        <v>7535499</v>
      </c>
      <c r="DS12" s="106">
        <v>7678067</v>
      </c>
      <c r="DT12" s="100">
        <v>0</v>
      </c>
      <c r="DU12" s="104">
        <v>142568</v>
      </c>
      <c r="DV12" s="103">
        <v>142568</v>
      </c>
      <c r="DW12" s="100">
        <v>0</v>
      </c>
      <c r="DX12" s="104">
        <v>484705</v>
      </c>
      <c r="DY12" s="104">
        <v>1520131</v>
      </c>
      <c r="DZ12" s="104">
        <v>2680304</v>
      </c>
      <c r="EA12" s="104">
        <v>2209314</v>
      </c>
      <c r="EB12" s="104">
        <v>416032</v>
      </c>
      <c r="EC12" s="103">
        <v>7310486</v>
      </c>
      <c r="ED12" s="106">
        <v>7453054</v>
      </c>
      <c r="EE12" s="100">
        <v>0</v>
      </c>
      <c r="EF12" s="102">
        <v>0</v>
      </c>
      <c r="EG12" s="103">
        <v>0</v>
      </c>
      <c r="EH12" s="100">
        <v>0</v>
      </c>
      <c r="EI12" s="104">
        <v>0</v>
      </c>
      <c r="EJ12" s="104">
        <v>133832</v>
      </c>
      <c r="EK12" s="104">
        <v>0</v>
      </c>
      <c r="EL12" s="104">
        <v>37049</v>
      </c>
      <c r="EM12" s="104">
        <v>54132</v>
      </c>
      <c r="EN12" s="102">
        <v>225013</v>
      </c>
      <c r="EO12" s="106">
        <v>225013</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06">
        <v>0</v>
      </c>
      <c r="FE12" s="104">
        <v>0</v>
      </c>
      <c r="FF12" s="104">
        <v>0</v>
      </c>
      <c r="FG12" s="104">
        <v>0</v>
      </c>
      <c r="FH12" s="104">
        <v>0</v>
      </c>
      <c r="FI12" s="104">
        <v>0</v>
      </c>
      <c r="FJ12" s="103">
        <v>0</v>
      </c>
      <c r="FK12" s="106">
        <v>0</v>
      </c>
      <c r="FL12" s="100">
        <v>189616</v>
      </c>
      <c r="FM12" s="104">
        <v>1085016</v>
      </c>
      <c r="FN12" s="103">
        <v>1274632</v>
      </c>
      <c r="FO12" s="100">
        <v>0</v>
      </c>
      <c r="FP12" s="104">
        <v>994016</v>
      </c>
      <c r="FQ12" s="104">
        <v>3343176</v>
      </c>
      <c r="FR12" s="104">
        <v>2404512</v>
      </c>
      <c r="FS12" s="104">
        <v>1781256</v>
      </c>
      <c r="FT12" s="104">
        <v>1113096</v>
      </c>
      <c r="FU12" s="103">
        <v>9636056</v>
      </c>
      <c r="FV12" s="106">
        <v>10910688</v>
      </c>
      <c r="FW12" s="105">
        <v>174832</v>
      </c>
      <c r="FX12" s="104">
        <v>750616</v>
      </c>
      <c r="FY12" s="102">
        <v>925448</v>
      </c>
      <c r="FZ12" s="101">
        <v>0</v>
      </c>
      <c r="GA12" s="104">
        <v>724016</v>
      </c>
      <c r="GB12" s="104">
        <v>2830296</v>
      </c>
      <c r="GC12" s="104">
        <v>2126544</v>
      </c>
      <c r="GD12" s="104">
        <v>1564456</v>
      </c>
      <c r="GE12" s="104">
        <v>1033096</v>
      </c>
      <c r="GF12" s="103">
        <v>8278408</v>
      </c>
      <c r="GG12" s="290">
        <v>9203856</v>
      </c>
      <c r="GH12" s="105">
        <v>14784</v>
      </c>
      <c r="GI12" s="104">
        <v>14400</v>
      </c>
      <c r="GJ12" s="102">
        <v>29184</v>
      </c>
      <c r="GK12" s="101">
        <v>0</v>
      </c>
      <c r="GL12" s="104">
        <v>26400</v>
      </c>
      <c r="GM12" s="104">
        <v>68304</v>
      </c>
      <c r="GN12" s="104">
        <v>30624</v>
      </c>
      <c r="GO12" s="104">
        <v>56800</v>
      </c>
      <c r="GP12" s="104">
        <v>80000</v>
      </c>
      <c r="GQ12" s="103">
        <v>262128</v>
      </c>
      <c r="GR12" s="106">
        <v>291312</v>
      </c>
      <c r="GS12" s="100">
        <v>0</v>
      </c>
      <c r="GT12" s="104">
        <v>320000</v>
      </c>
      <c r="GU12" s="103">
        <v>320000</v>
      </c>
      <c r="GV12" s="100">
        <v>0</v>
      </c>
      <c r="GW12" s="104">
        <v>243600</v>
      </c>
      <c r="GX12" s="104">
        <v>444576</v>
      </c>
      <c r="GY12" s="104">
        <v>247344</v>
      </c>
      <c r="GZ12" s="104">
        <v>160000</v>
      </c>
      <c r="HA12" s="104">
        <v>0</v>
      </c>
      <c r="HB12" s="102">
        <v>1095520</v>
      </c>
      <c r="HC12" s="106">
        <v>1415520</v>
      </c>
      <c r="HD12" s="100">
        <v>719253</v>
      </c>
      <c r="HE12" s="104">
        <v>748589</v>
      </c>
      <c r="HF12" s="102">
        <v>1467842</v>
      </c>
      <c r="HG12" s="101">
        <v>0</v>
      </c>
      <c r="HH12" s="104">
        <v>4549115</v>
      </c>
      <c r="HI12" s="104">
        <v>6394673</v>
      </c>
      <c r="HJ12" s="104">
        <v>5232094</v>
      </c>
      <c r="HK12" s="104">
        <v>5521516</v>
      </c>
      <c r="HL12" s="104">
        <v>3082983</v>
      </c>
      <c r="HM12" s="103">
        <v>24780381</v>
      </c>
      <c r="HN12" s="99">
        <v>26248223</v>
      </c>
      <c r="HO12" s="456">
        <v>0</v>
      </c>
      <c r="HP12" s="457">
        <v>0</v>
      </c>
      <c r="HQ12" s="458">
        <v>0</v>
      </c>
      <c r="HR12" s="459">
        <v>0</v>
      </c>
      <c r="HS12" s="457">
        <v>0</v>
      </c>
      <c r="HT12" s="457">
        <v>0</v>
      </c>
      <c r="HU12" s="457">
        <v>0</v>
      </c>
      <c r="HV12" s="457">
        <v>0</v>
      </c>
      <c r="HW12" s="457">
        <v>0</v>
      </c>
      <c r="HX12" s="460">
        <v>0</v>
      </c>
      <c r="HY12" s="461">
        <v>0</v>
      </c>
      <c r="HZ12" s="118">
        <v>0</v>
      </c>
      <c r="IA12" s="119">
        <v>67012</v>
      </c>
      <c r="IB12" s="120">
        <v>67012</v>
      </c>
      <c r="IC12" s="121">
        <v>0</v>
      </c>
      <c r="ID12" s="122">
        <v>5241474</v>
      </c>
      <c r="IE12" s="123">
        <v>7114746</v>
      </c>
      <c r="IF12" s="124">
        <v>8996224</v>
      </c>
      <c r="IG12" s="122">
        <v>5520810</v>
      </c>
      <c r="IH12" s="124">
        <v>3574451</v>
      </c>
      <c r="II12" s="125">
        <v>30447705</v>
      </c>
      <c r="IJ12" s="126">
        <v>30514717</v>
      </c>
      <c r="IK12" s="215">
        <v>0</v>
      </c>
      <c r="IL12" s="219">
        <v>0</v>
      </c>
      <c r="IM12" s="220">
        <v>0</v>
      </c>
      <c r="IN12" s="470">
        <v>0</v>
      </c>
      <c r="IO12" s="109">
        <v>0</v>
      </c>
      <c r="IP12" s="109">
        <v>220172</v>
      </c>
      <c r="IQ12" s="109">
        <v>142289</v>
      </c>
      <c r="IR12" s="109">
        <v>418067</v>
      </c>
      <c r="IS12" s="109">
        <v>247602</v>
      </c>
      <c r="IT12" s="128">
        <v>1028130</v>
      </c>
      <c r="IU12" s="292">
        <v>1028130</v>
      </c>
      <c r="IV12" s="129">
        <v>0</v>
      </c>
      <c r="IW12" s="109">
        <v>0</v>
      </c>
      <c r="IX12" s="110">
        <v>0</v>
      </c>
      <c r="IY12" s="470">
        <v>0</v>
      </c>
      <c r="IZ12" s="109">
        <v>0</v>
      </c>
      <c r="JA12" s="109">
        <v>0</v>
      </c>
      <c r="JB12" s="109">
        <v>0</v>
      </c>
      <c r="JC12" s="109">
        <v>0</v>
      </c>
      <c r="JD12" s="109">
        <v>0</v>
      </c>
      <c r="JE12" s="110">
        <v>0</v>
      </c>
      <c r="JF12" s="111">
        <v>0</v>
      </c>
      <c r="JG12" s="129">
        <v>0</v>
      </c>
      <c r="JH12" s="109">
        <v>0</v>
      </c>
      <c r="JI12" s="128">
        <v>0</v>
      </c>
      <c r="JJ12" s="108">
        <v>0</v>
      </c>
      <c r="JK12" s="109">
        <v>2535981</v>
      </c>
      <c r="JL12" s="109">
        <v>3596717</v>
      </c>
      <c r="JM12" s="109">
        <v>3012851</v>
      </c>
      <c r="JN12" s="109">
        <v>1234117</v>
      </c>
      <c r="JO12" s="109">
        <v>692118</v>
      </c>
      <c r="JP12" s="110">
        <v>11071784</v>
      </c>
      <c r="JQ12" s="292">
        <v>11071784</v>
      </c>
      <c r="JR12" s="129">
        <v>0</v>
      </c>
      <c r="JS12" s="109">
        <v>0</v>
      </c>
      <c r="JT12" s="128">
        <v>0</v>
      </c>
      <c r="JU12" s="108">
        <v>0</v>
      </c>
      <c r="JV12" s="109">
        <v>39655</v>
      </c>
      <c r="JW12" s="109">
        <v>169178</v>
      </c>
      <c r="JX12" s="109">
        <v>139254</v>
      </c>
      <c r="JY12" s="109">
        <v>0</v>
      </c>
      <c r="JZ12" s="109">
        <v>0</v>
      </c>
      <c r="KA12" s="110">
        <v>348087</v>
      </c>
      <c r="KB12" s="292">
        <v>348087</v>
      </c>
      <c r="KC12" s="217">
        <v>0</v>
      </c>
      <c r="KD12" s="213">
        <v>67012</v>
      </c>
      <c r="KE12" s="110">
        <v>67012</v>
      </c>
      <c r="KF12" s="108">
        <v>0</v>
      </c>
      <c r="KG12" s="109">
        <v>1197897</v>
      </c>
      <c r="KH12" s="109">
        <v>774595</v>
      </c>
      <c r="KI12" s="109">
        <v>1380431</v>
      </c>
      <c r="KJ12" s="109">
        <v>689504</v>
      </c>
      <c r="KK12" s="109">
        <v>585325</v>
      </c>
      <c r="KL12" s="110">
        <v>4627752</v>
      </c>
      <c r="KM12" s="130">
        <v>4694764</v>
      </c>
      <c r="KN12" s="215">
        <v>0</v>
      </c>
      <c r="KO12" s="219">
        <v>0</v>
      </c>
      <c r="KP12" s="220">
        <v>0</v>
      </c>
      <c r="KQ12" s="470">
        <v>0</v>
      </c>
      <c r="KR12" s="109">
        <v>1325413</v>
      </c>
      <c r="KS12" s="109">
        <v>1992618</v>
      </c>
      <c r="KT12" s="109">
        <v>3863931</v>
      </c>
      <c r="KU12" s="109">
        <v>2478265</v>
      </c>
      <c r="KV12" s="109">
        <v>1365120</v>
      </c>
      <c r="KW12" s="110">
        <v>11025347</v>
      </c>
      <c r="KX12" s="292">
        <v>11025347</v>
      </c>
      <c r="KY12" s="129">
        <v>0</v>
      </c>
      <c r="KZ12" s="109">
        <v>0</v>
      </c>
      <c r="LA12" s="110">
        <v>0</v>
      </c>
      <c r="LB12" s="470">
        <v>0</v>
      </c>
      <c r="LC12" s="109">
        <v>0</v>
      </c>
      <c r="LD12" s="109">
        <v>0</v>
      </c>
      <c r="LE12" s="109">
        <v>0</v>
      </c>
      <c r="LF12" s="109">
        <v>0</v>
      </c>
      <c r="LG12" s="109">
        <v>0</v>
      </c>
      <c r="LH12" s="110">
        <v>0</v>
      </c>
      <c r="LI12" s="111">
        <v>0</v>
      </c>
      <c r="LJ12" s="129">
        <v>0</v>
      </c>
      <c r="LK12" s="109">
        <v>0</v>
      </c>
      <c r="LL12" s="110">
        <v>0</v>
      </c>
      <c r="LM12" s="470">
        <v>0</v>
      </c>
      <c r="LN12" s="109">
        <v>0</v>
      </c>
      <c r="LO12" s="109">
        <v>0</v>
      </c>
      <c r="LP12" s="109">
        <v>457468</v>
      </c>
      <c r="LQ12" s="109">
        <v>284326</v>
      </c>
      <c r="LR12" s="109">
        <v>0</v>
      </c>
      <c r="LS12" s="110">
        <v>741794</v>
      </c>
      <c r="LT12" s="292">
        <v>741794</v>
      </c>
      <c r="LU12" s="129">
        <v>0</v>
      </c>
      <c r="LV12" s="109">
        <v>0</v>
      </c>
      <c r="LW12" s="110">
        <v>0</v>
      </c>
      <c r="LX12" s="470">
        <v>0</v>
      </c>
      <c r="LY12" s="109">
        <v>142528</v>
      </c>
      <c r="LZ12" s="109">
        <v>361466</v>
      </c>
      <c r="MA12" s="109">
        <v>0</v>
      </c>
      <c r="MB12" s="109">
        <v>416531</v>
      </c>
      <c r="MC12" s="109">
        <v>684286</v>
      </c>
      <c r="MD12" s="110">
        <v>1604811</v>
      </c>
      <c r="ME12" s="111">
        <v>1604811</v>
      </c>
      <c r="MF12" s="129">
        <v>0</v>
      </c>
      <c r="MG12" s="109">
        <v>0</v>
      </c>
      <c r="MH12" s="110">
        <v>0</v>
      </c>
      <c r="MI12" s="470">
        <v>0</v>
      </c>
      <c r="MJ12" s="109">
        <v>-801</v>
      </c>
      <c r="MK12" s="109">
        <v>2376666</v>
      </c>
      <c r="ML12" s="109">
        <v>13028894</v>
      </c>
      <c r="MM12" s="109">
        <v>16729795</v>
      </c>
      <c r="MN12" s="109">
        <v>14031021</v>
      </c>
      <c r="MO12" s="110">
        <v>46165575</v>
      </c>
      <c r="MP12" s="130">
        <v>46165575</v>
      </c>
      <c r="MQ12" s="129">
        <v>0</v>
      </c>
      <c r="MR12" s="109">
        <v>0</v>
      </c>
      <c r="MS12" s="110">
        <v>0</v>
      </c>
      <c r="MT12" s="470">
        <v>0</v>
      </c>
      <c r="MU12" s="109">
        <v>0</v>
      </c>
      <c r="MV12" s="109">
        <v>0</v>
      </c>
      <c r="MW12" s="109">
        <v>9144337</v>
      </c>
      <c r="MX12" s="109">
        <v>12996436</v>
      </c>
      <c r="MY12" s="109">
        <v>8135047</v>
      </c>
      <c r="MZ12" s="110">
        <v>30275820</v>
      </c>
      <c r="NA12" s="130">
        <v>30275820</v>
      </c>
      <c r="NB12" s="129">
        <v>0</v>
      </c>
      <c r="NC12" s="109">
        <v>0</v>
      </c>
      <c r="ND12" s="110">
        <v>0</v>
      </c>
      <c r="NE12" s="470">
        <v>0</v>
      </c>
      <c r="NF12" s="109">
        <v>-801</v>
      </c>
      <c r="NG12" s="109">
        <v>2376666</v>
      </c>
      <c r="NH12" s="109">
        <v>3884557</v>
      </c>
      <c r="NI12" s="109">
        <v>3374507</v>
      </c>
      <c r="NJ12" s="109">
        <v>3177075</v>
      </c>
      <c r="NK12" s="110">
        <v>12812004</v>
      </c>
      <c r="NL12" s="292">
        <v>12812004</v>
      </c>
      <c r="NM12" s="129">
        <v>0</v>
      </c>
      <c r="NN12" s="109">
        <v>0</v>
      </c>
      <c r="NO12" s="110">
        <v>0</v>
      </c>
      <c r="NP12" s="470">
        <v>0</v>
      </c>
      <c r="NQ12" s="109">
        <v>0</v>
      </c>
      <c r="NR12" s="109">
        <v>0</v>
      </c>
      <c r="NS12" s="109">
        <v>0</v>
      </c>
      <c r="NT12" s="109">
        <v>0</v>
      </c>
      <c r="NU12" s="109">
        <v>311156</v>
      </c>
      <c r="NV12" s="110">
        <v>311156</v>
      </c>
      <c r="NW12" s="111">
        <v>311156</v>
      </c>
      <c r="NX12" s="129">
        <v>0</v>
      </c>
      <c r="NY12" s="109">
        <v>0</v>
      </c>
      <c r="NZ12" s="110">
        <v>0</v>
      </c>
      <c r="OA12" s="470">
        <v>0</v>
      </c>
      <c r="OB12" s="109">
        <v>0</v>
      </c>
      <c r="OC12" s="109">
        <v>0</v>
      </c>
      <c r="OD12" s="109">
        <v>0</v>
      </c>
      <c r="OE12" s="109">
        <v>358852</v>
      </c>
      <c r="OF12" s="109">
        <v>2407743</v>
      </c>
      <c r="OG12" s="110">
        <v>2766595</v>
      </c>
      <c r="OH12" s="111">
        <v>2766595</v>
      </c>
      <c r="OI12" s="129">
        <v>1415764</v>
      </c>
      <c r="OJ12" s="109">
        <v>3428895</v>
      </c>
      <c r="OK12" s="128">
        <v>4844659</v>
      </c>
      <c r="OL12" s="108">
        <v>0</v>
      </c>
      <c r="OM12" s="109">
        <v>21687570</v>
      </c>
      <c r="ON12" s="109">
        <v>38112057</v>
      </c>
      <c r="OO12" s="109">
        <v>48669198</v>
      </c>
      <c r="OP12" s="109">
        <v>44565632</v>
      </c>
      <c r="OQ12" s="109">
        <v>30761767</v>
      </c>
      <c r="OR12" s="110">
        <v>183796224</v>
      </c>
      <c r="OS12" s="130">
        <v>188640883</v>
      </c>
    </row>
    <row r="13" spans="1:409" ht="21" customHeight="1" x14ac:dyDescent="0.2">
      <c r="B13" s="437" t="s">
        <v>7</v>
      </c>
      <c r="C13" s="100">
        <v>1046910</v>
      </c>
      <c r="D13" s="104">
        <v>1877272</v>
      </c>
      <c r="E13" s="103">
        <v>2924182</v>
      </c>
      <c r="F13" s="99">
        <v>0</v>
      </c>
      <c r="G13" s="104">
        <v>23538042</v>
      </c>
      <c r="H13" s="104">
        <v>25840964</v>
      </c>
      <c r="I13" s="104">
        <v>18519182</v>
      </c>
      <c r="J13" s="104">
        <v>16267152</v>
      </c>
      <c r="K13" s="104">
        <v>12868071</v>
      </c>
      <c r="L13" s="99">
        <v>97033411</v>
      </c>
      <c r="M13" s="106">
        <v>99957593</v>
      </c>
      <c r="N13" s="100">
        <v>244543</v>
      </c>
      <c r="O13" s="104">
        <v>238307</v>
      </c>
      <c r="P13" s="103">
        <v>482850</v>
      </c>
      <c r="Q13" s="100">
        <v>0</v>
      </c>
      <c r="R13" s="104">
        <v>6924877</v>
      </c>
      <c r="S13" s="104">
        <v>7256397</v>
      </c>
      <c r="T13" s="104">
        <v>6242257</v>
      </c>
      <c r="U13" s="104">
        <v>6224290</v>
      </c>
      <c r="V13" s="104">
        <v>6785148</v>
      </c>
      <c r="W13" s="103">
        <v>33432969</v>
      </c>
      <c r="X13" s="106">
        <v>33915819</v>
      </c>
      <c r="Y13" s="100">
        <v>0</v>
      </c>
      <c r="Z13" s="104">
        <v>0</v>
      </c>
      <c r="AA13" s="103">
        <v>0</v>
      </c>
      <c r="AB13" s="100">
        <v>0</v>
      </c>
      <c r="AC13" s="104">
        <v>3579602</v>
      </c>
      <c r="AD13" s="104">
        <v>3538012</v>
      </c>
      <c r="AE13" s="104">
        <v>3249781</v>
      </c>
      <c r="AF13" s="104">
        <v>3887862</v>
      </c>
      <c r="AG13" s="104">
        <v>3936535</v>
      </c>
      <c r="AH13" s="103">
        <v>18191792</v>
      </c>
      <c r="AI13" s="106">
        <v>18191792</v>
      </c>
      <c r="AJ13" s="100">
        <v>0</v>
      </c>
      <c r="AK13" s="104">
        <v>0</v>
      </c>
      <c r="AL13" s="103">
        <v>0</v>
      </c>
      <c r="AM13" s="100">
        <v>0</v>
      </c>
      <c r="AN13" s="104">
        <v>0</v>
      </c>
      <c r="AO13" s="104">
        <v>340924</v>
      </c>
      <c r="AP13" s="104">
        <v>295993</v>
      </c>
      <c r="AQ13" s="104">
        <v>502259</v>
      </c>
      <c r="AR13" s="104">
        <v>966378</v>
      </c>
      <c r="AS13" s="103">
        <v>2105554</v>
      </c>
      <c r="AT13" s="106">
        <v>2105554</v>
      </c>
      <c r="AU13" s="100">
        <v>62143</v>
      </c>
      <c r="AV13" s="104">
        <v>55515</v>
      </c>
      <c r="AW13" s="103">
        <v>117658</v>
      </c>
      <c r="AX13" s="100">
        <v>0</v>
      </c>
      <c r="AY13" s="104">
        <v>2007546</v>
      </c>
      <c r="AZ13" s="104">
        <v>1928775</v>
      </c>
      <c r="BA13" s="104">
        <v>1353244</v>
      </c>
      <c r="BB13" s="104">
        <v>878589</v>
      </c>
      <c r="BC13" s="104">
        <v>1250848</v>
      </c>
      <c r="BD13" s="103">
        <v>7419002</v>
      </c>
      <c r="BE13" s="106">
        <v>7536660</v>
      </c>
      <c r="BF13" s="100">
        <v>41456</v>
      </c>
      <c r="BG13" s="104">
        <v>0</v>
      </c>
      <c r="BH13" s="102">
        <v>41456</v>
      </c>
      <c r="BI13" s="101">
        <v>0</v>
      </c>
      <c r="BJ13" s="104">
        <v>212313</v>
      </c>
      <c r="BK13" s="104">
        <v>162262</v>
      </c>
      <c r="BL13" s="104">
        <v>249127</v>
      </c>
      <c r="BM13" s="104">
        <v>141916</v>
      </c>
      <c r="BN13" s="104">
        <v>35515</v>
      </c>
      <c r="BO13" s="103">
        <v>801133</v>
      </c>
      <c r="BP13" s="106">
        <v>842589</v>
      </c>
      <c r="BQ13" s="100">
        <v>140944</v>
      </c>
      <c r="BR13" s="104">
        <v>182792</v>
      </c>
      <c r="BS13" s="103">
        <v>323736</v>
      </c>
      <c r="BT13" s="100">
        <v>0</v>
      </c>
      <c r="BU13" s="104">
        <v>1125416</v>
      </c>
      <c r="BV13" s="104">
        <v>1286424</v>
      </c>
      <c r="BW13" s="104">
        <v>1094112</v>
      </c>
      <c r="BX13" s="104">
        <v>813664</v>
      </c>
      <c r="BY13" s="104">
        <v>595872</v>
      </c>
      <c r="BZ13" s="103">
        <v>4915488</v>
      </c>
      <c r="CA13" s="106">
        <v>5239224</v>
      </c>
      <c r="CB13" s="100">
        <v>82539</v>
      </c>
      <c r="CC13" s="104">
        <v>152262</v>
      </c>
      <c r="CD13" s="103">
        <v>234801</v>
      </c>
      <c r="CE13" s="100">
        <v>0</v>
      </c>
      <c r="CF13" s="104">
        <v>7780972</v>
      </c>
      <c r="CG13" s="104">
        <v>6683256</v>
      </c>
      <c r="CH13" s="104">
        <v>3573168</v>
      </c>
      <c r="CI13" s="104">
        <v>1658532</v>
      </c>
      <c r="CJ13" s="104">
        <v>1424186</v>
      </c>
      <c r="CK13" s="103">
        <v>21120114</v>
      </c>
      <c r="CL13" s="106">
        <v>21354915</v>
      </c>
      <c r="CM13" s="100">
        <v>0</v>
      </c>
      <c r="CN13" s="104">
        <v>0</v>
      </c>
      <c r="CO13" s="103">
        <v>0</v>
      </c>
      <c r="CP13" s="101">
        <v>0</v>
      </c>
      <c r="CQ13" s="104">
        <v>6364040</v>
      </c>
      <c r="CR13" s="104">
        <v>5320905</v>
      </c>
      <c r="CS13" s="104">
        <v>2809724</v>
      </c>
      <c r="CT13" s="104">
        <v>1356366</v>
      </c>
      <c r="CU13" s="104">
        <v>1308138</v>
      </c>
      <c r="CV13" s="103">
        <v>17159173</v>
      </c>
      <c r="CW13" s="106">
        <v>17159173</v>
      </c>
      <c r="CX13" s="100">
        <v>82539</v>
      </c>
      <c r="CY13" s="104">
        <v>152262</v>
      </c>
      <c r="CZ13" s="103">
        <v>234801</v>
      </c>
      <c r="DA13" s="100">
        <v>0</v>
      </c>
      <c r="DB13" s="104">
        <v>1416932</v>
      </c>
      <c r="DC13" s="104">
        <v>1362351</v>
      </c>
      <c r="DD13" s="104">
        <v>763444</v>
      </c>
      <c r="DE13" s="104">
        <v>302166</v>
      </c>
      <c r="DF13" s="104">
        <v>116048</v>
      </c>
      <c r="DG13" s="103">
        <v>3960941</v>
      </c>
      <c r="DH13" s="106">
        <v>4195742</v>
      </c>
      <c r="DI13" s="100">
        <v>0</v>
      </c>
      <c r="DJ13" s="104">
        <v>23538</v>
      </c>
      <c r="DK13" s="102">
        <v>23538</v>
      </c>
      <c r="DL13" s="101">
        <v>0</v>
      </c>
      <c r="DM13" s="104">
        <v>942711</v>
      </c>
      <c r="DN13" s="104">
        <v>2550236</v>
      </c>
      <c r="DO13" s="104">
        <v>2053793</v>
      </c>
      <c r="DP13" s="104">
        <v>1269757</v>
      </c>
      <c r="DQ13" s="104">
        <v>994199</v>
      </c>
      <c r="DR13" s="103">
        <v>7810696</v>
      </c>
      <c r="DS13" s="106">
        <v>7834234</v>
      </c>
      <c r="DT13" s="100">
        <v>0</v>
      </c>
      <c r="DU13" s="104">
        <v>23538</v>
      </c>
      <c r="DV13" s="103">
        <v>23538</v>
      </c>
      <c r="DW13" s="100">
        <v>0</v>
      </c>
      <c r="DX13" s="104">
        <v>886742</v>
      </c>
      <c r="DY13" s="104">
        <v>2550236</v>
      </c>
      <c r="DZ13" s="104">
        <v>1766373</v>
      </c>
      <c r="EA13" s="104">
        <v>1155778</v>
      </c>
      <c r="EB13" s="104">
        <v>994199</v>
      </c>
      <c r="EC13" s="103">
        <v>7353328</v>
      </c>
      <c r="ED13" s="106">
        <v>7376866</v>
      </c>
      <c r="EE13" s="100">
        <v>0</v>
      </c>
      <c r="EF13" s="102">
        <v>0</v>
      </c>
      <c r="EG13" s="103">
        <v>0</v>
      </c>
      <c r="EH13" s="100">
        <v>0</v>
      </c>
      <c r="EI13" s="104">
        <v>55969</v>
      </c>
      <c r="EJ13" s="104">
        <v>0</v>
      </c>
      <c r="EK13" s="104">
        <v>287420</v>
      </c>
      <c r="EL13" s="104">
        <v>113979</v>
      </c>
      <c r="EM13" s="104">
        <v>0</v>
      </c>
      <c r="EN13" s="102">
        <v>457368</v>
      </c>
      <c r="EO13" s="106">
        <v>457368</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06">
        <v>0</v>
      </c>
      <c r="FE13" s="104">
        <v>0</v>
      </c>
      <c r="FF13" s="104">
        <v>0</v>
      </c>
      <c r="FG13" s="104">
        <v>0</v>
      </c>
      <c r="FH13" s="104">
        <v>0</v>
      </c>
      <c r="FI13" s="104">
        <v>0</v>
      </c>
      <c r="FJ13" s="103">
        <v>0</v>
      </c>
      <c r="FK13" s="106">
        <v>0</v>
      </c>
      <c r="FL13" s="100">
        <v>312768</v>
      </c>
      <c r="FM13" s="104">
        <v>225552</v>
      </c>
      <c r="FN13" s="103">
        <v>538320</v>
      </c>
      <c r="FO13" s="100">
        <v>0</v>
      </c>
      <c r="FP13" s="104">
        <v>974672</v>
      </c>
      <c r="FQ13" s="104">
        <v>2595012</v>
      </c>
      <c r="FR13" s="104">
        <v>1433875</v>
      </c>
      <c r="FS13" s="104">
        <v>1172920</v>
      </c>
      <c r="FT13" s="104">
        <v>849824</v>
      </c>
      <c r="FU13" s="103">
        <v>7026303</v>
      </c>
      <c r="FV13" s="106">
        <v>7564623</v>
      </c>
      <c r="FW13" s="105">
        <v>119712</v>
      </c>
      <c r="FX13" s="104">
        <v>83664</v>
      </c>
      <c r="FY13" s="102">
        <v>203376</v>
      </c>
      <c r="FZ13" s="101">
        <v>0</v>
      </c>
      <c r="GA13" s="104">
        <v>711472</v>
      </c>
      <c r="GB13" s="104">
        <v>2164272</v>
      </c>
      <c r="GC13" s="104">
        <v>1383456</v>
      </c>
      <c r="GD13" s="104">
        <v>1146520</v>
      </c>
      <c r="GE13" s="104">
        <v>849824</v>
      </c>
      <c r="GF13" s="103">
        <v>6255544</v>
      </c>
      <c r="GG13" s="290">
        <v>6458920</v>
      </c>
      <c r="GH13" s="105">
        <v>62656</v>
      </c>
      <c r="GI13" s="104">
        <v>0</v>
      </c>
      <c r="GJ13" s="102">
        <v>62656</v>
      </c>
      <c r="GK13" s="101">
        <v>0</v>
      </c>
      <c r="GL13" s="104">
        <v>150560</v>
      </c>
      <c r="GM13" s="104">
        <v>97760</v>
      </c>
      <c r="GN13" s="104">
        <v>50419</v>
      </c>
      <c r="GO13" s="104">
        <v>0</v>
      </c>
      <c r="GP13" s="104">
        <v>0</v>
      </c>
      <c r="GQ13" s="103">
        <v>298739</v>
      </c>
      <c r="GR13" s="106">
        <v>361395</v>
      </c>
      <c r="GS13" s="100">
        <v>130400</v>
      </c>
      <c r="GT13" s="104">
        <v>141888</v>
      </c>
      <c r="GU13" s="103">
        <v>272288</v>
      </c>
      <c r="GV13" s="100">
        <v>0</v>
      </c>
      <c r="GW13" s="104">
        <v>112640</v>
      </c>
      <c r="GX13" s="104">
        <v>332980</v>
      </c>
      <c r="GY13" s="104">
        <v>0</v>
      </c>
      <c r="GZ13" s="104">
        <v>26400</v>
      </c>
      <c r="HA13" s="104">
        <v>0</v>
      </c>
      <c r="HB13" s="102">
        <v>472020</v>
      </c>
      <c r="HC13" s="106">
        <v>744308</v>
      </c>
      <c r="HD13" s="100">
        <v>407060</v>
      </c>
      <c r="HE13" s="104">
        <v>1237613</v>
      </c>
      <c r="HF13" s="102">
        <v>1644673</v>
      </c>
      <c r="HG13" s="101">
        <v>0</v>
      </c>
      <c r="HH13" s="104">
        <v>6914810</v>
      </c>
      <c r="HI13" s="104">
        <v>6756063</v>
      </c>
      <c r="HJ13" s="104">
        <v>5216089</v>
      </c>
      <c r="HK13" s="104">
        <v>5941653</v>
      </c>
      <c r="HL13" s="104">
        <v>2814714</v>
      </c>
      <c r="HM13" s="103">
        <v>27643329</v>
      </c>
      <c r="HN13" s="99">
        <v>29288002</v>
      </c>
      <c r="HO13" s="456">
        <v>0</v>
      </c>
      <c r="HP13" s="457">
        <v>0</v>
      </c>
      <c r="HQ13" s="458">
        <v>0</v>
      </c>
      <c r="HR13" s="459">
        <v>0</v>
      </c>
      <c r="HS13" s="457">
        <v>0</v>
      </c>
      <c r="HT13" s="457">
        <v>0</v>
      </c>
      <c r="HU13" s="457">
        <v>0</v>
      </c>
      <c r="HV13" s="457">
        <v>0</v>
      </c>
      <c r="HW13" s="457">
        <v>0</v>
      </c>
      <c r="HX13" s="460">
        <v>0</v>
      </c>
      <c r="HY13" s="461">
        <v>0</v>
      </c>
      <c r="HZ13" s="118">
        <v>0</v>
      </c>
      <c r="IA13" s="119">
        <v>0</v>
      </c>
      <c r="IB13" s="120">
        <v>0</v>
      </c>
      <c r="IC13" s="131">
        <v>0</v>
      </c>
      <c r="ID13" s="119">
        <v>4810268</v>
      </c>
      <c r="IE13" s="132">
        <v>5257623</v>
      </c>
      <c r="IF13" s="120">
        <v>5171930</v>
      </c>
      <c r="IG13" s="119">
        <v>4291872</v>
      </c>
      <c r="IH13" s="120">
        <v>2135857</v>
      </c>
      <c r="II13" s="133">
        <v>21667550</v>
      </c>
      <c r="IJ13" s="126">
        <v>21667550</v>
      </c>
      <c r="IK13" s="215">
        <v>0</v>
      </c>
      <c r="IL13" s="219">
        <v>0</v>
      </c>
      <c r="IM13" s="220">
        <v>0</v>
      </c>
      <c r="IN13" s="470">
        <v>0</v>
      </c>
      <c r="IO13" s="109">
        <v>0</v>
      </c>
      <c r="IP13" s="109">
        <v>0</v>
      </c>
      <c r="IQ13" s="109">
        <v>0</v>
      </c>
      <c r="IR13" s="109">
        <v>254282</v>
      </c>
      <c r="IS13" s="109">
        <v>173408</v>
      </c>
      <c r="IT13" s="128">
        <v>427690</v>
      </c>
      <c r="IU13" s="292">
        <v>427690</v>
      </c>
      <c r="IV13" s="129">
        <v>0</v>
      </c>
      <c r="IW13" s="109">
        <v>0</v>
      </c>
      <c r="IX13" s="110">
        <v>0</v>
      </c>
      <c r="IY13" s="470">
        <v>0</v>
      </c>
      <c r="IZ13" s="109">
        <v>0</v>
      </c>
      <c r="JA13" s="109">
        <v>0</v>
      </c>
      <c r="JB13" s="109">
        <v>0</v>
      </c>
      <c r="JC13" s="109">
        <v>0</v>
      </c>
      <c r="JD13" s="109">
        <v>0</v>
      </c>
      <c r="JE13" s="110">
        <v>0</v>
      </c>
      <c r="JF13" s="111">
        <v>0</v>
      </c>
      <c r="JG13" s="129">
        <v>0</v>
      </c>
      <c r="JH13" s="109">
        <v>0</v>
      </c>
      <c r="JI13" s="128">
        <v>0</v>
      </c>
      <c r="JJ13" s="108">
        <v>0</v>
      </c>
      <c r="JK13" s="109">
        <v>2735604</v>
      </c>
      <c r="JL13" s="109">
        <v>2341202</v>
      </c>
      <c r="JM13" s="109">
        <v>1221350</v>
      </c>
      <c r="JN13" s="109">
        <v>1502341</v>
      </c>
      <c r="JO13" s="109">
        <v>93782</v>
      </c>
      <c r="JP13" s="110">
        <v>7894279</v>
      </c>
      <c r="JQ13" s="292">
        <v>7894279</v>
      </c>
      <c r="JR13" s="129">
        <v>0</v>
      </c>
      <c r="JS13" s="109">
        <v>0</v>
      </c>
      <c r="JT13" s="128">
        <v>0</v>
      </c>
      <c r="JU13" s="108">
        <v>0</v>
      </c>
      <c r="JV13" s="109">
        <v>463374</v>
      </c>
      <c r="JW13" s="109">
        <v>710471</v>
      </c>
      <c r="JX13" s="109">
        <v>567864</v>
      </c>
      <c r="JY13" s="109">
        <v>1247578</v>
      </c>
      <c r="JZ13" s="109">
        <v>231736</v>
      </c>
      <c r="KA13" s="110">
        <v>3221023</v>
      </c>
      <c r="KB13" s="292">
        <v>3221023</v>
      </c>
      <c r="KC13" s="217">
        <v>0</v>
      </c>
      <c r="KD13" s="213">
        <v>0</v>
      </c>
      <c r="KE13" s="110">
        <v>0</v>
      </c>
      <c r="KF13" s="108">
        <v>0</v>
      </c>
      <c r="KG13" s="109">
        <v>432041</v>
      </c>
      <c r="KH13" s="109">
        <v>314481</v>
      </c>
      <c r="KI13" s="109">
        <v>426818</v>
      </c>
      <c r="KJ13" s="109">
        <v>0</v>
      </c>
      <c r="KK13" s="109">
        <v>0</v>
      </c>
      <c r="KL13" s="110">
        <v>1173340</v>
      </c>
      <c r="KM13" s="130">
        <v>1173340</v>
      </c>
      <c r="KN13" s="215">
        <v>0</v>
      </c>
      <c r="KO13" s="219">
        <v>0</v>
      </c>
      <c r="KP13" s="220">
        <v>0</v>
      </c>
      <c r="KQ13" s="470">
        <v>0</v>
      </c>
      <c r="KR13" s="109">
        <v>1179249</v>
      </c>
      <c r="KS13" s="109">
        <v>1482409</v>
      </c>
      <c r="KT13" s="109">
        <v>2671395</v>
      </c>
      <c r="KU13" s="109">
        <v>1287671</v>
      </c>
      <c r="KV13" s="109">
        <v>1309122</v>
      </c>
      <c r="KW13" s="110">
        <v>7929846</v>
      </c>
      <c r="KX13" s="292">
        <v>7929846</v>
      </c>
      <c r="KY13" s="129">
        <v>0</v>
      </c>
      <c r="KZ13" s="109">
        <v>0</v>
      </c>
      <c r="LA13" s="110">
        <v>0</v>
      </c>
      <c r="LB13" s="470">
        <v>0</v>
      </c>
      <c r="LC13" s="109">
        <v>0</v>
      </c>
      <c r="LD13" s="109">
        <v>0</v>
      </c>
      <c r="LE13" s="109">
        <v>0</v>
      </c>
      <c r="LF13" s="109">
        <v>0</v>
      </c>
      <c r="LG13" s="109">
        <v>0</v>
      </c>
      <c r="LH13" s="110">
        <v>0</v>
      </c>
      <c r="LI13" s="111">
        <v>0</v>
      </c>
      <c r="LJ13" s="129">
        <v>0</v>
      </c>
      <c r="LK13" s="109">
        <v>0</v>
      </c>
      <c r="LL13" s="110">
        <v>0</v>
      </c>
      <c r="LM13" s="470">
        <v>0</v>
      </c>
      <c r="LN13" s="109">
        <v>0</v>
      </c>
      <c r="LO13" s="109">
        <v>0</v>
      </c>
      <c r="LP13" s="109">
        <v>0</v>
      </c>
      <c r="LQ13" s="109">
        <v>0</v>
      </c>
      <c r="LR13" s="109">
        <v>0</v>
      </c>
      <c r="LS13" s="110">
        <v>0</v>
      </c>
      <c r="LT13" s="292">
        <v>0</v>
      </c>
      <c r="LU13" s="129">
        <v>0</v>
      </c>
      <c r="LV13" s="109">
        <v>0</v>
      </c>
      <c r="LW13" s="110">
        <v>0</v>
      </c>
      <c r="LX13" s="470">
        <v>0</v>
      </c>
      <c r="LY13" s="109">
        <v>0</v>
      </c>
      <c r="LZ13" s="109">
        <v>409060</v>
      </c>
      <c r="MA13" s="109">
        <v>284503</v>
      </c>
      <c r="MB13" s="109">
        <v>0</v>
      </c>
      <c r="MC13" s="109">
        <v>327809</v>
      </c>
      <c r="MD13" s="110">
        <v>1021372</v>
      </c>
      <c r="ME13" s="111">
        <v>1021372</v>
      </c>
      <c r="MF13" s="129">
        <v>0</v>
      </c>
      <c r="MG13" s="109">
        <v>0</v>
      </c>
      <c r="MH13" s="110">
        <v>0</v>
      </c>
      <c r="MI13" s="470">
        <v>0</v>
      </c>
      <c r="MJ13" s="109">
        <v>2720421</v>
      </c>
      <c r="MK13" s="109">
        <v>1782043</v>
      </c>
      <c r="ML13" s="109">
        <v>7201284</v>
      </c>
      <c r="MM13" s="109">
        <v>18988096</v>
      </c>
      <c r="MN13" s="109">
        <v>8594474</v>
      </c>
      <c r="MO13" s="110">
        <v>39286318</v>
      </c>
      <c r="MP13" s="130">
        <v>39286318</v>
      </c>
      <c r="MQ13" s="129">
        <v>0</v>
      </c>
      <c r="MR13" s="109">
        <v>0</v>
      </c>
      <c r="MS13" s="110">
        <v>0</v>
      </c>
      <c r="MT13" s="470">
        <v>0</v>
      </c>
      <c r="MU13" s="109">
        <v>0</v>
      </c>
      <c r="MV13" s="109">
        <v>470918</v>
      </c>
      <c r="MW13" s="109">
        <v>4581173</v>
      </c>
      <c r="MX13" s="109">
        <v>13332816</v>
      </c>
      <c r="MY13" s="109">
        <v>7041508</v>
      </c>
      <c r="MZ13" s="110">
        <v>25426415</v>
      </c>
      <c r="NA13" s="130">
        <v>25426415</v>
      </c>
      <c r="NB13" s="129">
        <v>0</v>
      </c>
      <c r="NC13" s="109">
        <v>0</v>
      </c>
      <c r="ND13" s="110">
        <v>0</v>
      </c>
      <c r="NE13" s="470">
        <v>0</v>
      </c>
      <c r="NF13" s="109">
        <v>2720421</v>
      </c>
      <c r="NG13" s="109">
        <v>1311125</v>
      </c>
      <c r="NH13" s="109">
        <v>2293407</v>
      </c>
      <c r="NI13" s="109">
        <v>5655280</v>
      </c>
      <c r="NJ13" s="109">
        <v>1552966</v>
      </c>
      <c r="NK13" s="110">
        <v>13533199</v>
      </c>
      <c r="NL13" s="292">
        <v>13533199</v>
      </c>
      <c r="NM13" s="129">
        <v>0</v>
      </c>
      <c r="NN13" s="109">
        <v>0</v>
      </c>
      <c r="NO13" s="110">
        <v>0</v>
      </c>
      <c r="NP13" s="470">
        <v>0</v>
      </c>
      <c r="NQ13" s="109">
        <v>0</v>
      </c>
      <c r="NR13" s="109">
        <v>0</v>
      </c>
      <c r="NS13" s="109">
        <v>0</v>
      </c>
      <c r="NT13" s="109">
        <v>0</v>
      </c>
      <c r="NU13" s="109">
        <v>0</v>
      </c>
      <c r="NV13" s="110">
        <v>0</v>
      </c>
      <c r="NW13" s="111">
        <v>0</v>
      </c>
      <c r="NX13" s="129">
        <v>0</v>
      </c>
      <c r="NY13" s="109">
        <v>0</v>
      </c>
      <c r="NZ13" s="110">
        <v>0</v>
      </c>
      <c r="OA13" s="470">
        <v>0</v>
      </c>
      <c r="OB13" s="109">
        <v>0</v>
      </c>
      <c r="OC13" s="109">
        <v>0</v>
      </c>
      <c r="OD13" s="109">
        <v>326704</v>
      </c>
      <c r="OE13" s="109">
        <v>0</v>
      </c>
      <c r="OF13" s="109">
        <v>0</v>
      </c>
      <c r="OG13" s="110">
        <v>326704</v>
      </c>
      <c r="OH13" s="111">
        <v>326704</v>
      </c>
      <c r="OI13" s="129">
        <v>1046910</v>
      </c>
      <c r="OJ13" s="109">
        <v>1877272</v>
      </c>
      <c r="OK13" s="128">
        <v>2924182</v>
      </c>
      <c r="OL13" s="108">
        <v>0</v>
      </c>
      <c r="OM13" s="109">
        <v>31068731</v>
      </c>
      <c r="ON13" s="109">
        <v>32880630</v>
      </c>
      <c r="OO13" s="109">
        <v>30892396</v>
      </c>
      <c r="OP13" s="109">
        <v>39547120</v>
      </c>
      <c r="OQ13" s="109">
        <v>23598402</v>
      </c>
      <c r="OR13" s="110">
        <v>157987279</v>
      </c>
      <c r="OS13" s="130">
        <v>160911461</v>
      </c>
    </row>
    <row r="14" spans="1:409" ht="21" customHeight="1" x14ac:dyDescent="0.2">
      <c r="B14" s="437" t="s">
        <v>8</v>
      </c>
      <c r="C14" s="100">
        <v>987816</v>
      </c>
      <c r="D14" s="104">
        <v>378671</v>
      </c>
      <c r="E14" s="103">
        <v>1366487</v>
      </c>
      <c r="F14" s="99">
        <v>0</v>
      </c>
      <c r="G14" s="104">
        <v>7181157</v>
      </c>
      <c r="H14" s="104">
        <v>8926802</v>
      </c>
      <c r="I14" s="104">
        <v>12514805</v>
      </c>
      <c r="J14" s="104">
        <v>7396439</v>
      </c>
      <c r="K14" s="104">
        <v>5012995</v>
      </c>
      <c r="L14" s="99">
        <v>41032198</v>
      </c>
      <c r="M14" s="106">
        <v>42398685</v>
      </c>
      <c r="N14" s="100">
        <v>228192</v>
      </c>
      <c r="O14" s="104">
        <v>81385</v>
      </c>
      <c r="P14" s="103">
        <v>309577</v>
      </c>
      <c r="Q14" s="100">
        <v>0</v>
      </c>
      <c r="R14" s="104">
        <v>1520441</v>
      </c>
      <c r="S14" s="104">
        <v>3174765</v>
      </c>
      <c r="T14" s="104">
        <v>5040079</v>
      </c>
      <c r="U14" s="104">
        <v>2150291</v>
      </c>
      <c r="V14" s="104">
        <v>3031887</v>
      </c>
      <c r="W14" s="103">
        <v>14917463</v>
      </c>
      <c r="X14" s="106">
        <v>15227040</v>
      </c>
      <c r="Y14" s="100">
        <v>0</v>
      </c>
      <c r="Z14" s="104">
        <v>0</v>
      </c>
      <c r="AA14" s="103">
        <v>0</v>
      </c>
      <c r="AB14" s="100">
        <v>0</v>
      </c>
      <c r="AC14" s="104">
        <v>523755</v>
      </c>
      <c r="AD14" s="104">
        <v>1916626</v>
      </c>
      <c r="AE14" s="104">
        <v>2684115</v>
      </c>
      <c r="AF14" s="104">
        <v>1189478</v>
      </c>
      <c r="AG14" s="104">
        <v>1891296</v>
      </c>
      <c r="AH14" s="103">
        <v>8205270</v>
      </c>
      <c r="AI14" s="106">
        <v>8205270</v>
      </c>
      <c r="AJ14" s="100">
        <v>0</v>
      </c>
      <c r="AK14" s="104">
        <v>0</v>
      </c>
      <c r="AL14" s="103">
        <v>0</v>
      </c>
      <c r="AM14" s="100">
        <v>0</v>
      </c>
      <c r="AN14" s="104">
        <v>0</v>
      </c>
      <c r="AO14" s="104">
        <v>0</v>
      </c>
      <c r="AP14" s="104">
        <v>116912</v>
      </c>
      <c r="AQ14" s="104">
        <v>179475</v>
      </c>
      <c r="AR14" s="104">
        <v>369556</v>
      </c>
      <c r="AS14" s="103">
        <v>665943</v>
      </c>
      <c r="AT14" s="106">
        <v>665943</v>
      </c>
      <c r="AU14" s="100">
        <v>78568</v>
      </c>
      <c r="AV14" s="104">
        <v>58001</v>
      </c>
      <c r="AW14" s="103">
        <v>136569</v>
      </c>
      <c r="AX14" s="100">
        <v>0</v>
      </c>
      <c r="AY14" s="104">
        <v>435506</v>
      </c>
      <c r="AZ14" s="104">
        <v>913571</v>
      </c>
      <c r="BA14" s="104">
        <v>1338182</v>
      </c>
      <c r="BB14" s="104">
        <v>359927</v>
      </c>
      <c r="BC14" s="104">
        <v>478383</v>
      </c>
      <c r="BD14" s="103">
        <v>3525569</v>
      </c>
      <c r="BE14" s="106">
        <v>3662138</v>
      </c>
      <c r="BF14" s="100">
        <v>0</v>
      </c>
      <c r="BG14" s="104">
        <v>0</v>
      </c>
      <c r="BH14" s="102">
        <v>0</v>
      </c>
      <c r="BI14" s="101">
        <v>0</v>
      </c>
      <c r="BJ14" s="104">
        <v>121388</v>
      </c>
      <c r="BK14" s="104">
        <v>31600</v>
      </c>
      <c r="BL14" s="104">
        <v>262814</v>
      </c>
      <c r="BM14" s="104">
        <v>97867</v>
      </c>
      <c r="BN14" s="104">
        <v>22652</v>
      </c>
      <c r="BO14" s="103">
        <v>536321</v>
      </c>
      <c r="BP14" s="106">
        <v>536321</v>
      </c>
      <c r="BQ14" s="100">
        <v>149624</v>
      </c>
      <c r="BR14" s="104">
        <v>23384</v>
      </c>
      <c r="BS14" s="103">
        <v>173008</v>
      </c>
      <c r="BT14" s="100">
        <v>0</v>
      </c>
      <c r="BU14" s="104">
        <v>439792</v>
      </c>
      <c r="BV14" s="104">
        <v>312968</v>
      </c>
      <c r="BW14" s="104">
        <v>638056</v>
      </c>
      <c r="BX14" s="104">
        <v>323544</v>
      </c>
      <c r="BY14" s="104">
        <v>270000</v>
      </c>
      <c r="BZ14" s="103">
        <v>1984360</v>
      </c>
      <c r="CA14" s="106">
        <v>2157368</v>
      </c>
      <c r="CB14" s="100">
        <v>103829</v>
      </c>
      <c r="CC14" s="104">
        <v>79992</v>
      </c>
      <c r="CD14" s="103">
        <v>183821</v>
      </c>
      <c r="CE14" s="100">
        <v>0</v>
      </c>
      <c r="CF14" s="104">
        <v>2199449</v>
      </c>
      <c r="CG14" s="104">
        <v>2717260</v>
      </c>
      <c r="CH14" s="104">
        <v>2292491</v>
      </c>
      <c r="CI14" s="104">
        <v>2066576</v>
      </c>
      <c r="CJ14" s="104">
        <v>506593</v>
      </c>
      <c r="CK14" s="103">
        <v>9782369</v>
      </c>
      <c r="CL14" s="106">
        <v>9966190</v>
      </c>
      <c r="CM14" s="100">
        <v>0</v>
      </c>
      <c r="CN14" s="104">
        <v>0</v>
      </c>
      <c r="CO14" s="103">
        <v>0</v>
      </c>
      <c r="CP14" s="101">
        <v>0</v>
      </c>
      <c r="CQ14" s="104">
        <v>1586034</v>
      </c>
      <c r="CR14" s="104">
        <v>2294542</v>
      </c>
      <c r="CS14" s="104">
        <v>1696573</v>
      </c>
      <c r="CT14" s="104">
        <v>1740786</v>
      </c>
      <c r="CU14" s="104">
        <v>506593</v>
      </c>
      <c r="CV14" s="103">
        <v>7824528</v>
      </c>
      <c r="CW14" s="106">
        <v>7824528</v>
      </c>
      <c r="CX14" s="100">
        <v>103829</v>
      </c>
      <c r="CY14" s="104">
        <v>79992</v>
      </c>
      <c r="CZ14" s="103">
        <v>183821</v>
      </c>
      <c r="DA14" s="100">
        <v>0</v>
      </c>
      <c r="DB14" s="104">
        <v>613415</v>
      </c>
      <c r="DC14" s="104">
        <v>422718</v>
      </c>
      <c r="DD14" s="104">
        <v>595918</v>
      </c>
      <c r="DE14" s="104">
        <v>325790</v>
      </c>
      <c r="DF14" s="104">
        <v>0</v>
      </c>
      <c r="DG14" s="103">
        <v>1957841</v>
      </c>
      <c r="DH14" s="106">
        <v>2141662</v>
      </c>
      <c r="DI14" s="100">
        <v>0</v>
      </c>
      <c r="DJ14" s="104">
        <v>57746</v>
      </c>
      <c r="DK14" s="102">
        <v>57746</v>
      </c>
      <c r="DL14" s="101">
        <v>0</v>
      </c>
      <c r="DM14" s="104">
        <v>222221</v>
      </c>
      <c r="DN14" s="104">
        <v>562012</v>
      </c>
      <c r="DO14" s="104">
        <v>808816</v>
      </c>
      <c r="DP14" s="104">
        <v>650635</v>
      </c>
      <c r="DQ14" s="104">
        <v>0</v>
      </c>
      <c r="DR14" s="103">
        <v>2243684</v>
      </c>
      <c r="DS14" s="106">
        <v>2301430</v>
      </c>
      <c r="DT14" s="100">
        <v>0</v>
      </c>
      <c r="DU14" s="104">
        <v>57746</v>
      </c>
      <c r="DV14" s="103">
        <v>57746</v>
      </c>
      <c r="DW14" s="100">
        <v>0</v>
      </c>
      <c r="DX14" s="104">
        <v>222221</v>
      </c>
      <c r="DY14" s="104">
        <v>562012</v>
      </c>
      <c r="DZ14" s="104">
        <v>747446</v>
      </c>
      <c r="EA14" s="104">
        <v>650635</v>
      </c>
      <c r="EB14" s="104">
        <v>0</v>
      </c>
      <c r="EC14" s="103">
        <v>2182314</v>
      </c>
      <c r="ED14" s="106">
        <v>2240060</v>
      </c>
      <c r="EE14" s="100">
        <v>0</v>
      </c>
      <c r="EF14" s="102">
        <v>0</v>
      </c>
      <c r="EG14" s="103">
        <v>0</v>
      </c>
      <c r="EH14" s="100">
        <v>0</v>
      </c>
      <c r="EI14" s="104">
        <v>0</v>
      </c>
      <c r="EJ14" s="104">
        <v>0</v>
      </c>
      <c r="EK14" s="104">
        <v>61370</v>
      </c>
      <c r="EL14" s="104">
        <v>0</v>
      </c>
      <c r="EM14" s="104">
        <v>0</v>
      </c>
      <c r="EN14" s="102">
        <v>61370</v>
      </c>
      <c r="EO14" s="106">
        <v>61370</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06">
        <v>0</v>
      </c>
      <c r="FE14" s="104">
        <v>0</v>
      </c>
      <c r="FF14" s="104">
        <v>0</v>
      </c>
      <c r="FG14" s="104">
        <v>0</v>
      </c>
      <c r="FH14" s="104">
        <v>0</v>
      </c>
      <c r="FI14" s="104">
        <v>0</v>
      </c>
      <c r="FJ14" s="103">
        <v>0</v>
      </c>
      <c r="FK14" s="106">
        <v>0</v>
      </c>
      <c r="FL14" s="100">
        <v>221520</v>
      </c>
      <c r="FM14" s="104">
        <v>158528</v>
      </c>
      <c r="FN14" s="103">
        <v>380048</v>
      </c>
      <c r="FO14" s="100">
        <v>0</v>
      </c>
      <c r="FP14" s="104">
        <v>466136</v>
      </c>
      <c r="FQ14" s="104">
        <v>1028158</v>
      </c>
      <c r="FR14" s="104">
        <v>1265464</v>
      </c>
      <c r="FS14" s="104">
        <v>766760</v>
      </c>
      <c r="FT14" s="104">
        <v>297368</v>
      </c>
      <c r="FU14" s="103">
        <v>3823886</v>
      </c>
      <c r="FV14" s="106">
        <v>4203934</v>
      </c>
      <c r="FW14" s="105">
        <v>71920</v>
      </c>
      <c r="FX14" s="104">
        <v>158528</v>
      </c>
      <c r="FY14" s="102">
        <v>230448</v>
      </c>
      <c r="FZ14" s="101">
        <v>0</v>
      </c>
      <c r="GA14" s="104">
        <v>248536</v>
      </c>
      <c r="GB14" s="104">
        <v>930384</v>
      </c>
      <c r="GC14" s="104">
        <v>1087400</v>
      </c>
      <c r="GD14" s="104">
        <v>739040</v>
      </c>
      <c r="GE14" s="104">
        <v>297368</v>
      </c>
      <c r="GF14" s="103">
        <v>3302728</v>
      </c>
      <c r="GG14" s="290">
        <v>3533176</v>
      </c>
      <c r="GH14" s="105">
        <v>0</v>
      </c>
      <c r="GI14" s="104">
        <v>0</v>
      </c>
      <c r="GJ14" s="102">
        <v>0</v>
      </c>
      <c r="GK14" s="101">
        <v>0</v>
      </c>
      <c r="GL14" s="104">
        <v>57600</v>
      </c>
      <c r="GM14" s="104">
        <v>30000</v>
      </c>
      <c r="GN14" s="104">
        <v>34064</v>
      </c>
      <c r="GO14" s="104">
        <v>27720</v>
      </c>
      <c r="GP14" s="104">
        <v>0</v>
      </c>
      <c r="GQ14" s="103">
        <v>149384</v>
      </c>
      <c r="GR14" s="106">
        <v>149384</v>
      </c>
      <c r="GS14" s="100">
        <v>149600</v>
      </c>
      <c r="GT14" s="104">
        <v>0</v>
      </c>
      <c r="GU14" s="103">
        <v>149600</v>
      </c>
      <c r="GV14" s="100">
        <v>0</v>
      </c>
      <c r="GW14" s="104">
        <v>160000</v>
      </c>
      <c r="GX14" s="104">
        <v>67774</v>
      </c>
      <c r="GY14" s="104">
        <v>144000</v>
      </c>
      <c r="GZ14" s="104">
        <v>0</v>
      </c>
      <c r="HA14" s="104">
        <v>0</v>
      </c>
      <c r="HB14" s="102">
        <v>371774</v>
      </c>
      <c r="HC14" s="106">
        <v>521374</v>
      </c>
      <c r="HD14" s="100">
        <v>434275</v>
      </c>
      <c r="HE14" s="104">
        <v>1020</v>
      </c>
      <c r="HF14" s="102">
        <v>435295</v>
      </c>
      <c r="HG14" s="101">
        <v>0</v>
      </c>
      <c r="HH14" s="104">
        <v>2772910</v>
      </c>
      <c r="HI14" s="104">
        <v>1444607</v>
      </c>
      <c r="HJ14" s="104">
        <v>3107955</v>
      </c>
      <c r="HK14" s="104">
        <v>1762177</v>
      </c>
      <c r="HL14" s="104">
        <v>1177147</v>
      </c>
      <c r="HM14" s="103">
        <v>10264796</v>
      </c>
      <c r="HN14" s="99">
        <v>10700091</v>
      </c>
      <c r="HO14" s="456">
        <v>0</v>
      </c>
      <c r="HP14" s="457">
        <v>0</v>
      </c>
      <c r="HQ14" s="458">
        <v>0</v>
      </c>
      <c r="HR14" s="459">
        <v>0</v>
      </c>
      <c r="HS14" s="457">
        <v>0</v>
      </c>
      <c r="HT14" s="457">
        <v>0</v>
      </c>
      <c r="HU14" s="457">
        <v>0</v>
      </c>
      <c r="HV14" s="457">
        <v>0</v>
      </c>
      <c r="HW14" s="457">
        <v>0</v>
      </c>
      <c r="HX14" s="460">
        <v>0</v>
      </c>
      <c r="HY14" s="461">
        <v>0</v>
      </c>
      <c r="HZ14" s="118">
        <v>0</v>
      </c>
      <c r="IA14" s="119">
        <v>155843</v>
      </c>
      <c r="IB14" s="120">
        <v>155843</v>
      </c>
      <c r="IC14" s="121">
        <v>0</v>
      </c>
      <c r="ID14" s="122">
        <v>2574715</v>
      </c>
      <c r="IE14" s="123">
        <v>2737525</v>
      </c>
      <c r="IF14" s="124">
        <v>2895753</v>
      </c>
      <c r="IG14" s="122">
        <v>2834135</v>
      </c>
      <c r="IH14" s="124">
        <v>1155385</v>
      </c>
      <c r="II14" s="125">
        <v>12197513</v>
      </c>
      <c r="IJ14" s="126">
        <v>12353356</v>
      </c>
      <c r="IK14" s="215">
        <v>0</v>
      </c>
      <c r="IL14" s="219">
        <v>0</v>
      </c>
      <c r="IM14" s="220">
        <v>0</v>
      </c>
      <c r="IN14" s="470">
        <v>0</v>
      </c>
      <c r="IO14" s="109">
        <v>70664</v>
      </c>
      <c r="IP14" s="109">
        <v>0</v>
      </c>
      <c r="IQ14" s="109">
        <v>0</v>
      </c>
      <c r="IR14" s="109">
        <v>0</v>
      </c>
      <c r="IS14" s="109">
        <v>0</v>
      </c>
      <c r="IT14" s="128">
        <v>70664</v>
      </c>
      <c r="IU14" s="292">
        <v>70664</v>
      </c>
      <c r="IV14" s="129">
        <v>0</v>
      </c>
      <c r="IW14" s="109">
        <v>0</v>
      </c>
      <c r="IX14" s="110">
        <v>0</v>
      </c>
      <c r="IY14" s="470">
        <v>0</v>
      </c>
      <c r="IZ14" s="109">
        <v>3200</v>
      </c>
      <c r="JA14" s="109">
        <v>0</v>
      </c>
      <c r="JB14" s="109">
        <v>0</v>
      </c>
      <c r="JC14" s="109">
        <v>0</v>
      </c>
      <c r="JD14" s="109">
        <v>0</v>
      </c>
      <c r="JE14" s="110">
        <v>3200</v>
      </c>
      <c r="JF14" s="111">
        <v>3200</v>
      </c>
      <c r="JG14" s="129">
        <v>0</v>
      </c>
      <c r="JH14" s="109">
        <v>0</v>
      </c>
      <c r="JI14" s="128">
        <v>0</v>
      </c>
      <c r="JJ14" s="108">
        <v>0</v>
      </c>
      <c r="JK14" s="109">
        <v>970428</v>
      </c>
      <c r="JL14" s="109">
        <v>1722926</v>
      </c>
      <c r="JM14" s="109">
        <v>708533</v>
      </c>
      <c r="JN14" s="109">
        <v>587153</v>
      </c>
      <c r="JO14" s="109">
        <v>319993</v>
      </c>
      <c r="JP14" s="110">
        <v>4309033</v>
      </c>
      <c r="JQ14" s="292">
        <v>4309033</v>
      </c>
      <c r="JR14" s="129">
        <v>0</v>
      </c>
      <c r="JS14" s="109">
        <v>0</v>
      </c>
      <c r="JT14" s="128">
        <v>0</v>
      </c>
      <c r="JU14" s="108">
        <v>0</v>
      </c>
      <c r="JV14" s="109">
        <v>62860</v>
      </c>
      <c r="JW14" s="109">
        <v>0</v>
      </c>
      <c r="JX14" s="109">
        <v>0</v>
      </c>
      <c r="JY14" s="109">
        <v>131722</v>
      </c>
      <c r="JZ14" s="109">
        <v>0</v>
      </c>
      <c r="KA14" s="110">
        <v>194582</v>
      </c>
      <c r="KB14" s="292">
        <v>194582</v>
      </c>
      <c r="KC14" s="217">
        <v>0</v>
      </c>
      <c r="KD14" s="213">
        <v>155843</v>
      </c>
      <c r="KE14" s="110">
        <v>155843</v>
      </c>
      <c r="KF14" s="108">
        <v>0</v>
      </c>
      <c r="KG14" s="109">
        <v>120429</v>
      </c>
      <c r="KH14" s="109">
        <v>322397</v>
      </c>
      <c r="KI14" s="109">
        <v>257233</v>
      </c>
      <c r="KJ14" s="109">
        <v>261124</v>
      </c>
      <c r="KK14" s="109">
        <v>0</v>
      </c>
      <c r="KL14" s="110">
        <v>961183</v>
      </c>
      <c r="KM14" s="130">
        <v>1117026</v>
      </c>
      <c r="KN14" s="215">
        <v>0</v>
      </c>
      <c r="KO14" s="219">
        <v>0</v>
      </c>
      <c r="KP14" s="220">
        <v>0</v>
      </c>
      <c r="KQ14" s="470">
        <v>0</v>
      </c>
      <c r="KR14" s="109">
        <v>949490</v>
      </c>
      <c r="KS14" s="109">
        <v>495737</v>
      </c>
      <c r="KT14" s="109">
        <v>753301</v>
      </c>
      <c r="KU14" s="109">
        <v>1304949</v>
      </c>
      <c r="KV14" s="109">
        <v>265437</v>
      </c>
      <c r="KW14" s="110">
        <v>3768914</v>
      </c>
      <c r="KX14" s="292">
        <v>3768914</v>
      </c>
      <c r="KY14" s="129">
        <v>0</v>
      </c>
      <c r="KZ14" s="109">
        <v>0</v>
      </c>
      <c r="LA14" s="110">
        <v>0</v>
      </c>
      <c r="LB14" s="470">
        <v>0</v>
      </c>
      <c r="LC14" s="109">
        <v>-21492</v>
      </c>
      <c r="LD14" s="109">
        <v>0</v>
      </c>
      <c r="LE14" s="109">
        <v>548741</v>
      </c>
      <c r="LF14" s="109">
        <v>0</v>
      </c>
      <c r="LG14" s="109">
        <v>239656</v>
      </c>
      <c r="LH14" s="110">
        <v>766905</v>
      </c>
      <c r="LI14" s="111">
        <v>766905</v>
      </c>
      <c r="LJ14" s="129">
        <v>0</v>
      </c>
      <c r="LK14" s="109">
        <v>0</v>
      </c>
      <c r="LL14" s="110">
        <v>0</v>
      </c>
      <c r="LM14" s="470">
        <v>0</v>
      </c>
      <c r="LN14" s="109">
        <v>0</v>
      </c>
      <c r="LO14" s="109">
        <v>0</v>
      </c>
      <c r="LP14" s="109">
        <v>262352</v>
      </c>
      <c r="LQ14" s="109">
        <v>248935</v>
      </c>
      <c r="LR14" s="109">
        <v>0</v>
      </c>
      <c r="LS14" s="110">
        <v>511287</v>
      </c>
      <c r="LT14" s="292">
        <v>511287</v>
      </c>
      <c r="LU14" s="129">
        <v>0</v>
      </c>
      <c r="LV14" s="109">
        <v>0</v>
      </c>
      <c r="LW14" s="110">
        <v>0</v>
      </c>
      <c r="LX14" s="470">
        <v>0</v>
      </c>
      <c r="LY14" s="109">
        <v>419136</v>
      </c>
      <c r="LZ14" s="109">
        <v>196465</v>
      </c>
      <c r="MA14" s="109">
        <v>365593</v>
      </c>
      <c r="MB14" s="109">
        <v>300252</v>
      </c>
      <c r="MC14" s="109">
        <v>330299</v>
      </c>
      <c r="MD14" s="110">
        <v>1611745</v>
      </c>
      <c r="ME14" s="111">
        <v>1611745</v>
      </c>
      <c r="MF14" s="129">
        <v>0</v>
      </c>
      <c r="MG14" s="109">
        <v>0</v>
      </c>
      <c r="MH14" s="110">
        <v>0</v>
      </c>
      <c r="MI14" s="470">
        <v>0</v>
      </c>
      <c r="MJ14" s="109">
        <v>949892</v>
      </c>
      <c r="MK14" s="109">
        <v>1028074</v>
      </c>
      <c r="ML14" s="109">
        <v>5451478</v>
      </c>
      <c r="MM14" s="109">
        <v>3809725</v>
      </c>
      <c r="MN14" s="109">
        <v>3986621</v>
      </c>
      <c r="MO14" s="110">
        <v>15225790</v>
      </c>
      <c r="MP14" s="130">
        <v>15225790</v>
      </c>
      <c r="MQ14" s="129">
        <v>0</v>
      </c>
      <c r="MR14" s="109">
        <v>0</v>
      </c>
      <c r="MS14" s="110">
        <v>0</v>
      </c>
      <c r="MT14" s="470">
        <v>0</v>
      </c>
      <c r="MU14" s="109">
        <v>215444</v>
      </c>
      <c r="MV14" s="109">
        <v>420538</v>
      </c>
      <c r="MW14" s="109">
        <v>2350322</v>
      </c>
      <c r="MX14" s="109">
        <v>2119688</v>
      </c>
      <c r="MY14" s="109">
        <v>2069353</v>
      </c>
      <c r="MZ14" s="110">
        <v>7175345</v>
      </c>
      <c r="NA14" s="130">
        <v>7175345</v>
      </c>
      <c r="NB14" s="129">
        <v>0</v>
      </c>
      <c r="NC14" s="109">
        <v>0</v>
      </c>
      <c r="ND14" s="110">
        <v>0</v>
      </c>
      <c r="NE14" s="470">
        <v>0</v>
      </c>
      <c r="NF14" s="109">
        <v>734448</v>
      </c>
      <c r="NG14" s="109">
        <v>607536</v>
      </c>
      <c r="NH14" s="109">
        <v>3101156</v>
      </c>
      <c r="NI14" s="109">
        <v>1392989</v>
      </c>
      <c r="NJ14" s="109">
        <v>1917268</v>
      </c>
      <c r="NK14" s="110">
        <v>7753397</v>
      </c>
      <c r="NL14" s="292">
        <v>7753397</v>
      </c>
      <c r="NM14" s="129">
        <v>0</v>
      </c>
      <c r="NN14" s="109">
        <v>0</v>
      </c>
      <c r="NO14" s="110">
        <v>0</v>
      </c>
      <c r="NP14" s="470">
        <v>0</v>
      </c>
      <c r="NQ14" s="109">
        <v>0</v>
      </c>
      <c r="NR14" s="109">
        <v>0</v>
      </c>
      <c r="NS14" s="109">
        <v>0</v>
      </c>
      <c r="NT14" s="109">
        <v>0</v>
      </c>
      <c r="NU14" s="109">
        <v>0</v>
      </c>
      <c r="NV14" s="110">
        <v>0</v>
      </c>
      <c r="NW14" s="111">
        <v>0</v>
      </c>
      <c r="NX14" s="129">
        <v>0</v>
      </c>
      <c r="NY14" s="109">
        <v>0</v>
      </c>
      <c r="NZ14" s="110">
        <v>0</v>
      </c>
      <c r="OA14" s="470">
        <v>0</v>
      </c>
      <c r="OB14" s="109">
        <v>0</v>
      </c>
      <c r="OC14" s="109">
        <v>0</v>
      </c>
      <c r="OD14" s="109">
        <v>0</v>
      </c>
      <c r="OE14" s="109">
        <v>297048</v>
      </c>
      <c r="OF14" s="109">
        <v>0</v>
      </c>
      <c r="OG14" s="110">
        <v>297048</v>
      </c>
      <c r="OH14" s="111">
        <v>297048</v>
      </c>
      <c r="OI14" s="129">
        <v>987816</v>
      </c>
      <c r="OJ14" s="109">
        <v>534514</v>
      </c>
      <c r="OK14" s="128">
        <v>1522330</v>
      </c>
      <c r="OL14" s="108">
        <v>0</v>
      </c>
      <c r="OM14" s="109">
        <v>10705764</v>
      </c>
      <c r="ON14" s="109">
        <v>12692401</v>
      </c>
      <c r="OO14" s="109">
        <v>20862036</v>
      </c>
      <c r="OP14" s="109">
        <v>14040299</v>
      </c>
      <c r="OQ14" s="109">
        <v>10155001</v>
      </c>
      <c r="OR14" s="110">
        <v>68455501</v>
      </c>
      <c r="OS14" s="130">
        <v>69977831</v>
      </c>
    </row>
    <row r="15" spans="1:409" ht="21" customHeight="1" x14ac:dyDescent="0.2">
      <c r="B15" s="437" t="s">
        <v>9</v>
      </c>
      <c r="C15" s="100">
        <v>1062897</v>
      </c>
      <c r="D15" s="104">
        <v>1008552</v>
      </c>
      <c r="E15" s="103">
        <v>2071449</v>
      </c>
      <c r="F15" s="101">
        <v>0</v>
      </c>
      <c r="G15" s="104">
        <v>11348522</v>
      </c>
      <c r="H15" s="104">
        <v>10739312</v>
      </c>
      <c r="I15" s="104">
        <v>12779258</v>
      </c>
      <c r="J15" s="104">
        <v>12215018</v>
      </c>
      <c r="K15" s="104">
        <v>7980157</v>
      </c>
      <c r="L15" s="99">
        <v>55062267</v>
      </c>
      <c r="M15" s="106">
        <v>57133716</v>
      </c>
      <c r="N15" s="100">
        <v>215187</v>
      </c>
      <c r="O15" s="104">
        <v>335591</v>
      </c>
      <c r="P15" s="103">
        <v>550778</v>
      </c>
      <c r="Q15" s="100">
        <v>0</v>
      </c>
      <c r="R15" s="104">
        <v>4294193</v>
      </c>
      <c r="S15" s="104">
        <v>3441570</v>
      </c>
      <c r="T15" s="104">
        <v>4888066</v>
      </c>
      <c r="U15" s="104">
        <v>4525954</v>
      </c>
      <c r="V15" s="104">
        <v>4748498</v>
      </c>
      <c r="W15" s="103">
        <v>21898281</v>
      </c>
      <c r="X15" s="106">
        <v>22449059</v>
      </c>
      <c r="Y15" s="100">
        <v>0</v>
      </c>
      <c r="Z15" s="104">
        <v>0</v>
      </c>
      <c r="AA15" s="103">
        <v>0</v>
      </c>
      <c r="AB15" s="100">
        <v>0</v>
      </c>
      <c r="AC15" s="104">
        <v>1590330</v>
      </c>
      <c r="AD15" s="104">
        <v>1544259</v>
      </c>
      <c r="AE15" s="104">
        <v>2378870</v>
      </c>
      <c r="AF15" s="104">
        <v>2805821</v>
      </c>
      <c r="AG15" s="104">
        <v>2545584</v>
      </c>
      <c r="AH15" s="103">
        <v>10864864</v>
      </c>
      <c r="AI15" s="106">
        <v>10864864</v>
      </c>
      <c r="AJ15" s="100">
        <v>0</v>
      </c>
      <c r="AK15" s="104">
        <v>0</v>
      </c>
      <c r="AL15" s="103">
        <v>0</v>
      </c>
      <c r="AM15" s="100">
        <v>0</v>
      </c>
      <c r="AN15" s="104">
        <v>0</v>
      </c>
      <c r="AO15" s="104">
        <v>62285</v>
      </c>
      <c r="AP15" s="104">
        <v>73442</v>
      </c>
      <c r="AQ15" s="104">
        <v>0</v>
      </c>
      <c r="AR15" s="104">
        <v>353986</v>
      </c>
      <c r="AS15" s="103">
        <v>489713</v>
      </c>
      <c r="AT15" s="106">
        <v>489713</v>
      </c>
      <c r="AU15" s="100">
        <v>118084</v>
      </c>
      <c r="AV15" s="104">
        <v>218472</v>
      </c>
      <c r="AW15" s="103">
        <v>336556</v>
      </c>
      <c r="AX15" s="100">
        <v>0</v>
      </c>
      <c r="AY15" s="104">
        <v>1901764</v>
      </c>
      <c r="AZ15" s="104">
        <v>990881</v>
      </c>
      <c r="BA15" s="104">
        <v>1491920</v>
      </c>
      <c r="BB15" s="104">
        <v>888225</v>
      </c>
      <c r="BC15" s="104">
        <v>1414681</v>
      </c>
      <c r="BD15" s="103">
        <v>6687471</v>
      </c>
      <c r="BE15" s="106">
        <v>7024027</v>
      </c>
      <c r="BF15" s="100">
        <v>5423</v>
      </c>
      <c r="BG15" s="104">
        <v>59063</v>
      </c>
      <c r="BH15" s="102">
        <v>64486</v>
      </c>
      <c r="BI15" s="101">
        <v>0</v>
      </c>
      <c r="BJ15" s="104">
        <v>48411</v>
      </c>
      <c r="BK15" s="104">
        <v>191281</v>
      </c>
      <c r="BL15" s="104">
        <v>86050</v>
      </c>
      <c r="BM15" s="104">
        <v>109644</v>
      </c>
      <c r="BN15" s="104">
        <v>51487</v>
      </c>
      <c r="BO15" s="103">
        <v>486873</v>
      </c>
      <c r="BP15" s="106">
        <v>551359</v>
      </c>
      <c r="BQ15" s="100">
        <v>91680</v>
      </c>
      <c r="BR15" s="104">
        <v>58056</v>
      </c>
      <c r="BS15" s="103">
        <v>149736</v>
      </c>
      <c r="BT15" s="100">
        <v>0</v>
      </c>
      <c r="BU15" s="104">
        <v>753688</v>
      </c>
      <c r="BV15" s="104">
        <v>652864</v>
      </c>
      <c r="BW15" s="104">
        <v>857784</v>
      </c>
      <c r="BX15" s="104">
        <v>722264</v>
      </c>
      <c r="BY15" s="104">
        <v>382760</v>
      </c>
      <c r="BZ15" s="103">
        <v>3369360</v>
      </c>
      <c r="CA15" s="106">
        <v>3519096</v>
      </c>
      <c r="CB15" s="100">
        <v>66615</v>
      </c>
      <c r="CC15" s="104">
        <v>357974</v>
      </c>
      <c r="CD15" s="103">
        <v>424589</v>
      </c>
      <c r="CE15" s="100">
        <v>0</v>
      </c>
      <c r="CF15" s="104">
        <v>2573728</v>
      </c>
      <c r="CG15" s="104">
        <v>2356206</v>
      </c>
      <c r="CH15" s="104">
        <v>2920058</v>
      </c>
      <c r="CI15" s="104">
        <v>1967524</v>
      </c>
      <c r="CJ15" s="104">
        <v>339480</v>
      </c>
      <c r="CK15" s="103">
        <v>10156996</v>
      </c>
      <c r="CL15" s="106">
        <v>10581585</v>
      </c>
      <c r="CM15" s="100">
        <v>0</v>
      </c>
      <c r="CN15" s="104">
        <v>0</v>
      </c>
      <c r="CO15" s="103">
        <v>0</v>
      </c>
      <c r="CP15" s="101">
        <v>0</v>
      </c>
      <c r="CQ15" s="104">
        <v>2043615</v>
      </c>
      <c r="CR15" s="104">
        <v>1602215</v>
      </c>
      <c r="CS15" s="104">
        <v>1787079</v>
      </c>
      <c r="CT15" s="104">
        <v>1498199</v>
      </c>
      <c r="CU15" s="104">
        <v>135800</v>
      </c>
      <c r="CV15" s="103">
        <v>7066908</v>
      </c>
      <c r="CW15" s="106">
        <v>7066908</v>
      </c>
      <c r="CX15" s="100">
        <v>66615</v>
      </c>
      <c r="CY15" s="104">
        <v>357974</v>
      </c>
      <c r="CZ15" s="103">
        <v>424589</v>
      </c>
      <c r="DA15" s="100">
        <v>0</v>
      </c>
      <c r="DB15" s="104">
        <v>530113</v>
      </c>
      <c r="DC15" s="104">
        <v>753991</v>
      </c>
      <c r="DD15" s="104">
        <v>1132979</v>
      </c>
      <c r="DE15" s="104">
        <v>469325</v>
      </c>
      <c r="DF15" s="104">
        <v>203680</v>
      </c>
      <c r="DG15" s="103">
        <v>3090088</v>
      </c>
      <c r="DH15" s="106">
        <v>3514677</v>
      </c>
      <c r="DI15" s="100">
        <v>0</v>
      </c>
      <c r="DJ15" s="104">
        <v>0</v>
      </c>
      <c r="DK15" s="102">
        <v>0</v>
      </c>
      <c r="DL15" s="101">
        <v>0</v>
      </c>
      <c r="DM15" s="104">
        <v>221944</v>
      </c>
      <c r="DN15" s="104">
        <v>852648</v>
      </c>
      <c r="DO15" s="104">
        <v>1016829</v>
      </c>
      <c r="DP15" s="104">
        <v>1050679</v>
      </c>
      <c r="DQ15" s="104">
        <v>412559</v>
      </c>
      <c r="DR15" s="103">
        <v>3554659</v>
      </c>
      <c r="DS15" s="106">
        <v>3554659</v>
      </c>
      <c r="DT15" s="100">
        <v>0</v>
      </c>
      <c r="DU15" s="104">
        <v>0</v>
      </c>
      <c r="DV15" s="103">
        <v>0</v>
      </c>
      <c r="DW15" s="100">
        <v>0</v>
      </c>
      <c r="DX15" s="104">
        <v>221944</v>
      </c>
      <c r="DY15" s="104">
        <v>633727</v>
      </c>
      <c r="DZ15" s="104">
        <v>991002</v>
      </c>
      <c r="EA15" s="104">
        <v>1050679</v>
      </c>
      <c r="EB15" s="104">
        <v>412559</v>
      </c>
      <c r="EC15" s="103">
        <v>3309911</v>
      </c>
      <c r="ED15" s="106">
        <v>3309911</v>
      </c>
      <c r="EE15" s="100">
        <v>0</v>
      </c>
      <c r="EF15" s="102">
        <v>0</v>
      </c>
      <c r="EG15" s="103">
        <v>0</v>
      </c>
      <c r="EH15" s="100">
        <v>0</v>
      </c>
      <c r="EI15" s="104">
        <v>0</v>
      </c>
      <c r="EJ15" s="104">
        <v>218921</v>
      </c>
      <c r="EK15" s="104">
        <v>25827</v>
      </c>
      <c r="EL15" s="104">
        <v>0</v>
      </c>
      <c r="EM15" s="104">
        <v>0</v>
      </c>
      <c r="EN15" s="102">
        <v>244748</v>
      </c>
      <c r="EO15" s="106">
        <v>244748</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06">
        <v>0</v>
      </c>
      <c r="FE15" s="104">
        <v>0</v>
      </c>
      <c r="FF15" s="104">
        <v>0</v>
      </c>
      <c r="FG15" s="104">
        <v>0</v>
      </c>
      <c r="FH15" s="104">
        <v>0</v>
      </c>
      <c r="FI15" s="104">
        <v>0</v>
      </c>
      <c r="FJ15" s="103">
        <v>0</v>
      </c>
      <c r="FK15" s="106">
        <v>0</v>
      </c>
      <c r="FL15" s="100">
        <v>329680</v>
      </c>
      <c r="FM15" s="104">
        <v>217184</v>
      </c>
      <c r="FN15" s="103">
        <v>546864</v>
      </c>
      <c r="FO15" s="100">
        <v>0</v>
      </c>
      <c r="FP15" s="104">
        <v>681456</v>
      </c>
      <c r="FQ15" s="104">
        <v>809020</v>
      </c>
      <c r="FR15" s="104">
        <v>1062776</v>
      </c>
      <c r="FS15" s="104">
        <v>721216</v>
      </c>
      <c r="FT15" s="104">
        <v>602328</v>
      </c>
      <c r="FU15" s="103">
        <v>3876796</v>
      </c>
      <c r="FV15" s="106">
        <v>4423660</v>
      </c>
      <c r="FW15" s="105">
        <v>156880</v>
      </c>
      <c r="FX15" s="104">
        <v>149184</v>
      </c>
      <c r="FY15" s="102">
        <v>306064</v>
      </c>
      <c r="FZ15" s="101">
        <v>0</v>
      </c>
      <c r="GA15" s="104">
        <v>507056</v>
      </c>
      <c r="GB15" s="104">
        <v>781696</v>
      </c>
      <c r="GC15" s="104">
        <v>902776</v>
      </c>
      <c r="GD15" s="104">
        <v>702496</v>
      </c>
      <c r="GE15" s="104">
        <v>578328</v>
      </c>
      <c r="GF15" s="103">
        <v>3472352</v>
      </c>
      <c r="GG15" s="290">
        <v>3778416</v>
      </c>
      <c r="GH15" s="105">
        <v>0</v>
      </c>
      <c r="GI15" s="104">
        <v>0</v>
      </c>
      <c r="GJ15" s="102">
        <v>0</v>
      </c>
      <c r="GK15" s="101">
        <v>0</v>
      </c>
      <c r="GL15" s="104">
        <v>14400</v>
      </c>
      <c r="GM15" s="104">
        <v>27324</v>
      </c>
      <c r="GN15" s="104">
        <v>0</v>
      </c>
      <c r="GO15" s="104">
        <v>0</v>
      </c>
      <c r="GP15" s="104">
        <v>24000</v>
      </c>
      <c r="GQ15" s="103">
        <v>65724</v>
      </c>
      <c r="GR15" s="106">
        <v>65724</v>
      </c>
      <c r="GS15" s="100">
        <v>172800</v>
      </c>
      <c r="GT15" s="104">
        <v>68000</v>
      </c>
      <c r="GU15" s="103">
        <v>240800</v>
      </c>
      <c r="GV15" s="100">
        <v>0</v>
      </c>
      <c r="GW15" s="104">
        <v>160000</v>
      </c>
      <c r="GX15" s="104">
        <v>0</v>
      </c>
      <c r="GY15" s="104">
        <v>160000</v>
      </c>
      <c r="GZ15" s="104">
        <v>18720</v>
      </c>
      <c r="HA15" s="104">
        <v>0</v>
      </c>
      <c r="HB15" s="102">
        <v>338720</v>
      </c>
      <c r="HC15" s="106">
        <v>579520</v>
      </c>
      <c r="HD15" s="100">
        <v>451415</v>
      </c>
      <c r="HE15" s="104">
        <v>97803</v>
      </c>
      <c r="HF15" s="102">
        <v>549218</v>
      </c>
      <c r="HG15" s="101">
        <v>0</v>
      </c>
      <c r="HH15" s="104">
        <v>3577201</v>
      </c>
      <c r="HI15" s="104">
        <v>3279868</v>
      </c>
      <c r="HJ15" s="104">
        <v>2891529</v>
      </c>
      <c r="HK15" s="104">
        <v>3949645</v>
      </c>
      <c r="HL15" s="104">
        <v>1877292</v>
      </c>
      <c r="HM15" s="103">
        <v>15575535</v>
      </c>
      <c r="HN15" s="99">
        <v>16124753</v>
      </c>
      <c r="HO15" s="456">
        <v>0</v>
      </c>
      <c r="HP15" s="457">
        <v>0</v>
      </c>
      <c r="HQ15" s="458">
        <v>0</v>
      </c>
      <c r="HR15" s="459">
        <v>0</v>
      </c>
      <c r="HS15" s="457">
        <v>0</v>
      </c>
      <c r="HT15" s="457">
        <v>0</v>
      </c>
      <c r="HU15" s="457">
        <v>0</v>
      </c>
      <c r="HV15" s="457">
        <v>0</v>
      </c>
      <c r="HW15" s="457">
        <v>0</v>
      </c>
      <c r="HX15" s="460">
        <v>0</v>
      </c>
      <c r="HY15" s="461">
        <v>0</v>
      </c>
      <c r="HZ15" s="115">
        <v>40157</v>
      </c>
      <c r="IA15" s="134">
        <v>0</v>
      </c>
      <c r="IB15" s="116">
        <v>40157</v>
      </c>
      <c r="IC15" s="131">
        <v>0</v>
      </c>
      <c r="ID15" s="119">
        <v>2302565</v>
      </c>
      <c r="IE15" s="132">
        <v>3034451</v>
      </c>
      <c r="IF15" s="120">
        <v>4333846</v>
      </c>
      <c r="IG15" s="119">
        <v>1555179</v>
      </c>
      <c r="IH15" s="120">
        <v>1230102</v>
      </c>
      <c r="II15" s="133">
        <v>12456143</v>
      </c>
      <c r="IJ15" s="117">
        <v>12496300</v>
      </c>
      <c r="IK15" s="215">
        <v>0</v>
      </c>
      <c r="IL15" s="219">
        <v>0</v>
      </c>
      <c r="IM15" s="220">
        <v>0</v>
      </c>
      <c r="IN15" s="470">
        <v>0</v>
      </c>
      <c r="IO15" s="109">
        <v>0</v>
      </c>
      <c r="IP15" s="109">
        <v>118764</v>
      </c>
      <c r="IQ15" s="109">
        <v>0</v>
      </c>
      <c r="IR15" s="109">
        <v>0</v>
      </c>
      <c r="IS15" s="109">
        <v>0</v>
      </c>
      <c r="IT15" s="128">
        <v>118764</v>
      </c>
      <c r="IU15" s="292">
        <v>118764</v>
      </c>
      <c r="IV15" s="129">
        <v>0</v>
      </c>
      <c r="IW15" s="109">
        <v>0</v>
      </c>
      <c r="IX15" s="110">
        <v>0</v>
      </c>
      <c r="IY15" s="470">
        <v>0</v>
      </c>
      <c r="IZ15" s="109">
        <v>0</v>
      </c>
      <c r="JA15" s="109">
        <v>0</v>
      </c>
      <c r="JB15" s="109">
        <v>0</v>
      </c>
      <c r="JC15" s="109">
        <v>0</v>
      </c>
      <c r="JD15" s="109">
        <v>0</v>
      </c>
      <c r="JE15" s="110">
        <v>0</v>
      </c>
      <c r="JF15" s="111">
        <v>0</v>
      </c>
      <c r="JG15" s="129">
        <v>0</v>
      </c>
      <c r="JH15" s="109">
        <v>0</v>
      </c>
      <c r="JI15" s="128">
        <v>0</v>
      </c>
      <c r="JJ15" s="108">
        <v>0</v>
      </c>
      <c r="JK15" s="109">
        <v>1453763</v>
      </c>
      <c r="JL15" s="109">
        <v>1033425</v>
      </c>
      <c r="JM15" s="109">
        <v>1104511</v>
      </c>
      <c r="JN15" s="109">
        <v>414713</v>
      </c>
      <c r="JO15" s="109">
        <v>505734</v>
      </c>
      <c r="JP15" s="110">
        <v>4512146</v>
      </c>
      <c r="JQ15" s="292">
        <v>4512146</v>
      </c>
      <c r="JR15" s="129">
        <v>0</v>
      </c>
      <c r="JS15" s="109">
        <v>0</v>
      </c>
      <c r="JT15" s="128">
        <v>0</v>
      </c>
      <c r="JU15" s="108">
        <v>0</v>
      </c>
      <c r="JV15" s="109">
        <v>0</v>
      </c>
      <c r="JW15" s="109">
        <v>0</v>
      </c>
      <c r="JX15" s="109">
        <v>12051</v>
      </c>
      <c r="JY15" s="109">
        <v>0</v>
      </c>
      <c r="JZ15" s="109">
        <v>175194</v>
      </c>
      <c r="KA15" s="110">
        <v>187245</v>
      </c>
      <c r="KB15" s="292">
        <v>187245</v>
      </c>
      <c r="KC15" s="217">
        <v>40157</v>
      </c>
      <c r="KD15" s="213">
        <v>0</v>
      </c>
      <c r="KE15" s="110">
        <v>40157</v>
      </c>
      <c r="KF15" s="108">
        <v>0</v>
      </c>
      <c r="KG15" s="109">
        <v>118514</v>
      </c>
      <c r="KH15" s="109">
        <v>522610</v>
      </c>
      <c r="KI15" s="109">
        <v>246178</v>
      </c>
      <c r="KJ15" s="109">
        <v>0</v>
      </c>
      <c r="KK15" s="109">
        <v>0</v>
      </c>
      <c r="KL15" s="110">
        <v>887302</v>
      </c>
      <c r="KM15" s="130">
        <v>927459</v>
      </c>
      <c r="KN15" s="215">
        <v>0</v>
      </c>
      <c r="KO15" s="219">
        <v>0</v>
      </c>
      <c r="KP15" s="220">
        <v>0</v>
      </c>
      <c r="KQ15" s="470">
        <v>0</v>
      </c>
      <c r="KR15" s="109">
        <v>730288</v>
      </c>
      <c r="KS15" s="109">
        <v>994842</v>
      </c>
      <c r="KT15" s="109">
        <v>2713751</v>
      </c>
      <c r="KU15" s="109">
        <v>1140466</v>
      </c>
      <c r="KV15" s="109">
        <v>258498</v>
      </c>
      <c r="KW15" s="110">
        <v>5837845</v>
      </c>
      <c r="KX15" s="292">
        <v>5837845</v>
      </c>
      <c r="KY15" s="129">
        <v>0</v>
      </c>
      <c r="KZ15" s="109">
        <v>0</v>
      </c>
      <c r="LA15" s="110">
        <v>0</v>
      </c>
      <c r="LB15" s="470">
        <v>0</v>
      </c>
      <c r="LC15" s="109">
        <v>0</v>
      </c>
      <c r="LD15" s="109">
        <v>182960</v>
      </c>
      <c r="LE15" s="109">
        <v>0</v>
      </c>
      <c r="LF15" s="109">
        <v>0</v>
      </c>
      <c r="LG15" s="109">
        <v>0</v>
      </c>
      <c r="LH15" s="110">
        <v>182960</v>
      </c>
      <c r="LI15" s="111">
        <v>182960</v>
      </c>
      <c r="LJ15" s="129">
        <v>0</v>
      </c>
      <c r="LK15" s="109">
        <v>0</v>
      </c>
      <c r="LL15" s="110">
        <v>0</v>
      </c>
      <c r="LM15" s="470">
        <v>0</v>
      </c>
      <c r="LN15" s="109">
        <v>0</v>
      </c>
      <c r="LO15" s="109">
        <v>0</v>
      </c>
      <c r="LP15" s="109">
        <v>0</v>
      </c>
      <c r="LQ15" s="109">
        <v>0</v>
      </c>
      <c r="LR15" s="109">
        <v>0</v>
      </c>
      <c r="LS15" s="110">
        <v>0</v>
      </c>
      <c r="LT15" s="292">
        <v>0</v>
      </c>
      <c r="LU15" s="129">
        <v>0</v>
      </c>
      <c r="LV15" s="109">
        <v>0</v>
      </c>
      <c r="LW15" s="110">
        <v>0</v>
      </c>
      <c r="LX15" s="470">
        <v>0</v>
      </c>
      <c r="LY15" s="109">
        <v>0</v>
      </c>
      <c r="LZ15" s="109">
        <v>181850</v>
      </c>
      <c r="MA15" s="109">
        <v>257355</v>
      </c>
      <c r="MB15" s="109">
        <v>0</v>
      </c>
      <c r="MC15" s="109">
        <v>290676</v>
      </c>
      <c r="MD15" s="110">
        <v>729881</v>
      </c>
      <c r="ME15" s="111">
        <v>729881</v>
      </c>
      <c r="MF15" s="129">
        <v>0</v>
      </c>
      <c r="MG15" s="109">
        <v>0</v>
      </c>
      <c r="MH15" s="110">
        <v>0</v>
      </c>
      <c r="MI15" s="470">
        <v>0</v>
      </c>
      <c r="MJ15" s="109">
        <v>0</v>
      </c>
      <c r="MK15" s="109">
        <v>1372025</v>
      </c>
      <c r="ML15" s="109">
        <v>6176664</v>
      </c>
      <c r="MM15" s="109">
        <v>8130054</v>
      </c>
      <c r="MN15" s="109">
        <v>3200748</v>
      </c>
      <c r="MO15" s="110">
        <v>18879491</v>
      </c>
      <c r="MP15" s="130">
        <v>18879491</v>
      </c>
      <c r="MQ15" s="129">
        <v>0</v>
      </c>
      <c r="MR15" s="109">
        <v>0</v>
      </c>
      <c r="MS15" s="110">
        <v>0</v>
      </c>
      <c r="MT15" s="470">
        <v>0</v>
      </c>
      <c r="MU15" s="109">
        <v>0</v>
      </c>
      <c r="MV15" s="109">
        <v>0</v>
      </c>
      <c r="MW15" s="109">
        <v>3012975</v>
      </c>
      <c r="MX15" s="109">
        <v>6551354</v>
      </c>
      <c r="MY15" s="109">
        <v>2320960</v>
      </c>
      <c r="MZ15" s="110">
        <v>11885289</v>
      </c>
      <c r="NA15" s="130">
        <v>11885289</v>
      </c>
      <c r="NB15" s="129">
        <v>0</v>
      </c>
      <c r="NC15" s="109">
        <v>0</v>
      </c>
      <c r="ND15" s="110">
        <v>0</v>
      </c>
      <c r="NE15" s="470">
        <v>0</v>
      </c>
      <c r="NF15" s="109">
        <v>0</v>
      </c>
      <c r="NG15" s="109">
        <v>1372025</v>
      </c>
      <c r="NH15" s="109">
        <v>3163689</v>
      </c>
      <c r="NI15" s="109">
        <v>1578700</v>
      </c>
      <c r="NJ15" s="109">
        <v>879788</v>
      </c>
      <c r="NK15" s="110">
        <v>6994202</v>
      </c>
      <c r="NL15" s="292">
        <v>6994202</v>
      </c>
      <c r="NM15" s="129">
        <v>0</v>
      </c>
      <c r="NN15" s="109">
        <v>0</v>
      </c>
      <c r="NO15" s="110">
        <v>0</v>
      </c>
      <c r="NP15" s="470">
        <v>0</v>
      </c>
      <c r="NQ15" s="109">
        <v>0</v>
      </c>
      <c r="NR15" s="109">
        <v>0</v>
      </c>
      <c r="NS15" s="109">
        <v>0</v>
      </c>
      <c r="NT15" s="109">
        <v>0</v>
      </c>
      <c r="NU15" s="109">
        <v>0</v>
      </c>
      <c r="NV15" s="110">
        <v>0</v>
      </c>
      <c r="NW15" s="111">
        <v>0</v>
      </c>
      <c r="NX15" s="129">
        <v>0</v>
      </c>
      <c r="NY15" s="109">
        <v>0</v>
      </c>
      <c r="NZ15" s="110">
        <v>0</v>
      </c>
      <c r="OA15" s="470">
        <v>0</v>
      </c>
      <c r="OB15" s="109">
        <v>0</v>
      </c>
      <c r="OC15" s="109">
        <v>0</v>
      </c>
      <c r="OD15" s="109">
        <v>0</v>
      </c>
      <c r="OE15" s="109">
        <v>0</v>
      </c>
      <c r="OF15" s="109">
        <v>0</v>
      </c>
      <c r="OG15" s="110">
        <v>0</v>
      </c>
      <c r="OH15" s="111">
        <v>0</v>
      </c>
      <c r="OI15" s="129">
        <v>1103054</v>
      </c>
      <c r="OJ15" s="109">
        <v>1008552</v>
      </c>
      <c r="OK15" s="128">
        <v>2111606</v>
      </c>
      <c r="OL15" s="108">
        <v>0</v>
      </c>
      <c r="OM15" s="109">
        <v>13651087</v>
      </c>
      <c r="ON15" s="109">
        <v>15145788</v>
      </c>
      <c r="OO15" s="109">
        <v>23289768</v>
      </c>
      <c r="OP15" s="109">
        <v>21900251</v>
      </c>
      <c r="OQ15" s="109">
        <v>12411007</v>
      </c>
      <c r="OR15" s="110">
        <v>86397901</v>
      </c>
      <c r="OS15" s="130">
        <v>88509507</v>
      </c>
    </row>
    <row r="16" spans="1:409" ht="21" customHeight="1" x14ac:dyDescent="0.2">
      <c r="B16" s="437" t="s">
        <v>10</v>
      </c>
      <c r="C16" s="100">
        <v>1768370</v>
      </c>
      <c r="D16" s="104">
        <v>1578663</v>
      </c>
      <c r="E16" s="103">
        <v>3347033</v>
      </c>
      <c r="F16" s="155">
        <v>0</v>
      </c>
      <c r="G16" s="104">
        <v>18993582</v>
      </c>
      <c r="H16" s="104">
        <v>14284407</v>
      </c>
      <c r="I16" s="104">
        <v>13690432</v>
      </c>
      <c r="J16" s="104">
        <v>18530295</v>
      </c>
      <c r="K16" s="104">
        <v>10564091</v>
      </c>
      <c r="L16" s="99">
        <v>76062807</v>
      </c>
      <c r="M16" s="106">
        <v>79409840</v>
      </c>
      <c r="N16" s="100">
        <v>586824</v>
      </c>
      <c r="O16" s="104">
        <v>700389</v>
      </c>
      <c r="P16" s="103">
        <v>1287213</v>
      </c>
      <c r="Q16" s="100">
        <v>0</v>
      </c>
      <c r="R16" s="104">
        <v>6733636</v>
      </c>
      <c r="S16" s="104">
        <v>5262134</v>
      </c>
      <c r="T16" s="104">
        <v>4140718</v>
      </c>
      <c r="U16" s="104">
        <v>8359115</v>
      </c>
      <c r="V16" s="104">
        <v>5894524</v>
      </c>
      <c r="W16" s="103">
        <v>30390127</v>
      </c>
      <c r="X16" s="106">
        <v>31677340</v>
      </c>
      <c r="Y16" s="100">
        <v>0</v>
      </c>
      <c r="Z16" s="104">
        <v>0</v>
      </c>
      <c r="AA16" s="103">
        <v>0</v>
      </c>
      <c r="AB16" s="100">
        <v>0</v>
      </c>
      <c r="AC16" s="104">
        <v>2988552</v>
      </c>
      <c r="AD16" s="104">
        <v>2696622</v>
      </c>
      <c r="AE16" s="104">
        <v>1569495</v>
      </c>
      <c r="AF16" s="104">
        <v>5230526</v>
      </c>
      <c r="AG16" s="104">
        <v>3390688</v>
      </c>
      <c r="AH16" s="103">
        <v>15875883</v>
      </c>
      <c r="AI16" s="106">
        <v>15875883</v>
      </c>
      <c r="AJ16" s="100">
        <v>0</v>
      </c>
      <c r="AK16" s="104">
        <v>0</v>
      </c>
      <c r="AL16" s="103">
        <v>0</v>
      </c>
      <c r="AM16" s="100">
        <v>0</v>
      </c>
      <c r="AN16" s="104">
        <v>47374</v>
      </c>
      <c r="AO16" s="104">
        <v>49004</v>
      </c>
      <c r="AP16" s="104">
        <v>216103</v>
      </c>
      <c r="AQ16" s="104">
        <v>433880</v>
      </c>
      <c r="AR16" s="104">
        <v>786140</v>
      </c>
      <c r="AS16" s="103">
        <v>1532501</v>
      </c>
      <c r="AT16" s="106">
        <v>1532501</v>
      </c>
      <c r="AU16" s="100">
        <v>338416</v>
      </c>
      <c r="AV16" s="104">
        <v>494473</v>
      </c>
      <c r="AW16" s="103">
        <v>832889</v>
      </c>
      <c r="AX16" s="100">
        <v>0</v>
      </c>
      <c r="AY16" s="104">
        <v>2456043</v>
      </c>
      <c r="AZ16" s="104">
        <v>1335967</v>
      </c>
      <c r="BA16" s="104">
        <v>1260036</v>
      </c>
      <c r="BB16" s="104">
        <v>1652305</v>
      </c>
      <c r="BC16" s="104">
        <v>953738</v>
      </c>
      <c r="BD16" s="103">
        <v>7658089</v>
      </c>
      <c r="BE16" s="106">
        <v>8490978</v>
      </c>
      <c r="BF16" s="100">
        <v>63632</v>
      </c>
      <c r="BG16" s="104">
        <v>133332</v>
      </c>
      <c r="BH16" s="102">
        <v>196964</v>
      </c>
      <c r="BI16" s="101">
        <v>0</v>
      </c>
      <c r="BJ16" s="104">
        <v>108155</v>
      </c>
      <c r="BK16" s="104">
        <v>267503</v>
      </c>
      <c r="BL16" s="104">
        <v>122244</v>
      </c>
      <c r="BM16" s="104">
        <v>122260</v>
      </c>
      <c r="BN16" s="104">
        <v>162814</v>
      </c>
      <c r="BO16" s="103">
        <v>782976</v>
      </c>
      <c r="BP16" s="106">
        <v>979940</v>
      </c>
      <c r="BQ16" s="100">
        <v>184776</v>
      </c>
      <c r="BR16" s="104">
        <v>72584</v>
      </c>
      <c r="BS16" s="103">
        <v>257360</v>
      </c>
      <c r="BT16" s="100">
        <v>0</v>
      </c>
      <c r="BU16" s="104">
        <v>1133512</v>
      </c>
      <c r="BV16" s="104">
        <v>913038</v>
      </c>
      <c r="BW16" s="104">
        <v>972840</v>
      </c>
      <c r="BX16" s="104">
        <v>920144</v>
      </c>
      <c r="BY16" s="104">
        <v>601144</v>
      </c>
      <c r="BZ16" s="103">
        <v>4540678</v>
      </c>
      <c r="CA16" s="106">
        <v>4798038</v>
      </c>
      <c r="CB16" s="100">
        <v>82708</v>
      </c>
      <c r="CC16" s="104">
        <v>353091</v>
      </c>
      <c r="CD16" s="103">
        <v>435799</v>
      </c>
      <c r="CE16" s="100">
        <v>0</v>
      </c>
      <c r="CF16" s="104">
        <v>6785775</v>
      </c>
      <c r="CG16" s="104">
        <v>4414835</v>
      </c>
      <c r="CH16" s="104">
        <v>3069536</v>
      </c>
      <c r="CI16" s="104">
        <v>2120674</v>
      </c>
      <c r="CJ16" s="104">
        <v>894465</v>
      </c>
      <c r="CK16" s="103">
        <v>17285285</v>
      </c>
      <c r="CL16" s="106">
        <v>17721084</v>
      </c>
      <c r="CM16" s="100">
        <v>0</v>
      </c>
      <c r="CN16" s="104">
        <v>0</v>
      </c>
      <c r="CO16" s="103">
        <v>0</v>
      </c>
      <c r="CP16" s="101">
        <v>0</v>
      </c>
      <c r="CQ16" s="104">
        <v>5321818</v>
      </c>
      <c r="CR16" s="104">
        <v>3779368</v>
      </c>
      <c r="CS16" s="104">
        <v>2828880</v>
      </c>
      <c r="CT16" s="104">
        <v>1600336</v>
      </c>
      <c r="CU16" s="104">
        <v>445777</v>
      </c>
      <c r="CV16" s="103">
        <v>13976179</v>
      </c>
      <c r="CW16" s="106">
        <v>13976179</v>
      </c>
      <c r="CX16" s="100">
        <v>82708</v>
      </c>
      <c r="CY16" s="104">
        <v>353091</v>
      </c>
      <c r="CZ16" s="103">
        <v>435799</v>
      </c>
      <c r="DA16" s="100">
        <v>0</v>
      </c>
      <c r="DB16" s="104">
        <v>1463957</v>
      </c>
      <c r="DC16" s="104">
        <v>635467</v>
      </c>
      <c r="DD16" s="104">
        <v>240656</v>
      </c>
      <c r="DE16" s="104">
        <v>520338</v>
      </c>
      <c r="DF16" s="104">
        <v>448688</v>
      </c>
      <c r="DG16" s="103">
        <v>3309106</v>
      </c>
      <c r="DH16" s="106">
        <v>3744905</v>
      </c>
      <c r="DI16" s="100">
        <v>0</v>
      </c>
      <c r="DJ16" s="104">
        <v>49103</v>
      </c>
      <c r="DK16" s="102">
        <v>49103</v>
      </c>
      <c r="DL16" s="101">
        <v>0</v>
      </c>
      <c r="DM16" s="104">
        <v>255178</v>
      </c>
      <c r="DN16" s="104">
        <v>716739</v>
      </c>
      <c r="DO16" s="104">
        <v>1297414</v>
      </c>
      <c r="DP16" s="104">
        <v>1896392</v>
      </c>
      <c r="DQ16" s="104">
        <v>667229</v>
      </c>
      <c r="DR16" s="103">
        <v>4832952</v>
      </c>
      <c r="DS16" s="106">
        <v>4882055</v>
      </c>
      <c r="DT16" s="100">
        <v>0</v>
      </c>
      <c r="DU16" s="104">
        <v>49103</v>
      </c>
      <c r="DV16" s="103">
        <v>49103</v>
      </c>
      <c r="DW16" s="100">
        <v>0</v>
      </c>
      <c r="DX16" s="104">
        <v>255178</v>
      </c>
      <c r="DY16" s="104">
        <v>667978</v>
      </c>
      <c r="DZ16" s="104">
        <v>1115276</v>
      </c>
      <c r="EA16" s="104">
        <v>1824316</v>
      </c>
      <c r="EB16" s="104">
        <v>466962</v>
      </c>
      <c r="EC16" s="103">
        <v>4329710</v>
      </c>
      <c r="ED16" s="106">
        <v>4378813</v>
      </c>
      <c r="EE16" s="100">
        <v>0</v>
      </c>
      <c r="EF16" s="102">
        <v>0</v>
      </c>
      <c r="EG16" s="103">
        <v>0</v>
      </c>
      <c r="EH16" s="100">
        <v>0</v>
      </c>
      <c r="EI16" s="104">
        <v>0</v>
      </c>
      <c r="EJ16" s="104">
        <v>48761</v>
      </c>
      <c r="EK16" s="104">
        <v>182138</v>
      </c>
      <c r="EL16" s="104">
        <v>72076</v>
      </c>
      <c r="EM16" s="104">
        <v>200267</v>
      </c>
      <c r="EN16" s="102">
        <v>503242</v>
      </c>
      <c r="EO16" s="106">
        <v>503242</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06">
        <v>0</v>
      </c>
      <c r="FE16" s="104">
        <v>0</v>
      </c>
      <c r="FF16" s="104">
        <v>0</v>
      </c>
      <c r="FG16" s="104">
        <v>0</v>
      </c>
      <c r="FH16" s="104">
        <v>0</v>
      </c>
      <c r="FI16" s="104">
        <v>0</v>
      </c>
      <c r="FJ16" s="103">
        <v>0</v>
      </c>
      <c r="FK16" s="106">
        <v>0</v>
      </c>
      <c r="FL16" s="100">
        <v>547936</v>
      </c>
      <c r="FM16" s="104">
        <v>476080</v>
      </c>
      <c r="FN16" s="103">
        <v>1024016</v>
      </c>
      <c r="FO16" s="100">
        <v>0</v>
      </c>
      <c r="FP16" s="104">
        <v>883452</v>
      </c>
      <c r="FQ16" s="104">
        <v>1330984</v>
      </c>
      <c r="FR16" s="104">
        <v>1397640</v>
      </c>
      <c r="FS16" s="104">
        <v>1165528</v>
      </c>
      <c r="FT16" s="104">
        <v>745792</v>
      </c>
      <c r="FU16" s="103">
        <v>5523396</v>
      </c>
      <c r="FV16" s="106">
        <v>6547412</v>
      </c>
      <c r="FW16" s="105">
        <v>299936</v>
      </c>
      <c r="FX16" s="104">
        <v>417032</v>
      </c>
      <c r="FY16" s="102">
        <v>716968</v>
      </c>
      <c r="FZ16" s="101">
        <v>0</v>
      </c>
      <c r="GA16" s="104">
        <v>733172</v>
      </c>
      <c r="GB16" s="104">
        <v>1307752</v>
      </c>
      <c r="GC16" s="104">
        <v>1176008</v>
      </c>
      <c r="GD16" s="104">
        <v>1124728</v>
      </c>
      <c r="GE16" s="104">
        <v>724192</v>
      </c>
      <c r="GF16" s="103">
        <v>5065852</v>
      </c>
      <c r="GG16" s="290">
        <v>5782820</v>
      </c>
      <c r="GH16" s="105">
        <v>0</v>
      </c>
      <c r="GI16" s="104">
        <v>0</v>
      </c>
      <c r="GJ16" s="102">
        <v>0</v>
      </c>
      <c r="GK16" s="101">
        <v>0</v>
      </c>
      <c r="GL16" s="104">
        <v>82280</v>
      </c>
      <c r="GM16" s="104">
        <v>23232</v>
      </c>
      <c r="GN16" s="104">
        <v>23232</v>
      </c>
      <c r="GO16" s="104">
        <v>40800</v>
      </c>
      <c r="GP16" s="104">
        <v>21600</v>
      </c>
      <c r="GQ16" s="103">
        <v>191144</v>
      </c>
      <c r="GR16" s="106">
        <v>191144</v>
      </c>
      <c r="GS16" s="100">
        <v>248000</v>
      </c>
      <c r="GT16" s="104">
        <v>59048</v>
      </c>
      <c r="GU16" s="103">
        <v>307048</v>
      </c>
      <c r="GV16" s="100">
        <v>0</v>
      </c>
      <c r="GW16" s="104">
        <v>68000</v>
      </c>
      <c r="GX16" s="104">
        <v>0</v>
      </c>
      <c r="GY16" s="104">
        <v>198400</v>
      </c>
      <c r="GZ16" s="104">
        <v>0</v>
      </c>
      <c r="HA16" s="104">
        <v>0</v>
      </c>
      <c r="HB16" s="102">
        <v>266400</v>
      </c>
      <c r="HC16" s="106">
        <v>573448</v>
      </c>
      <c r="HD16" s="100">
        <v>550902</v>
      </c>
      <c r="HE16" s="104">
        <v>0</v>
      </c>
      <c r="HF16" s="102">
        <v>550902</v>
      </c>
      <c r="HG16" s="101">
        <v>0</v>
      </c>
      <c r="HH16" s="104">
        <v>4335541</v>
      </c>
      <c r="HI16" s="104">
        <v>2559715</v>
      </c>
      <c r="HJ16" s="104">
        <v>3785124</v>
      </c>
      <c r="HK16" s="104">
        <v>4988586</v>
      </c>
      <c r="HL16" s="104">
        <v>2362081</v>
      </c>
      <c r="HM16" s="103">
        <v>18031047</v>
      </c>
      <c r="HN16" s="99">
        <v>18581949</v>
      </c>
      <c r="HO16" s="456">
        <v>0</v>
      </c>
      <c r="HP16" s="457">
        <v>0</v>
      </c>
      <c r="HQ16" s="458">
        <v>0</v>
      </c>
      <c r="HR16" s="459">
        <v>0</v>
      </c>
      <c r="HS16" s="457">
        <v>0</v>
      </c>
      <c r="HT16" s="457">
        <v>0</v>
      </c>
      <c r="HU16" s="457">
        <v>0</v>
      </c>
      <c r="HV16" s="457">
        <v>0</v>
      </c>
      <c r="HW16" s="457">
        <v>0</v>
      </c>
      <c r="HX16" s="460">
        <v>0</v>
      </c>
      <c r="HY16" s="461">
        <v>0</v>
      </c>
      <c r="HZ16" s="135">
        <v>0</v>
      </c>
      <c r="IA16" s="122">
        <v>0</v>
      </c>
      <c r="IB16" s="135">
        <v>0</v>
      </c>
      <c r="IC16" s="121">
        <v>0</v>
      </c>
      <c r="ID16" s="122">
        <v>3579241</v>
      </c>
      <c r="IE16" s="123">
        <v>5453327</v>
      </c>
      <c r="IF16" s="124">
        <v>6294687</v>
      </c>
      <c r="IG16" s="122">
        <v>3190255</v>
      </c>
      <c r="IH16" s="124">
        <v>3759159</v>
      </c>
      <c r="II16" s="125">
        <v>22276669</v>
      </c>
      <c r="IJ16" s="135">
        <v>22276669</v>
      </c>
      <c r="IK16" s="215">
        <v>0</v>
      </c>
      <c r="IL16" s="219">
        <v>0</v>
      </c>
      <c r="IM16" s="220">
        <v>0</v>
      </c>
      <c r="IN16" s="470">
        <v>0</v>
      </c>
      <c r="IO16" s="109">
        <v>58423</v>
      </c>
      <c r="IP16" s="109">
        <v>386639</v>
      </c>
      <c r="IQ16" s="109">
        <v>193957</v>
      </c>
      <c r="IR16" s="109">
        <v>0</v>
      </c>
      <c r="IS16" s="109">
        <v>0</v>
      </c>
      <c r="IT16" s="128">
        <v>639019</v>
      </c>
      <c r="IU16" s="292">
        <v>639019</v>
      </c>
      <c r="IV16" s="129">
        <v>0</v>
      </c>
      <c r="IW16" s="109">
        <v>0</v>
      </c>
      <c r="IX16" s="110">
        <v>0</v>
      </c>
      <c r="IY16" s="470">
        <v>0</v>
      </c>
      <c r="IZ16" s="109">
        <v>0</v>
      </c>
      <c r="JA16" s="109">
        <v>0</v>
      </c>
      <c r="JB16" s="109">
        <v>17057</v>
      </c>
      <c r="JC16" s="109">
        <v>10692</v>
      </c>
      <c r="JD16" s="109">
        <v>9217</v>
      </c>
      <c r="JE16" s="110">
        <v>36966</v>
      </c>
      <c r="JF16" s="111">
        <v>36966</v>
      </c>
      <c r="JG16" s="129">
        <v>0</v>
      </c>
      <c r="JH16" s="109">
        <v>0</v>
      </c>
      <c r="JI16" s="128">
        <v>0</v>
      </c>
      <c r="JJ16" s="108">
        <v>0</v>
      </c>
      <c r="JK16" s="109">
        <v>1408402</v>
      </c>
      <c r="JL16" s="109">
        <v>993646</v>
      </c>
      <c r="JM16" s="109">
        <v>495328</v>
      </c>
      <c r="JN16" s="109">
        <v>321054</v>
      </c>
      <c r="JO16" s="109">
        <v>435442</v>
      </c>
      <c r="JP16" s="110">
        <v>3653872</v>
      </c>
      <c r="JQ16" s="292">
        <v>3653872</v>
      </c>
      <c r="JR16" s="129">
        <v>0</v>
      </c>
      <c r="JS16" s="109">
        <v>0</v>
      </c>
      <c r="JT16" s="128">
        <v>0</v>
      </c>
      <c r="JU16" s="108">
        <v>0</v>
      </c>
      <c r="JV16" s="109">
        <v>23732</v>
      </c>
      <c r="JW16" s="109">
        <v>0</v>
      </c>
      <c r="JX16" s="109">
        <v>287400</v>
      </c>
      <c r="JY16" s="109">
        <v>0</v>
      </c>
      <c r="JZ16" s="109">
        <v>46452</v>
      </c>
      <c r="KA16" s="110">
        <v>357584</v>
      </c>
      <c r="KB16" s="292">
        <v>357584</v>
      </c>
      <c r="KC16" s="217">
        <v>0</v>
      </c>
      <c r="KD16" s="213">
        <v>0</v>
      </c>
      <c r="KE16" s="110">
        <v>0</v>
      </c>
      <c r="KF16" s="108">
        <v>0</v>
      </c>
      <c r="KG16" s="109">
        <v>964416</v>
      </c>
      <c r="KH16" s="109">
        <v>550600</v>
      </c>
      <c r="KI16" s="109">
        <v>1206027</v>
      </c>
      <c r="KJ16" s="109">
        <v>276511</v>
      </c>
      <c r="KK16" s="109">
        <v>792352</v>
      </c>
      <c r="KL16" s="110">
        <v>3789906</v>
      </c>
      <c r="KM16" s="130">
        <v>3789906</v>
      </c>
      <c r="KN16" s="215">
        <v>0</v>
      </c>
      <c r="KO16" s="219">
        <v>0</v>
      </c>
      <c r="KP16" s="220">
        <v>0</v>
      </c>
      <c r="KQ16" s="470">
        <v>0</v>
      </c>
      <c r="KR16" s="109">
        <v>486408</v>
      </c>
      <c r="KS16" s="109">
        <v>3025022</v>
      </c>
      <c r="KT16" s="109">
        <v>3248516</v>
      </c>
      <c r="KU16" s="109">
        <v>645602</v>
      </c>
      <c r="KV16" s="109">
        <v>1344411</v>
      </c>
      <c r="KW16" s="110">
        <v>8749959</v>
      </c>
      <c r="KX16" s="292">
        <v>8749959</v>
      </c>
      <c r="KY16" s="129">
        <v>0</v>
      </c>
      <c r="KZ16" s="109">
        <v>0</v>
      </c>
      <c r="LA16" s="110">
        <v>0</v>
      </c>
      <c r="LB16" s="470">
        <v>0</v>
      </c>
      <c r="LC16" s="109">
        <v>637860</v>
      </c>
      <c r="LD16" s="109">
        <v>86545</v>
      </c>
      <c r="LE16" s="109">
        <v>76562</v>
      </c>
      <c r="LF16" s="109">
        <v>217629</v>
      </c>
      <c r="LG16" s="109">
        <v>0</v>
      </c>
      <c r="LH16" s="110">
        <v>1018596</v>
      </c>
      <c r="LI16" s="111">
        <v>1018596</v>
      </c>
      <c r="LJ16" s="129">
        <v>0</v>
      </c>
      <c r="LK16" s="109">
        <v>0</v>
      </c>
      <c r="LL16" s="110">
        <v>0</v>
      </c>
      <c r="LM16" s="470">
        <v>0</v>
      </c>
      <c r="LN16" s="109">
        <v>0</v>
      </c>
      <c r="LO16" s="109">
        <v>212983</v>
      </c>
      <c r="LP16" s="109">
        <v>498540</v>
      </c>
      <c r="LQ16" s="109">
        <v>433386</v>
      </c>
      <c r="LR16" s="109">
        <v>1131285</v>
      </c>
      <c r="LS16" s="110">
        <v>2276194</v>
      </c>
      <c r="LT16" s="292">
        <v>2276194</v>
      </c>
      <c r="LU16" s="129">
        <v>0</v>
      </c>
      <c r="LV16" s="109">
        <v>0</v>
      </c>
      <c r="LW16" s="110">
        <v>0</v>
      </c>
      <c r="LX16" s="470">
        <v>0</v>
      </c>
      <c r="LY16" s="109">
        <v>0</v>
      </c>
      <c r="LZ16" s="109">
        <v>197892</v>
      </c>
      <c r="MA16" s="109">
        <v>271300</v>
      </c>
      <c r="MB16" s="109">
        <v>1285381</v>
      </c>
      <c r="MC16" s="109">
        <v>0</v>
      </c>
      <c r="MD16" s="110">
        <v>1754573</v>
      </c>
      <c r="ME16" s="111">
        <v>1754573</v>
      </c>
      <c r="MF16" s="129">
        <v>0</v>
      </c>
      <c r="MG16" s="109">
        <v>0</v>
      </c>
      <c r="MH16" s="110">
        <v>0</v>
      </c>
      <c r="MI16" s="470">
        <v>0</v>
      </c>
      <c r="MJ16" s="109">
        <v>1499083</v>
      </c>
      <c r="MK16" s="109">
        <v>905568</v>
      </c>
      <c r="ML16" s="109">
        <v>6639140</v>
      </c>
      <c r="MM16" s="109">
        <v>12603132</v>
      </c>
      <c r="MN16" s="109">
        <v>5626785</v>
      </c>
      <c r="MO16" s="110">
        <v>27273708</v>
      </c>
      <c r="MP16" s="130">
        <v>27273708</v>
      </c>
      <c r="MQ16" s="129">
        <v>0</v>
      </c>
      <c r="MR16" s="109">
        <v>0</v>
      </c>
      <c r="MS16" s="110">
        <v>0</v>
      </c>
      <c r="MT16" s="470">
        <v>0</v>
      </c>
      <c r="MU16" s="109">
        <v>215412</v>
      </c>
      <c r="MV16" s="109">
        <v>241770</v>
      </c>
      <c r="MW16" s="109">
        <v>5421739</v>
      </c>
      <c r="MX16" s="109">
        <v>8989252</v>
      </c>
      <c r="MY16" s="109">
        <v>2894253</v>
      </c>
      <c r="MZ16" s="110">
        <v>17762426</v>
      </c>
      <c r="NA16" s="130">
        <v>17762426</v>
      </c>
      <c r="NB16" s="129">
        <v>0</v>
      </c>
      <c r="NC16" s="109">
        <v>0</v>
      </c>
      <c r="ND16" s="110">
        <v>0</v>
      </c>
      <c r="NE16" s="470">
        <v>0</v>
      </c>
      <c r="NF16" s="109">
        <v>1283671</v>
      </c>
      <c r="NG16" s="109">
        <v>663798</v>
      </c>
      <c r="NH16" s="109">
        <v>1217401</v>
      </c>
      <c r="NI16" s="109">
        <v>3613880</v>
      </c>
      <c r="NJ16" s="109">
        <v>2351536</v>
      </c>
      <c r="NK16" s="110">
        <v>9130286</v>
      </c>
      <c r="NL16" s="292">
        <v>9130286</v>
      </c>
      <c r="NM16" s="129">
        <v>0</v>
      </c>
      <c r="NN16" s="109">
        <v>0</v>
      </c>
      <c r="NO16" s="110">
        <v>0</v>
      </c>
      <c r="NP16" s="470">
        <v>0</v>
      </c>
      <c r="NQ16" s="109">
        <v>0</v>
      </c>
      <c r="NR16" s="109">
        <v>0</v>
      </c>
      <c r="NS16" s="109">
        <v>0</v>
      </c>
      <c r="NT16" s="109">
        <v>0</v>
      </c>
      <c r="NU16" s="109">
        <v>0</v>
      </c>
      <c r="NV16" s="110">
        <v>0</v>
      </c>
      <c r="NW16" s="111">
        <v>0</v>
      </c>
      <c r="NX16" s="129">
        <v>0</v>
      </c>
      <c r="NY16" s="109">
        <v>0</v>
      </c>
      <c r="NZ16" s="110">
        <v>0</v>
      </c>
      <c r="OA16" s="470">
        <v>0</v>
      </c>
      <c r="OB16" s="109">
        <v>0</v>
      </c>
      <c r="OC16" s="109">
        <v>0</v>
      </c>
      <c r="OD16" s="109">
        <v>0</v>
      </c>
      <c r="OE16" s="109">
        <v>0</v>
      </c>
      <c r="OF16" s="109">
        <v>380996</v>
      </c>
      <c r="OG16" s="110">
        <v>380996</v>
      </c>
      <c r="OH16" s="111">
        <v>380996</v>
      </c>
      <c r="OI16" s="129">
        <v>1768370</v>
      </c>
      <c r="OJ16" s="109">
        <v>1578663</v>
      </c>
      <c r="OK16" s="128">
        <v>3347033</v>
      </c>
      <c r="OL16" s="108">
        <v>0</v>
      </c>
      <c r="OM16" s="109">
        <v>24071906</v>
      </c>
      <c r="ON16" s="109">
        <v>20643302</v>
      </c>
      <c r="OO16" s="109">
        <v>26624259</v>
      </c>
      <c r="OP16" s="109">
        <v>34323682</v>
      </c>
      <c r="OQ16" s="109">
        <v>19950035</v>
      </c>
      <c r="OR16" s="110">
        <v>125613184</v>
      </c>
      <c r="OS16" s="130">
        <v>128960217</v>
      </c>
    </row>
    <row r="17" spans="2:409" ht="21" customHeight="1" x14ac:dyDescent="0.2">
      <c r="B17" s="437" t="s">
        <v>11</v>
      </c>
      <c r="C17" s="100">
        <v>682538</v>
      </c>
      <c r="D17" s="104">
        <v>891453</v>
      </c>
      <c r="E17" s="154">
        <v>1573991</v>
      </c>
      <c r="F17" s="101">
        <v>0</v>
      </c>
      <c r="G17" s="104">
        <v>7112752</v>
      </c>
      <c r="H17" s="104">
        <v>7380289</v>
      </c>
      <c r="I17" s="104">
        <v>5599402</v>
      </c>
      <c r="J17" s="104">
        <v>10193343</v>
      </c>
      <c r="K17" s="104">
        <v>3468459</v>
      </c>
      <c r="L17" s="99">
        <v>33754245</v>
      </c>
      <c r="M17" s="106">
        <v>35328236</v>
      </c>
      <c r="N17" s="100">
        <v>142958</v>
      </c>
      <c r="O17" s="104">
        <v>215373</v>
      </c>
      <c r="P17" s="103">
        <v>358331</v>
      </c>
      <c r="Q17" s="100">
        <v>0</v>
      </c>
      <c r="R17" s="104">
        <v>1429700</v>
      </c>
      <c r="S17" s="104">
        <v>1841903</v>
      </c>
      <c r="T17" s="104">
        <v>2182706</v>
      </c>
      <c r="U17" s="104">
        <v>2753275</v>
      </c>
      <c r="V17" s="104">
        <v>2019755</v>
      </c>
      <c r="W17" s="103">
        <v>10227339</v>
      </c>
      <c r="X17" s="106">
        <v>10585670</v>
      </c>
      <c r="Y17" s="100">
        <v>0</v>
      </c>
      <c r="Z17" s="104">
        <v>0</v>
      </c>
      <c r="AA17" s="103">
        <v>0</v>
      </c>
      <c r="AB17" s="100">
        <v>0</v>
      </c>
      <c r="AC17" s="104">
        <v>487330</v>
      </c>
      <c r="AD17" s="104">
        <v>897540</v>
      </c>
      <c r="AE17" s="104">
        <v>718653</v>
      </c>
      <c r="AF17" s="104">
        <v>1417708</v>
      </c>
      <c r="AG17" s="104">
        <v>1369551</v>
      </c>
      <c r="AH17" s="103">
        <v>4890782</v>
      </c>
      <c r="AI17" s="106">
        <v>4890782</v>
      </c>
      <c r="AJ17" s="100">
        <v>0</v>
      </c>
      <c r="AK17" s="104">
        <v>0</v>
      </c>
      <c r="AL17" s="103">
        <v>0</v>
      </c>
      <c r="AM17" s="100">
        <v>0</v>
      </c>
      <c r="AN17" s="104">
        <v>13361</v>
      </c>
      <c r="AO17" s="104">
        <v>92242</v>
      </c>
      <c r="AP17" s="104">
        <v>23060</v>
      </c>
      <c r="AQ17" s="104">
        <v>175375</v>
      </c>
      <c r="AR17" s="104">
        <v>214272</v>
      </c>
      <c r="AS17" s="103">
        <v>518310</v>
      </c>
      <c r="AT17" s="106">
        <v>518310</v>
      </c>
      <c r="AU17" s="100">
        <v>124646</v>
      </c>
      <c r="AV17" s="104">
        <v>107500</v>
      </c>
      <c r="AW17" s="103">
        <v>232146</v>
      </c>
      <c r="AX17" s="100">
        <v>0</v>
      </c>
      <c r="AY17" s="104">
        <v>504747</v>
      </c>
      <c r="AZ17" s="104">
        <v>433257</v>
      </c>
      <c r="BA17" s="104">
        <v>1241689</v>
      </c>
      <c r="BB17" s="104">
        <v>665599</v>
      </c>
      <c r="BC17" s="104">
        <v>259806</v>
      </c>
      <c r="BD17" s="103">
        <v>3105098</v>
      </c>
      <c r="BE17" s="106">
        <v>3337244</v>
      </c>
      <c r="BF17" s="100">
        <v>0</v>
      </c>
      <c r="BG17" s="104">
        <v>50161</v>
      </c>
      <c r="BH17" s="102">
        <v>50161</v>
      </c>
      <c r="BI17" s="101">
        <v>0</v>
      </c>
      <c r="BJ17" s="104">
        <v>103046</v>
      </c>
      <c r="BK17" s="104">
        <v>0</v>
      </c>
      <c r="BL17" s="104">
        <v>30592</v>
      </c>
      <c r="BM17" s="104">
        <v>141345</v>
      </c>
      <c r="BN17" s="104">
        <v>41862</v>
      </c>
      <c r="BO17" s="103">
        <v>316845</v>
      </c>
      <c r="BP17" s="106">
        <v>367006</v>
      </c>
      <c r="BQ17" s="100">
        <v>18312</v>
      </c>
      <c r="BR17" s="104">
        <v>57712</v>
      </c>
      <c r="BS17" s="103">
        <v>76024</v>
      </c>
      <c r="BT17" s="100">
        <v>0</v>
      </c>
      <c r="BU17" s="104">
        <v>321216</v>
      </c>
      <c r="BV17" s="104">
        <v>418864</v>
      </c>
      <c r="BW17" s="104">
        <v>168712</v>
      </c>
      <c r="BX17" s="104">
        <v>353248</v>
      </c>
      <c r="BY17" s="104">
        <v>134264</v>
      </c>
      <c r="BZ17" s="103">
        <v>1396304</v>
      </c>
      <c r="CA17" s="106">
        <v>1472328</v>
      </c>
      <c r="CB17" s="100">
        <v>221395</v>
      </c>
      <c r="CC17" s="104">
        <v>257966</v>
      </c>
      <c r="CD17" s="103">
        <v>479361</v>
      </c>
      <c r="CE17" s="100">
        <v>0</v>
      </c>
      <c r="CF17" s="104">
        <v>2462195</v>
      </c>
      <c r="CG17" s="104">
        <v>2390099</v>
      </c>
      <c r="CH17" s="104">
        <v>1838815</v>
      </c>
      <c r="CI17" s="104">
        <v>2157061</v>
      </c>
      <c r="CJ17" s="104">
        <v>243213</v>
      </c>
      <c r="CK17" s="103">
        <v>9091383</v>
      </c>
      <c r="CL17" s="106">
        <v>9570744</v>
      </c>
      <c r="CM17" s="100">
        <v>0</v>
      </c>
      <c r="CN17" s="104">
        <v>0</v>
      </c>
      <c r="CO17" s="103">
        <v>0</v>
      </c>
      <c r="CP17" s="101">
        <v>0</v>
      </c>
      <c r="CQ17" s="104">
        <v>1867721</v>
      </c>
      <c r="CR17" s="104">
        <v>1698277</v>
      </c>
      <c r="CS17" s="104">
        <v>1190572</v>
      </c>
      <c r="CT17" s="104">
        <v>1091166</v>
      </c>
      <c r="CU17" s="104">
        <v>139267</v>
      </c>
      <c r="CV17" s="103">
        <v>5987003</v>
      </c>
      <c r="CW17" s="106">
        <v>5987003</v>
      </c>
      <c r="CX17" s="100">
        <v>221395</v>
      </c>
      <c r="CY17" s="104">
        <v>257966</v>
      </c>
      <c r="CZ17" s="103">
        <v>479361</v>
      </c>
      <c r="DA17" s="100">
        <v>0</v>
      </c>
      <c r="DB17" s="104">
        <v>594474</v>
      </c>
      <c r="DC17" s="104">
        <v>691822</v>
      </c>
      <c r="DD17" s="104">
        <v>648243</v>
      </c>
      <c r="DE17" s="104">
        <v>1065895</v>
      </c>
      <c r="DF17" s="104">
        <v>103946</v>
      </c>
      <c r="DG17" s="103">
        <v>3104380</v>
      </c>
      <c r="DH17" s="106">
        <v>3583741</v>
      </c>
      <c r="DI17" s="100">
        <v>18314</v>
      </c>
      <c r="DJ17" s="104">
        <v>0</v>
      </c>
      <c r="DK17" s="102">
        <v>18314</v>
      </c>
      <c r="DL17" s="101">
        <v>0</v>
      </c>
      <c r="DM17" s="104">
        <v>304563</v>
      </c>
      <c r="DN17" s="104">
        <v>621162</v>
      </c>
      <c r="DO17" s="104">
        <v>67974</v>
      </c>
      <c r="DP17" s="104">
        <v>543564</v>
      </c>
      <c r="DQ17" s="104">
        <v>254836</v>
      </c>
      <c r="DR17" s="103">
        <v>1792099</v>
      </c>
      <c r="DS17" s="106">
        <v>1810413</v>
      </c>
      <c r="DT17" s="100">
        <v>18314</v>
      </c>
      <c r="DU17" s="104">
        <v>0</v>
      </c>
      <c r="DV17" s="103">
        <v>18314</v>
      </c>
      <c r="DW17" s="100">
        <v>0</v>
      </c>
      <c r="DX17" s="104">
        <v>283622</v>
      </c>
      <c r="DY17" s="104">
        <v>507592</v>
      </c>
      <c r="DZ17" s="104">
        <v>67974</v>
      </c>
      <c r="EA17" s="104">
        <v>498529</v>
      </c>
      <c r="EB17" s="104">
        <v>254836</v>
      </c>
      <c r="EC17" s="103">
        <v>1612553</v>
      </c>
      <c r="ED17" s="106">
        <v>1630867</v>
      </c>
      <c r="EE17" s="100">
        <v>0</v>
      </c>
      <c r="EF17" s="102">
        <v>0</v>
      </c>
      <c r="EG17" s="103">
        <v>0</v>
      </c>
      <c r="EH17" s="100">
        <v>0</v>
      </c>
      <c r="EI17" s="104">
        <v>20941</v>
      </c>
      <c r="EJ17" s="104">
        <v>113570</v>
      </c>
      <c r="EK17" s="104">
        <v>0</v>
      </c>
      <c r="EL17" s="104">
        <v>45035</v>
      </c>
      <c r="EM17" s="104">
        <v>0</v>
      </c>
      <c r="EN17" s="102">
        <v>179546</v>
      </c>
      <c r="EO17" s="106">
        <v>179546</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06">
        <v>0</v>
      </c>
      <c r="FE17" s="104">
        <v>0</v>
      </c>
      <c r="FF17" s="104">
        <v>0</v>
      </c>
      <c r="FG17" s="104">
        <v>0</v>
      </c>
      <c r="FH17" s="104">
        <v>0</v>
      </c>
      <c r="FI17" s="104">
        <v>0</v>
      </c>
      <c r="FJ17" s="103">
        <v>0</v>
      </c>
      <c r="FK17" s="106">
        <v>0</v>
      </c>
      <c r="FL17" s="100">
        <v>53280</v>
      </c>
      <c r="FM17" s="104">
        <v>217984</v>
      </c>
      <c r="FN17" s="103">
        <v>271264</v>
      </c>
      <c r="FO17" s="100">
        <v>0</v>
      </c>
      <c r="FP17" s="104">
        <v>362976</v>
      </c>
      <c r="FQ17" s="104">
        <v>663168</v>
      </c>
      <c r="FR17" s="104">
        <v>488720</v>
      </c>
      <c r="FS17" s="104">
        <v>699368</v>
      </c>
      <c r="FT17" s="104">
        <v>243048</v>
      </c>
      <c r="FU17" s="103">
        <v>2457280</v>
      </c>
      <c r="FV17" s="106">
        <v>2728544</v>
      </c>
      <c r="FW17" s="105">
        <v>53280</v>
      </c>
      <c r="FX17" s="104">
        <v>195808</v>
      </c>
      <c r="FY17" s="102">
        <v>249088</v>
      </c>
      <c r="FZ17" s="101">
        <v>0</v>
      </c>
      <c r="GA17" s="104">
        <v>250632</v>
      </c>
      <c r="GB17" s="104">
        <v>649088</v>
      </c>
      <c r="GC17" s="104">
        <v>488720</v>
      </c>
      <c r="GD17" s="104">
        <v>643048</v>
      </c>
      <c r="GE17" s="104">
        <v>243048</v>
      </c>
      <c r="GF17" s="103">
        <v>2274536</v>
      </c>
      <c r="GG17" s="290">
        <v>2523624</v>
      </c>
      <c r="GH17" s="105">
        <v>0</v>
      </c>
      <c r="GI17" s="104">
        <v>22176</v>
      </c>
      <c r="GJ17" s="102">
        <v>22176</v>
      </c>
      <c r="GK17" s="101">
        <v>0</v>
      </c>
      <c r="GL17" s="104">
        <v>0</v>
      </c>
      <c r="GM17" s="104">
        <v>14080</v>
      </c>
      <c r="GN17" s="104">
        <v>0</v>
      </c>
      <c r="GO17" s="104">
        <v>56320</v>
      </c>
      <c r="GP17" s="104">
        <v>0</v>
      </c>
      <c r="GQ17" s="103">
        <v>70400</v>
      </c>
      <c r="GR17" s="106">
        <v>92576</v>
      </c>
      <c r="GS17" s="100">
        <v>0</v>
      </c>
      <c r="GT17" s="104">
        <v>0</v>
      </c>
      <c r="GU17" s="103">
        <v>0</v>
      </c>
      <c r="GV17" s="100">
        <v>0</v>
      </c>
      <c r="GW17" s="104">
        <v>112344</v>
      </c>
      <c r="GX17" s="104">
        <v>0</v>
      </c>
      <c r="GY17" s="104">
        <v>0</v>
      </c>
      <c r="GZ17" s="104">
        <v>0</v>
      </c>
      <c r="HA17" s="104">
        <v>0</v>
      </c>
      <c r="HB17" s="102">
        <v>112344</v>
      </c>
      <c r="HC17" s="106">
        <v>112344</v>
      </c>
      <c r="HD17" s="100">
        <v>246591</v>
      </c>
      <c r="HE17" s="104">
        <v>200130</v>
      </c>
      <c r="HF17" s="102">
        <v>446721</v>
      </c>
      <c r="HG17" s="101">
        <v>0</v>
      </c>
      <c r="HH17" s="104">
        <v>2553318</v>
      </c>
      <c r="HI17" s="104">
        <v>1863957</v>
      </c>
      <c r="HJ17" s="104">
        <v>1021187</v>
      </c>
      <c r="HK17" s="104">
        <v>4040075</v>
      </c>
      <c r="HL17" s="104">
        <v>707607</v>
      </c>
      <c r="HM17" s="103">
        <v>10186144</v>
      </c>
      <c r="HN17" s="99">
        <v>10632865</v>
      </c>
      <c r="HO17" s="456">
        <v>0</v>
      </c>
      <c r="HP17" s="457">
        <v>0</v>
      </c>
      <c r="HQ17" s="458">
        <v>0</v>
      </c>
      <c r="HR17" s="459">
        <v>0</v>
      </c>
      <c r="HS17" s="457">
        <v>0</v>
      </c>
      <c r="HT17" s="457">
        <v>0</v>
      </c>
      <c r="HU17" s="457">
        <v>0</v>
      </c>
      <c r="HV17" s="457">
        <v>0</v>
      </c>
      <c r="HW17" s="457">
        <v>0</v>
      </c>
      <c r="HX17" s="460">
        <v>0</v>
      </c>
      <c r="HY17" s="461">
        <v>0</v>
      </c>
      <c r="HZ17" s="118">
        <v>0</v>
      </c>
      <c r="IA17" s="119">
        <v>0</v>
      </c>
      <c r="IB17" s="120">
        <v>0</v>
      </c>
      <c r="IC17" s="131">
        <v>0</v>
      </c>
      <c r="ID17" s="119">
        <v>1615935</v>
      </c>
      <c r="IE17" s="132">
        <v>1933652</v>
      </c>
      <c r="IF17" s="120">
        <v>2351179</v>
      </c>
      <c r="IG17" s="119">
        <v>1330791</v>
      </c>
      <c r="IH17" s="120">
        <v>346176</v>
      </c>
      <c r="II17" s="133">
        <v>7577733</v>
      </c>
      <c r="IJ17" s="126">
        <v>7577733</v>
      </c>
      <c r="IK17" s="215">
        <v>0</v>
      </c>
      <c r="IL17" s="219">
        <v>0</v>
      </c>
      <c r="IM17" s="220">
        <v>0</v>
      </c>
      <c r="IN17" s="470">
        <v>0</v>
      </c>
      <c r="IO17" s="109">
        <v>0</v>
      </c>
      <c r="IP17" s="109">
        <v>0</v>
      </c>
      <c r="IQ17" s="109">
        <v>175342</v>
      </c>
      <c r="IR17" s="109">
        <v>0</v>
      </c>
      <c r="IS17" s="109">
        <v>0</v>
      </c>
      <c r="IT17" s="128">
        <v>175342</v>
      </c>
      <c r="IU17" s="292">
        <v>175342</v>
      </c>
      <c r="IV17" s="129">
        <v>0</v>
      </c>
      <c r="IW17" s="109">
        <v>0</v>
      </c>
      <c r="IX17" s="110">
        <v>0</v>
      </c>
      <c r="IY17" s="470">
        <v>0</v>
      </c>
      <c r="IZ17" s="109">
        <v>0</v>
      </c>
      <c r="JA17" s="109">
        <v>0</v>
      </c>
      <c r="JB17" s="109">
        <v>0</v>
      </c>
      <c r="JC17" s="109">
        <v>0</v>
      </c>
      <c r="JD17" s="109">
        <v>0</v>
      </c>
      <c r="JE17" s="110">
        <v>0</v>
      </c>
      <c r="JF17" s="111">
        <v>0</v>
      </c>
      <c r="JG17" s="129">
        <v>0</v>
      </c>
      <c r="JH17" s="109">
        <v>0</v>
      </c>
      <c r="JI17" s="128">
        <v>0</v>
      </c>
      <c r="JJ17" s="108">
        <v>0</v>
      </c>
      <c r="JK17" s="109">
        <v>542511</v>
      </c>
      <c r="JL17" s="109">
        <v>422222</v>
      </c>
      <c r="JM17" s="109">
        <v>416340</v>
      </c>
      <c r="JN17" s="109">
        <v>263312</v>
      </c>
      <c r="JO17" s="109">
        <v>346176</v>
      </c>
      <c r="JP17" s="110">
        <v>1990561</v>
      </c>
      <c r="JQ17" s="292">
        <v>1990561</v>
      </c>
      <c r="JR17" s="129">
        <v>0</v>
      </c>
      <c r="JS17" s="109">
        <v>0</v>
      </c>
      <c r="JT17" s="128">
        <v>0</v>
      </c>
      <c r="JU17" s="108">
        <v>0</v>
      </c>
      <c r="JV17" s="109">
        <v>121180</v>
      </c>
      <c r="JW17" s="109">
        <v>232773</v>
      </c>
      <c r="JX17" s="109">
        <v>261200</v>
      </c>
      <c r="JY17" s="109">
        <v>0</v>
      </c>
      <c r="JZ17" s="109">
        <v>0</v>
      </c>
      <c r="KA17" s="110">
        <v>615153</v>
      </c>
      <c r="KB17" s="292">
        <v>615153</v>
      </c>
      <c r="KC17" s="217">
        <v>0</v>
      </c>
      <c r="KD17" s="213">
        <v>0</v>
      </c>
      <c r="KE17" s="110">
        <v>0</v>
      </c>
      <c r="KF17" s="108">
        <v>0</v>
      </c>
      <c r="KG17" s="109">
        <v>239940</v>
      </c>
      <c r="KH17" s="109">
        <v>333597</v>
      </c>
      <c r="KI17" s="109">
        <v>718453</v>
      </c>
      <c r="KJ17" s="109">
        <v>0</v>
      </c>
      <c r="KK17" s="109">
        <v>0</v>
      </c>
      <c r="KL17" s="110">
        <v>1291990</v>
      </c>
      <c r="KM17" s="130">
        <v>1291990</v>
      </c>
      <c r="KN17" s="215">
        <v>0</v>
      </c>
      <c r="KO17" s="219">
        <v>0</v>
      </c>
      <c r="KP17" s="220">
        <v>0</v>
      </c>
      <c r="KQ17" s="470">
        <v>0</v>
      </c>
      <c r="KR17" s="109">
        <v>433448</v>
      </c>
      <c r="KS17" s="109">
        <v>755600</v>
      </c>
      <c r="KT17" s="109">
        <v>779844</v>
      </c>
      <c r="KU17" s="109">
        <v>785837</v>
      </c>
      <c r="KV17" s="109">
        <v>0</v>
      </c>
      <c r="KW17" s="110">
        <v>2754729</v>
      </c>
      <c r="KX17" s="292">
        <v>2754729</v>
      </c>
      <c r="KY17" s="129">
        <v>0</v>
      </c>
      <c r="KZ17" s="109">
        <v>0</v>
      </c>
      <c r="LA17" s="110">
        <v>0</v>
      </c>
      <c r="LB17" s="470">
        <v>0</v>
      </c>
      <c r="LC17" s="109">
        <v>0</v>
      </c>
      <c r="LD17" s="109">
        <v>0</v>
      </c>
      <c r="LE17" s="109">
        <v>0</v>
      </c>
      <c r="LF17" s="109">
        <v>0</v>
      </c>
      <c r="LG17" s="109">
        <v>0</v>
      </c>
      <c r="LH17" s="110">
        <v>0</v>
      </c>
      <c r="LI17" s="111">
        <v>0</v>
      </c>
      <c r="LJ17" s="129">
        <v>0</v>
      </c>
      <c r="LK17" s="109">
        <v>0</v>
      </c>
      <c r="LL17" s="110">
        <v>0</v>
      </c>
      <c r="LM17" s="470">
        <v>0</v>
      </c>
      <c r="LN17" s="109">
        <v>0</v>
      </c>
      <c r="LO17" s="109">
        <v>0</v>
      </c>
      <c r="LP17" s="109">
        <v>0</v>
      </c>
      <c r="LQ17" s="109">
        <v>0</v>
      </c>
      <c r="LR17" s="109">
        <v>0</v>
      </c>
      <c r="LS17" s="110">
        <v>0</v>
      </c>
      <c r="LT17" s="292">
        <v>0</v>
      </c>
      <c r="LU17" s="129">
        <v>0</v>
      </c>
      <c r="LV17" s="109">
        <v>0</v>
      </c>
      <c r="LW17" s="110">
        <v>0</v>
      </c>
      <c r="LX17" s="470">
        <v>0</v>
      </c>
      <c r="LY17" s="109">
        <v>278856</v>
      </c>
      <c r="LZ17" s="109">
        <v>189460</v>
      </c>
      <c r="MA17" s="109">
        <v>0</v>
      </c>
      <c r="MB17" s="109">
        <v>281642</v>
      </c>
      <c r="MC17" s="109">
        <v>0</v>
      </c>
      <c r="MD17" s="110">
        <v>749958</v>
      </c>
      <c r="ME17" s="111">
        <v>749958</v>
      </c>
      <c r="MF17" s="129">
        <v>0</v>
      </c>
      <c r="MG17" s="109">
        <v>0</v>
      </c>
      <c r="MH17" s="110">
        <v>0</v>
      </c>
      <c r="MI17" s="470">
        <v>0</v>
      </c>
      <c r="MJ17" s="109">
        <v>225644</v>
      </c>
      <c r="MK17" s="109">
        <v>253892</v>
      </c>
      <c r="ML17" s="109">
        <v>1198769</v>
      </c>
      <c r="MM17" s="109">
        <v>6017498</v>
      </c>
      <c r="MN17" s="109">
        <v>2396040</v>
      </c>
      <c r="MO17" s="110">
        <v>10091843</v>
      </c>
      <c r="MP17" s="130">
        <v>10091843</v>
      </c>
      <c r="MQ17" s="129">
        <v>0</v>
      </c>
      <c r="MR17" s="109">
        <v>0</v>
      </c>
      <c r="MS17" s="110">
        <v>0</v>
      </c>
      <c r="MT17" s="470">
        <v>0</v>
      </c>
      <c r="MU17" s="109">
        <v>0</v>
      </c>
      <c r="MV17" s="109">
        <v>0</v>
      </c>
      <c r="MW17" s="109">
        <v>678427</v>
      </c>
      <c r="MX17" s="109">
        <v>4360617</v>
      </c>
      <c r="MY17" s="109">
        <v>598391</v>
      </c>
      <c r="MZ17" s="110">
        <v>5637435</v>
      </c>
      <c r="NA17" s="130">
        <v>5637435</v>
      </c>
      <c r="NB17" s="129">
        <v>0</v>
      </c>
      <c r="NC17" s="109">
        <v>0</v>
      </c>
      <c r="ND17" s="110">
        <v>0</v>
      </c>
      <c r="NE17" s="470">
        <v>0</v>
      </c>
      <c r="NF17" s="109">
        <v>225644</v>
      </c>
      <c r="NG17" s="109">
        <v>253892</v>
      </c>
      <c r="NH17" s="109">
        <v>520342</v>
      </c>
      <c r="NI17" s="109">
        <v>1326945</v>
      </c>
      <c r="NJ17" s="109">
        <v>1797649</v>
      </c>
      <c r="NK17" s="110">
        <v>4124472</v>
      </c>
      <c r="NL17" s="292">
        <v>4124472</v>
      </c>
      <c r="NM17" s="129">
        <v>0</v>
      </c>
      <c r="NN17" s="109">
        <v>0</v>
      </c>
      <c r="NO17" s="110">
        <v>0</v>
      </c>
      <c r="NP17" s="470">
        <v>0</v>
      </c>
      <c r="NQ17" s="109">
        <v>0</v>
      </c>
      <c r="NR17" s="109">
        <v>0</v>
      </c>
      <c r="NS17" s="109">
        <v>0</v>
      </c>
      <c r="NT17" s="109">
        <v>0</v>
      </c>
      <c r="NU17" s="109">
        <v>0</v>
      </c>
      <c r="NV17" s="110">
        <v>0</v>
      </c>
      <c r="NW17" s="111">
        <v>0</v>
      </c>
      <c r="NX17" s="129">
        <v>0</v>
      </c>
      <c r="NY17" s="109">
        <v>0</v>
      </c>
      <c r="NZ17" s="110">
        <v>0</v>
      </c>
      <c r="OA17" s="470">
        <v>0</v>
      </c>
      <c r="OB17" s="109">
        <v>0</v>
      </c>
      <c r="OC17" s="109">
        <v>0</v>
      </c>
      <c r="OD17" s="109">
        <v>0</v>
      </c>
      <c r="OE17" s="109">
        <v>329936</v>
      </c>
      <c r="OF17" s="109">
        <v>0</v>
      </c>
      <c r="OG17" s="110">
        <v>329936</v>
      </c>
      <c r="OH17" s="111">
        <v>329936</v>
      </c>
      <c r="OI17" s="129">
        <v>682538</v>
      </c>
      <c r="OJ17" s="109">
        <v>891453</v>
      </c>
      <c r="OK17" s="128">
        <v>1573991</v>
      </c>
      <c r="OL17" s="108">
        <v>0</v>
      </c>
      <c r="OM17" s="109">
        <v>8954331</v>
      </c>
      <c r="ON17" s="109">
        <v>9567833</v>
      </c>
      <c r="OO17" s="109">
        <v>9149350</v>
      </c>
      <c r="OP17" s="109">
        <v>17541632</v>
      </c>
      <c r="OQ17" s="109">
        <v>6210675</v>
      </c>
      <c r="OR17" s="110">
        <v>51423821</v>
      </c>
      <c r="OS17" s="130">
        <v>52997812</v>
      </c>
    </row>
    <row r="18" spans="2:409" ht="21" customHeight="1" x14ac:dyDescent="0.2">
      <c r="B18" s="437" t="s">
        <v>12</v>
      </c>
      <c r="C18" s="100">
        <v>1043842</v>
      </c>
      <c r="D18" s="104">
        <v>1674216</v>
      </c>
      <c r="E18" s="103">
        <v>2718058</v>
      </c>
      <c r="F18" s="99">
        <v>0</v>
      </c>
      <c r="G18" s="104">
        <v>6783840</v>
      </c>
      <c r="H18" s="153">
        <v>11016568</v>
      </c>
      <c r="I18" s="153">
        <v>9219570</v>
      </c>
      <c r="J18" s="153">
        <v>12791307</v>
      </c>
      <c r="K18" s="153">
        <v>3951226</v>
      </c>
      <c r="L18" s="102">
        <v>43762511</v>
      </c>
      <c r="M18" s="106">
        <v>46480569</v>
      </c>
      <c r="N18" s="100">
        <v>464021</v>
      </c>
      <c r="O18" s="104">
        <v>548627</v>
      </c>
      <c r="P18" s="103">
        <v>1012648</v>
      </c>
      <c r="Q18" s="100">
        <v>0</v>
      </c>
      <c r="R18" s="104">
        <v>2061429</v>
      </c>
      <c r="S18" s="104">
        <v>3829098</v>
      </c>
      <c r="T18" s="104">
        <v>2764050</v>
      </c>
      <c r="U18" s="104">
        <v>5157523</v>
      </c>
      <c r="V18" s="104">
        <v>2029870</v>
      </c>
      <c r="W18" s="103">
        <v>15841970</v>
      </c>
      <c r="X18" s="106">
        <v>16854618</v>
      </c>
      <c r="Y18" s="100">
        <v>0</v>
      </c>
      <c r="Z18" s="104">
        <v>0</v>
      </c>
      <c r="AA18" s="103">
        <v>0</v>
      </c>
      <c r="AB18" s="100">
        <v>0</v>
      </c>
      <c r="AC18" s="104">
        <v>1323079</v>
      </c>
      <c r="AD18" s="104">
        <v>1851814</v>
      </c>
      <c r="AE18" s="104">
        <v>1722636</v>
      </c>
      <c r="AF18" s="104">
        <v>3567862</v>
      </c>
      <c r="AG18" s="104">
        <v>1336049</v>
      </c>
      <c r="AH18" s="103">
        <v>9801440</v>
      </c>
      <c r="AI18" s="106">
        <v>9801440</v>
      </c>
      <c r="AJ18" s="100">
        <v>0</v>
      </c>
      <c r="AK18" s="104">
        <v>0</v>
      </c>
      <c r="AL18" s="103">
        <v>0</v>
      </c>
      <c r="AM18" s="100">
        <v>0</v>
      </c>
      <c r="AN18" s="104">
        <v>0</v>
      </c>
      <c r="AO18" s="104">
        <v>0</v>
      </c>
      <c r="AP18" s="104">
        <v>46763</v>
      </c>
      <c r="AQ18" s="104">
        <v>292890</v>
      </c>
      <c r="AR18" s="104">
        <v>212877</v>
      </c>
      <c r="AS18" s="103">
        <v>552530</v>
      </c>
      <c r="AT18" s="106">
        <v>552530</v>
      </c>
      <c r="AU18" s="100">
        <v>393461</v>
      </c>
      <c r="AV18" s="104">
        <v>433922</v>
      </c>
      <c r="AW18" s="103">
        <v>827383</v>
      </c>
      <c r="AX18" s="100">
        <v>0</v>
      </c>
      <c r="AY18" s="104">
        <v>542538</v>
      </c>
      <c r="AZ18" s="104">
        <v>1327403</v>
      </c>
      <c r="BA18" s="104">
        <v>586814</v>
      </c>
      <c r="BB18" s="104">
        <v>728989</v>
      </c>
      <c r="BC18" s="104">
        <v>362368</v>
      </c>
      <c r="BD18" s="103">
        <v>3548112</v>
      </c>
      <c r="BE18" s="106">
        <v>4375495</v>
      </c>
      <c r="BF18" s="100">
        <v>0</v>
      </c>
      <c r="BG18" s="104">
        <v>47769</v>
      </c>
      <c r="BH18" s="102">
        <v>47769</v>
      </c>
      <c r="BI18" s="101">
        <v>0</v>
      </c>
      <c r="BJ18" s="104">
        <v>31700</v>
      </c>
      <c r="BK18" s="104">
        <v>106241</v>
      </c>
      <c r="BL18" s="104">
        <v>47125</v>
      </c>
      <c r="BM18" s="104">
        <v>84830</v>
      </c>
      <c r="BN18" s="104">
        <v>0</v>
      </c>
      <c r="BO18" s="103">
        <v>269896</v>
      </c>
      <c r="BP18" s="106">
        <v>317665</v>
      </c>
      <c r="BQ18" s="100">
        <v>70560</v>
      </c>
      <c r="BR18" s="104">
        <v>66936</v>
      </c>
      <c r="BS18" s="103">
        <v>137496</v>
      </c>
      <c r="BT18" s="100">
        <v>0</v>
      </c>
      <c r="BU18" s="104">
        <v>164112</v>
      </c>
      <c r="BV18" s="104">
        <v>543640</v>
      </c>
      <c r="BW18" s="104">
        <v>360712</v>
      </c>
      <c r="BX18" s="104">
        <v>482952</v>
      </c>
      <c r="BY18" s="104">
        <v>118576</v>
      </c>
      <c r="BZ18" s="103">
        <v>1669992</v>
      </c>
      <c r="CA18" s="106">
        <v>1807488</v>
      </c>
      <c r="CB18" s="100">
        <v>147635</v>
      </c>
      <c r="CC18" s="104">
        <v>458999</v>
      </c>
      <c r="CD18" s="103">
        <v>606634</v>
      </c>
      <c r="CE18" s="100">
        <v>0</v>
      </c>
      <c r="CF18" s="104">
        <v>2511545</v>
      </c>
      <c r="CG18" s="104">
        <v>2641565</v>
      </c>
      <c r="CH18" s="104">
        <v>2756573</v>
      </c>
      <c r="CI18" s="104">
        <v>2223258</v>
      </c>
      <c r="CJ18" s="104">
        <v>495571</v>
      </c>
      <c r="CK18" s="103">
        <v>10628512</v>
      </c>
      <c r="CL18" s="106">
        <v>11235146</v>
      </c>
      <c r="CM18" s="100">
        <v>0</v>
      </c>
      <c r="CN18" s="104">
        <v>0</v>
      </c>
      <c r="CO18" s="103">
        <v>0</v>
      </c>
      <c r="CP18" s="101">
        <v>0</v>
      </c>
      <c r="CQ18" s="104">
        <v>2175268</v>
      </c>
      <c r="CR18" s="104">
        <v>1789333</v>
      </c>
      <c r="CS18" s="104">
        <v>2042505</v>
      </c>
      <c r="CT18" s="104">
        <v>1721956</v>
      </c>
      <c r="CU18" s="104">
        <v>495571</v>
      </c>
      <c r="CV18" s="103">
        <v>8224633</v>
      </c>
      <c r="CW18" s="106">
        <v>8224633</v>
      </c>
      <c r="CX18" s="100">
        <v>147635</v>
      </c>
      <c r="CY18" s="104">
        <v>458999</v>
      </c>
      <c r="CZ18" s="103">
        <v>606634</v>
      </c>
      <c r="DA18" s="100">
        <v>0</v>
      </c>
      <c r="DB18" s="104">
        <v>336277</v>
      </c>
      <c r="DC18" s="104">
        <v>852232</v>
      </c>
      <c r="DD18" s="104">
        <v>714068</v>
      </c>
      <c r="DE18" s="104">
        <v>501302</v>
      </c>
      <c r="DF18" s="104">
        <v>0</v>
      </c>
      <c r="DG18" s="103">
        <v>2403879</v>
      </c>
      <c r="DH18" s="106">
        <v>3010513</v>
      </c>
      <c r="DI18" s="100">
        <v>0</v>
      </c>
      <c r="DJ18" s="104">
        <v>67544</v>
      </c>
      <c r="DK18" s="102">
        <v>67544</v>
      </c>
      <c r="DL18" s="101">
        <v>0</v>
      </c>
      <c r="DM18" s="104">
        <v>440034</v>
      </c>
      <c r="DN18" s="104">
        <v>455836</v>
      </c>
      <c r="DO18" s="104">
        <v>754606</v>
      </c>
      <c r="DP18" s="104">
        <v>1273362</v>
      </c>
      <c r="DQ18" s="104">
        <v>391005</v>
      </c>
      <c r="DR18" s="103">
        <v>3314843</v>
      </c>
      <c r="DS18" s="106">
        <v>3382387</v>
      </c>
      <c r="DT18" s="100">
        <v>0</v>
      </c>
      <c r="DU18" s="104">
        <v>67544</v>
      </c>
      <c r="DV18" s="103">
        <v>67544</v>
      </c>
      <c r="DW18" s="100">
        <v>0</v>
      </c>
      <c r="DX18" s="104">
        <v>440034</v>
      </c>
      <c r="DY18" s="104">
        <v>455836</v>
      </c>
      <c r="DZ18" s="104">
        <v>754606</v>
      </c>
      <c r="EA18" s="104">
        <v>1120276</v>
      </c>
      <c r="EB18" s="104">
        <v>391005</v>
      </c>
      <c r="EC18" s="103">
        <v>3161757</v>
      </c>
      <c r="ED18" s="106">
        <v>3229301</v>
      </c>
      <c r="EE18" s="100">
        <v>0</v>
      </c>
      <c r="EF18" s="102">
        <v>0</v>
      </c>
      <c r="EG18" s="103">
        <v>0</v>
      </c>
      <c r="EH18" s="100">
        <v>0</v>
      </c>
      <c r="EI18" s="104">
        <v>0</v>
      </c>
      <c r="EJ18" s="104">
        <v>0</v>
      </c>
      <c r="EK18" s="104">
        <v>0</v>
      </c>
      <c r="EL18" s="104">
        <v>153086</v>
      </c>
      <c r="EM18" s="104">
        <v>0</v>
      </c>
      <c r="EN18" s="102">
        <v>153086</v>
      </c>
      <c r="EO18" s="106">
        <v>153086</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06">
        <v>0</v>
      </c>
      <c r="FE18" s="104">
        <v>0</v>
      </c>
      <c r="FF18" s="104">
        <v>0</v>
      </c>
      <c r="FG18" s="104">
        <v>0</v>
      </c>
      <c r="FH18" s="104">
        <v>0</v>
      </c>
      <c r="FI18" s="104">
        <v>0</v>
      </c>
      <c r="FJ18" s="103">
        <v>0</v>
      </c>
      <c r="FK18" s="106">
        <v>0</v>
      </c>
      <c r="FL18" s="100">
        <v>210896</v>
      </c>
      <c r="FM18" s="104">
        <v>409811</v>
      </c>
      <c r="FN18" s="103">
        <v>620707</v>
      </c>
      <c r="FO18" s="100">
        <v>0</v>
      </c>
      <c r="FP18" s="104">
        <v>317544</v>
      </c>
      <c r="FQ18" s="104">
        <v>1220664</v>
      </c>
      <c r="FR18" s="104">
        <v>802632</v>
      </c>
      <c r="FS18" s="104">
        <v>1016240</v>
      </c>
      <c r="FT18" s="104">
        <v>318480</v>
      </c>
      <c r="FU18" s="103">
        <v>3675560</v>
      </c>
      <c r="FV18" s="106">
        <v>4296267</v>
      </c>
      <c r="FW18" s="105">
        <v>91392</v>
      </c>
      <c r="FX18" s="104">
        <v>333920</v>
      </c>
      <c r="FY18" s="102">
        <v>425312</v>
      </c>
      <c r="FZ18" s="101">
        <v>0</v>
      </c>
      <c r="GA18" s="104">
        <v>213944</v>
      </c>
      <c r="GB18" s="104">
        <v>1055192</v>
      </c>
      <c r="GC18" s="104">
        <v>642632</v>
      </c>
      <c r="GD18" s="104">
        <v>966160</v>
      </c>
      <c r="GE18" s="104">
        <v>318480</v>
      </c>
      <c r="GF18" s="103">
        <v>3196408</v>
      </c>
      <c r="GG18" s="290">
        <v>3621720</v>
      </c>
      <c r="GH18" s="105">
        <v>40304</v>
      </c>
      <c r="GI18" s="104">
        <v>31891</v>
      </c>
      <c r="GJ18" s="102">
        <v>72195</v>
      </c>
      <c r="GK18" s="101">
        <v>0</v>
      </c>
      <c r="GL18" s="104">
        <v>22880</v>
      </c>
      <c r="GM18" s="104">
        <v>96672</v>
      </c>
      <c r="GN18" s="104">
        <v>0</v>
      </c>
      <c r="GO18" s="104">
        <v>0</v>
      </c>
      <c r="GP18" s="104">
        <v>0</v>
      </c>
      <c r="GQ18" s="103">
        <v>119552</v>
      </c>
      <c r="GR18" s="106">
        <v>191747</v>
      </c>
      <c r="GS18" s="100">
        <v>79200</v>
      </c>
      <c r="GT18" s="104">
        <v>44000</v>
      </c>
      <c r="GU18" s="103">
        <v>123200</v>
      </c>
      <c r="GV18" s="100">
        <v>0</v>
      </c>
      <c r="GW18" s="104">
        <v>80720</v>
      </c>
      <c r="GX18" s="104">
        <v>68800</v>
      </c>
      <c r="GY18" s="104">
        <v>160000</v>
      </c>
      <c r="GZ18" s="104">
        <v>50080</v>
      </c>
      <c r="HA18" s="104">
        <v>0</v>
      </c>
      <c r="HB18" s="102">
        <v>359600</v>
      </c>
      <c r="HC18" s="106">
        <v>482800</v>
      </c>
      <c r="HD18" s="100">
        <v>221290</v>
      </c>
      <c r="HE18" s="104">
        <v>189235</v>
      </c>
      <c r="HF18" s="102">
        <v>410525</v>
      </c>
      <c r="HG18" s="101">
        <v>0</v>
      </c>
      <c r="HH18" s="104">
        <v>1453288</v>
      </c>
      <c r="HI18" s="104">
        <v>2869405</v>
      </c>
      <c r="HJ18" s="104">
        <v>2141709</v>
      </c>
      <c r="HK18" s="104">
        <v>3120924</v>
      </c>
      <c r="HL18" s="104">
        <v>716300</v>
      </c>
      <c r="HM18" s="103">
        <v>10301626</v>
      </c>
      <c r="HN18" s="99">
        <v>10712151</v>
      </c>
      <c r="HO18" s="456">
        <v>0</v>
      </c>
      <c r="HP18" s="457">
        <v>0</v>
      </c>
      <c r="HQ18" s="458">
        <v>0</v>
      </c>
      <c r="HR18" s="459">
        <v>0</v>
      </c>
      <c r="HS18" s="457">
        <v>0</v>
      </c>
      <c r="HT18" s="457">
        <v>0</v>
      </c>
      <c r="HU18" s="457">
        <v>0</v>
      </c>
      <c r="HV18" s="457">
        <v>0</v>
      </c>
      <c r="HW18" s="457">
        <v>0</v>
      </c>
      <c r="HX18" s="460">
        <v>0</v>
      </c>
      <c r="HY18" s="461">
        <v>0</v>
      </c>
      <c r="HZ18" s="135">
        <v>0</v>
      </c>
      <c r="IA18" s="122">
        <v>0</v>
      </c>
      <c r="IB18" s="135">
        <v>0</v>
      </c>
      <c r="IC18" s="121">
        <v>0</v>
      </c>
      <c r="ID18" s="122">
        <v>1734324</v>
      </c>
      <c r="IE18" s="123">
        <v>2906470</v>
      </c>
      <c r="IF18" s="124">
        <v>2072610</v>
      </c>
      <c r="IG18" s="122">
        <v>3127230</v>
      </c>
      <c r="IH18" s="124">
        <v>1862970</v>
      </c>
      <c r="II18" s="125">
        <v>11703604</v>
      </c>
      <c r="IJ18" s="135">
        <v>11703604</v>
      </c>
      <c r="IK18" s="215">
        <v>0</v>
      </c>
      <c r="IL18" s="219">
        <v>0</v>
      </c>
      <c r="IM18" s="220">
        <v>0</v>
      </c>
      <c r="IN18" s="470">
        <v>0</v>
      </c>
      <c r="IO18" s="109">
        <v>72828</v>
      </c>
      <c r="IP18" s="109">
        <v>110440</v>
      </c>
      <c r="IQ18" s="109">
        <v>0</v>
      </c>
      <c r="IR18" s="109">
        <v>0</v>
      </c>
      <c r="IS18" s="109">
        <v>0</v>
      </c>
      <c r="IT18" s="128">
        <v>183268</v>
      </c>
      <c r="IU18" s="292">
        <v>183268</v>
      </c>
      <c r="IV18" s="129">
        <v>0</v>
      </c>
      <c r="IW18" s="109">
        <v>0</v>
      </c>
      <c r="IX18" s="110">
        <v>0</v>
      </c>
      <c r="IY18" s="470">
        <v>0</v>
      </c>
      <c r="IZ18" s="109">
        <v>0</v>
      </c>
      <c r="JA18" s="109">
        <v>0</v>
      </c>
      <c r="JB18" s="109">
        <v>0</v>
      </c>
      <c r="JC18" s="109">
        <v>0</v>
      </c>
      <c r="JD18" s="109">
        <v>0</v>
      </c>
      <c r="JE18" s="110">
        <v>0</v>
      </c>
      <c r="JF18" s="111">
        <v>0</v>
      </c>
      <c r="JG18" s="129">
        <v>0</v>
      </c>
      <c r="JH18" s="109">
        <v>0</v>
      </c>
      <c r="JI18" s="128">
        <v>0</v>
      </c>
      <c r="JJ18" s="108">
        <v>0</v>
      </c>
      <c r="JK18" s="109">
        <v>1054075</v>
      </c>
      <c r="JL18" s="109">
        <v>992853</v>
      </c>
      <c r="JM18" s="109">
        <v>870805</v>
      </c>
      <c r="JN18" s="109">
        <v>209706</v>
      </c>
      <c r="JO18" s="109">
        <v>97936</v>
      </c>
      <c r="JP18" s="110">
        <v>3225375</v>
      </c>
      <c r="JQ18" s="292">
        <v>3225375</v>
      </c>
      <c r="JR18" s="129">
        <v>0</v>
      </c>
      <c r="JS18" s="109">
        <v>0</v>
      </c>
      <c r="JT18" s="128">
        <v>0</v>
      </c>
      <c r="JU18" s="108">
        <v>0</v>
      </c>
      <c r="JV18" s="109">
        <v>0</v>
      </c>
      <c r="JW18" s="109">
        <v>0</v>
      </c>
      <c r="JX18" s="109">
        <v>0</v>
      </c>
      <c r="JY18" s="109">
        <v>0</v>
      </c>
      <c r="JZ18" s="109">
        <v>0</v>
      </c>
      <c r="KA18" s="110">
        <v>0</v>
      </c>
      <c r="KB18" s="292">
        <v>0</v>
      </c>
      <c r="KC18" s="217">
        <v>0</v>
      </c>
      <c r="KD18" s="213">
        <v>0</v>
      </c>
      <c r="KE18" s="110">
        <v>0</v>
      </c>
      <c r="KF18" s="108">
        <v>0</v>
      </c>
      <c r="KG18" s="109">
        <v>121924</v>
      </c>
      <c r="KH18" s="109">
        <v>538038</v>
      </c>
      <c r="KI18" s="109">
        <v>478141</v>
      </c>
      <c r="KJ18" s="109">
        <v>1091187</v>
      </c>
      <c r="KK18" s="109">
        <v>898883</v>
      </c>
      <c r="KL18" s="110">
        <v>3128173</v>
      </c>
      <c r="KM18" s="130">
        <v>3128173</v>
      </c>
      <c r="KN18" s="215">
        <v>0</v>
      </c>
      <c r="KO18" s="219">
        <v>0</v>
      </c>
      <c r="KP18" s="220">
        <v>0</v>
      </c>
      <c r="KQ18" s="470">
        <v>0</v>
      </c>
      <c r="KR18" s="109">
        <v>485497</v>
      </c>
      <c r="KS18" s="109">
        <v>500043</v>
      </c>
      <c r="KT18" s="109">
        <v>255163</v>
      </c>
      <c r="KU18" s="109">
        <v>785195</v>
      </c>
      <c r="KV18" s="109">
        <v>265053</v>
      </c>
      <c r="KW18" s="110">
        <v>2290951</v>
      </c>
      <c r="KX18" s="292">
        <v>2290951</v>
      </c>
      <c r="KY18" s="129">
        <v>0</v>
      </c>
      <c r="KZ18" s="109">
        <v>0</v>
      </c>
      <c r="LA18" s="110">
        <v>0</v>
      </c>
      <c r="LB18" s="470">
        <v>0</v>
      </c>
      <c r="LC18" s="109">
        <v>0</v>
      </c>
      <c r="LD18" s="109">
        <v>564849</v>
      </c>
      <c r="LE18" s="109">
        <v>208514</v>
      </c>
      <c r="LF18" s="109">
        <v>454582</v>
      </c>
      <c r="LG18" s="109">
        <v>0</v>
      </c>
      <c r="LH18" s="110">
        <v>1227945</v>
      </c>
      <c r="LI18" s="111">
        <v>1227945</v>
      </c>
      <c r="LJ18" s="129">
        <v>0</v>
      </c>
      <c r="LK18" s="109">
        <v>0</v>
      </c>
      <c r="LL18" s="110">
        <v>0</v>
      </c>
      <c r="LM18" s="470">
        <v>0</v>
      </c>
      <c r="LN18" s="109">
        <v>0</v>
      </c>
      <c r="LO18" s="109">
        <v>0</v>
      </c>
      <c r="LP18" s="109">
        <v>259987</v>
      </c>
      <c r="LQ18" s="109">
        <v>0</v>
      </c>
      <c r="LR18" s="109">
        <v>601098</v>
      </c>
      <c r="LS18" s="110">
        <v>861085</v>
      </c>
      <c r="LT18" s="292">
        <v>861085</v>
      </c>
      <c r="LU18" s="129">
        <v>0</v>
      </c>
      <c r="LV18" s="109">
        <v>0</v>
      </c>
      <c r="LW18" s="110">
        <v>0</v>
      </c>
      <c r="LX18" s="470">
        <v>0</v>
      </c>
      <c r="LY18" s="109">
        <v>0</v>
      </c>
      <c r="LZ18" s="109">
        <v>200247</v>
      </c>
      <c r="MA18" s="109">
        <v>0</v>
      </c>
      <c r="MB18" s="109">
        <v>586560</v>
      </c>
      <c r="MC18" s="109">
        <v>0</v>
      </c>
      <c r="MD18" s="110">
        <v>786807</v>
      </c>
      <c r="ME18" s="111">
        <v>786807</v>
      </c>
      <c r="MF18" s="129">
        <v>0</v>
      </c>
      <c r="MG18" s="109">
        <v>0</v>
      </c>
      <c r="MH18" s="110">
        <v>0</v>
      </c>
      <c r="MI18" s="470">
        <v>0</v>
      </c>
      <c r="MJ18" s="109">
        <v>326148</v>
      </c>
      <c r="MK18" s="109">
        <v>559567</v>
      </c>
      <c r="ML18" s="109">
        <v>4377547</v>
      </c>
      <c r="MM18" s="109">
        <v>5615338</v>
      </c>
      <c r="MN18" s="109">
        <v>3905638</v>
      </c>
      <c r="MO18" s="110">
        <v>14784238</v>
      </c>
      <c r="MP18" s="130">
        <v>14784238</v>
      </c>
      <c r="MQ18" s="129">
        <v>0</v>
      </c>
      <c r="MR18" s="109">
        <v>0</v>
      </c>
      <c r="MS18" s="110">
        <v>0</v>
      </c>
      <c r="MT18" s="470">
        <v>0</v>
      </c>
      <c r="MU18" s="109">
        <v>0</v>
      </c>
      <c r="MV18" s="109">
        <v>0</v>
      </c>
      <c r="MW18" s="109">
        <v>1731547</v>
      </c>
      <c r="MX18" s="109">
        <v>2782374</v>
      </c>
      <c r="MY18" s="109">
        <v>2059890</v>
      </c>
      <c r="MZ18" s="110">
        <v>6573811</v>
      </c>
      <c r="NA18" s="130">
        <v>6573811</v>
      </c>
      <c r="NB18" s="129">
        <v>0</v>
      </c>
      <c r="NC18" s="109">
        <v>0</v>
      </c>
      <c r="ND18" s="110">
        <v>0</v>
      </c>
      <c r="NE18" s="470">
        <v>0</v>
      </c>
      <c r="NF18" s="109">
        <v>326148</v>
      </c>
      <c r="NG18" s="109">
        <v>559567</v>
      </c>
      <c r="NH18" s="109">
        <v>2646000</v>
      </c>
      <c r="NI18" s="109">
        <v>2832964</v>
      </c>
      <c r="NJ18" s="109">
        <v>1469936</v>
      </c>
      <c r="NK18" s="110">
        <v>7834615</v>
      </c>
      <c r="NL18" s="292">
        <v>7834615</v>
      </c>
      <c r="NM18" s="129">
        <v>0</v>
      </c>
      <c r="NN18" s="109">
        <v>0</v>
      </c>
      <c r="NO18" s="110">
        <v>0</v>
      </c>
      <c r="NP18" s="470">
        <v>0</v>
      </c>
      <c r="NQ18" s="109">
        <v>0</v>
      </c>
      <c r="NR18" s="109">
        <v>0</v>
      </c>
      <c r="NS18" s="109">
        <v>0</v>
      </c>
      <c r="NT18" s="109">
        <v>0</v>
      </c>
      <c r="NU18" s="109">
        <v>0</v>
      </c>
      <c r="NV18" s="110">
        <v>0</v>
      </c>
      <c r="NW18" s="111">
        <v>0</v>
      </c>
      <c r="NX18" s="129">
        <v>0</v>
      </c>
      <c r="NY18" s="109">
        <v>0</v>
      </c>
      <c r="NZ18" s="110">
        <v>0</v>
      </c>
      <c r="OA18" s="470">
        <v>0</v>
      </c>
      <c r="OB18" s="109">
        <v>0</v>
      </c>
      <c r="OC18" s="109">
        <v>0</v>
      </c>
      <c r="OD18" s="109">
        <v>0</v>
      </c>
      <c r="OE18" s="109">
        <v>0</v>
      </c>
      <c r="OF18" s="109">
        <v>375812</v>
      </c>
      <c r="OG18" s="110">
        <v>375812</v>
      </c>
      <c r="OH18" s="111">
        <v>375812</v>
      </c>
      <c r="OI18" s="129">
        <v>1043842</v>
      </c>
      <c r="OJ18" s="109">
        <v>1674216</v>
      </c>
      <c r="OK18" s="128">
        <v>2718058</v>
      </c>
      <c r="OL18" s="108">
        <v>0</v>
      </c>
      <c r="OM18" s="109">
        <v>8844312</v>
      </c>
      <c r="ON18" s="109">
        <v>14482605</v>
      </c>
      <c r="OO18" s="109">
        <v>15669727</v>
      </c>
      <c r="OP18" s="109">
        <v>21533875</v>
      </c>
      <c r="OQ18" s="109">
        <v>9719834</v>
      </c>
      <c r="OR18" s="110">
        <v>70250353</v>
      </c>
      <c r="OS18" s="130">
        <v>72968411</v>
      </c>
    </row>
    <row r="19" spans="2:409" ht="21" customHeight="1" x14ac:dyDescent="0.2">
      <c r="B19" s="437" t="s">
        <v>13</v>
      </c>
      <c r="C19" s="100">
        <v>77809</v>
      </c>
      <c r="D19" s="104">
        <v>105441</v>
      </c>
      <c r="E19" s="103">
        <v>183250</v>
      </c>
      <c r="F19" s="100">
        <v>0</v>
      </c>
      <c r="G19" s="153">
        <v>2766784</v>
      </c>
      <c r="H19" s="104">
        <v>4850475</v>
      </c>
      <c r="I19" s="104">
        <v>5514929</v>
      </c>
      <c r="J19" s="104">
        <v>4385233</v>
      </c>
      <c r="K19" s="104">
        <v>4056832</v>
      </c>
      <c r="L19" s="102">
        <v>21574253</v>
      </c>
      <c r="M19" s="106">
        <v>21757503</v>
      </c>
      <c r="N19" s="100">
        <v>24340</v>
      </c>
      <c r="O19" s="104">
        <v>29694</v>
      </c>
      <c r="P19" s="103">
        <v>54034</v>
      </c>
      <c r="Q19" s="100">
        <v>0</v>
      </c>
      <c r="R19" s="104">
        <v>846399</v>
      </c>
      <c r="S19" s="104">
        <v>1768777</v>
      </c>
      <c r="T19" s="104">
        <v>1574850</v>
      </c>
      <c r="U19" s="104">
        <v>1734574</v>
      </c>
      <c r="V19" s="104">
        <v>2697010</v>
      </c>
      <c r="W19" s="103">
        <v>8621610</v>
      </c>
      <c r="X19" s="106">
        <v>8675644</v>
      </c>
      <c r="Y19" s="100">
        <v>0</v>
      </c>
      <c r="Z19" s="104">
        <v>0</v>
      </c>
      <c r="AA19" s="103">
        <v>0</v>
      </c>
      <c r="AB19" s="100">
        <v>0</v>
      </c>
      <c r="AC19" s="104">
        <v>301506</v>
      </c>
      <c r="AD19" s="104">
        <v>498756</v>
      </c>
      <c r="AE19" s="104">
        <v>857554</v>
      </c>
      <c r="AF19" s="104">
        <v>1253454</v>
      </c>
      <c r="AG19" s="104">
        <v>1701216</v>
      </c>
      <c r="AH19" s="103">
        <v>4612486</v>
      </c>
      <c r="AI19" s="106">
        <v>4612486</v>
      </c>
      <c r="AJ19" s="100">
        <v>0</v>
      </c>
      <c r="AK19" s="104">
        <v>0</v>
      </c>
      <c r="AL19" s="103">
        <v>0</v>
      </c>
      <c r="AM19" s="100">
        <v>0</v>
      </c>
      <c r="AN19" s="104">
        <v>0</v>
      </c>
      <c r="AO19" s="104">
        <v>0</v>
      </c>
      <c r="AP19" s="104">
        <v>0</v>
      </c>
      <c r="AQ19" s="104">
        <v>46763</v>
      </c>
      <c r="AR19" s="104">
        <v>311834</v>
      </c>
      <c r="AS19" s="103">
        <v>358597</v>
      </c>
      <c r="AT19" s="106">
        <v>358597</v>
      </c>
      <c r="AU19" s="100">
        <v>0</v>
      </c>
      <c r="AV19" s="104">
        <v>29694</v>
      </c>
      <c r="AW19" s="103">
        <v>29694</v>
      </c>
      <c r="AX19" s="100">
        <v>0</v>
      </c>
      <c r="AY19" s="104">
        <v>371832</v>
      </c>
      <c r="AZ19" s="104">
        <v>933389</v>
      </c>
      <c r="BA19" s="104">
        <v>464371</v>
      </c>
      <c r="BB19" s="104">
        <v>159277</v>
      </c>
      <c r="BC19" s="104">
        <v>531919</v>
      </c>
      <c r="BD19" s="103">
        <v>2460788</v>
      </c>
      <c r="BE19" s="106">
        <v>2490482</v>
      </c>
      <c r="BF19" s="100">
        <v>16084</v>
      </c>
      <c r="BG19" s="104">
        <v>0</v>
      </c>
      <c r="BH19" s="102">
        <v>16084</v>
      </c>
      <c r="BI19" s="101">
        <v>0</v>
      </c>
      <c r="BJ19" s="104">
        <v>37573</v>
      </c>
      <c r="BK19" s="104">
        <v>31416</v>
      </c>
      <c r="BL19" s="104">
        <v>21933</v>
      </c>
      <c r="BM19" s="104">
        <v>62544</v>
      </c>
      <c r="BN19" s="104">
        <v>8297</v>
      </c>
      <c r="BO19" s="103">
        <v>161763</v>
      </c>
      <c r="BP19" s="106">
        <v>177847</v>
      </c>
      <c r="BQ19" s="100">
        <v>8256</v>
      </c>
      <c r="BR19" s="104">
        <v>0</v>
      </c>
      <c r="BS19" s="103">
        <v>8256</v>
      </c>
      <c r="BT19" s="100">
        <v>0</v>
      </c>
      <c r="BU19" s="104">
        <v>135488</v>
      </c>
      <c r="BV19" s="104">
        <v>305216</v>
      </c>
      <c r="BW19" s="104">
        <v>230992</v>
      </c>
      <c r="BX19" s="104">
        <v>212536</v>
      </c>
      <c r="BY19" s="104">
        <v>143744</v>
      </c>
      <c r="BZ19" s="103">
        <v>1027976</v>
      </c>
      <c r="CA19" s="106">
        <v>1036232</v>
      </c>
      <c r="CB19" s="100">
        <v>0</v>
      </c>
      <c r="CC19" s="104">
        <v>40115</v>
      </c>
      <c r="CD19" s="103">
        <v>40115</v>
      </c>
      <c r="CE19" s="100">
        <v>0</v>
      </c>
      <c r="CF19" s="104">
        <v>632313</v>
      </c>
      <c r="CG19" s="104">
        <v>872602</v>
      </c>
      <c r="CH19" s="104">
        <v>1201802</v>
      </c>
      <c r="CI19" s="104">
        <v>451719</v>
      </c>
      <c r="CJ19" s="104">
        <v>387040</v>
      </c>
      <c r="CK19" s="103">
        <v>3545476</v>
      </c>
      <c r="CL19" s="106">
        <v>3585591</v>
      </c>
      <c r="CM19" s="100">
        <v>0</v>
      </c>
      <c r="CN19" s="104">
        <v>0</v>
      </c>
      <c r="CO19" s="103">
        <v>0</v>
      </c>
      <c r="CP19" s="101">
        <v>0</v>
      </c>
      <c r="CQ19" s="104">
        <v>530226</v>
      </c>
      <c r="CR19" s="104">
        <v>715289</v>
      </c>
      <c r="CS19" s="104">
        <v>1024168</v>
      </c>
      <c r="CT19" s="104">
        <v>361444</v>
      </c>
      <c r="CU19" s="104">
        <v>27428</v>
      </c>
      <c r="CV19" s="103">
        <v>2658555</v>
      </c>
      <c r="CW19" s="106">
        <v>2658555</v>
      </c>
      <c r="CX19" s="100">
        <v>0</v>
      </c>
      <c r="CY19" s="104">
        <v>40115</v>
      </c>
      <c r="CZ19" s="103">
        <v>40115</v>
      </c>
      <c r="DA19" s="100">
        <v>0</v>
      </c>
      <c r="DB19" s="104">
        <v>102087</v>
      </c>
      <c r="DC19" s="104">
        <v>157313</v>
      </c>
      <c r="DD19" s="104">
        <v>177634</v>
      </c>
      <c r="DE19" s="104">
        <v>90275</v>
      </c>
      <c r="DF19" s="104">
        <v>359612</v>
      </c>
      <c r="DG19" s="103">
        <v>886921</v>
      </c>
      <c r="DH19" s="106">
        <v>927036</v>
      </c>
      <c r="DI19" s="100">
        <v>0</v>
      </c>
      <c r="DJ19" s="104">
        <v>0</v>
      </c>
      <c r="DK19" s="102">
        <v>0</v>
      </c>
      <c r="DL19" s="101">
        <v>0</v>
      </c>
      <c r="DM19" s="104">
        <v>40716</v>
      </c>
      <c r="DN19" s="104">
        <v>209851</v>
      </c>
      <c r="DO19" s="104">
        <v>668267</v>
      </c>
      <c r="DP19" s="104">
        <v>357905</v>
      </c>
      <c r="DQ19" s="104">
        <v>29651</v>
      </c>
      <c r="DR19" s="103">
        <v>1306390</v>
      </c>
      <c r="DS19" s="106">
        <v>1306390</v>
      </c>
      <c r="DT19" s="100">
        <v>0</v>
      </c>
      <c r="DU19" s="104">
        <v>0</v>
      </c>
      <c r="DV19" s="103">
        <v>0</v>
      </c>
      <c r="DW19" s="100">
        <v>0</v>
      </c>
      <c r="DX19" s="104">
        <v>40716</v>
      </c>
      <c r="DY19" s="104">
        <v>105245</v>
      </c>
      <c r="DZ19" s="104">
        <v>668267</v>
      </c>
      <c r="EA19" s="104">
        <v>357905</v>
      </c>
      <c r="EB19" s="104">
        <v>29651</v>
      </c>
      <c r="EC19" s="103">
        <v>1201784</v>
      </c>
      <c r="ED19" s="106">
        <v>1201784</v>
      </c>
      <c r="EE19" s="100">
        <v>0</v>
      </c>
      <c r="EF19" s="102">
        <v>0</v>
      </c>
      <c r="EG19" s="103">
        <v>0</v>
      </c>
      <c r="EH19" s="100">
        <v>0</v>
      </c>
      <c r="EI19" s="104">
        <v>0</v>
      </c>
      <c r="EJ19" s="104">
        <v>104606</v>
      </c>
      <c r="EK19" s="104">
        <v>0</v>
      </c>
      <c r="EL19" s="104">
        <v>0</v>
      </c>
      <c r="EM19" s="104">
        <v>0</v>
      </c>
      <c r="EN19" s="102">
        <v>104606</v>
      </c>
      <c r="EO19" s="106">
        <v>104606</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06">
        <v>0</v>
      </c>
      <c r="FE19" s="104">
        <v>0</v>
      </c>
      <c r="FF19" s="104">
        <v>0</v>
      </c>
      <c r="FG19" s="104">
        <v>0</v>
      </c>
      <c r="FH19" s="104">
        <v>0</v>
      </c>
      <c r="FI19" s="104">
        <v>0</v>
      </c>
      <c r="FJ19" s="103">
        <v>0</v>
      </c>
      <c r="FK19" s="106">
        <v>0</v>
      </c>
      <c r="FL19" s="100">
        <v>2640</v>
      </c>
      <c r="FM19" s="104">
        <v>35632</v>
      </c>
      <c r="FN19" s="103">
        <v>38272</v>
      </c>
      <c r="FO19" s="100">
        <v>0</v>
      </c>
      <c r="FP19" s="104">
        <v>250448</v>
      </c>
      <c r="FQ19" s="104">
        <v>426152</v>
      </c>
      <c r="FR19" s="104">
        <v>294040</v>
      </c>
      <c r="FS19" s="104">
        <v>520968</v>
      </c>
      <c r="FT19" s="104">
        <v>329832</v>
      </c>
      <c r="FU19" s="103">
        <v>1821440</v>
      </c>
      <c r="FV19" s="106">
        <v>1859712</v>
      </c>
      <c r="FW19" s="105">
        <v>2640</v>
      </c>
      <c r="FX19" s="104">
        <v>35632</v>
      </c>
      <c r="FY19" s="102">
        <v>38272</v>
      </c>
      <c r="FZ19" s="101">
        <v>0</v>
      </c>
      <c r="GA19" s="104">
        <v>138448</v>
      </c>
      <c r="GB19" s="104">
        <v>398872</v>
      </c>
      <c r="GC19" s="104">
        <v>294040</v>
      </c>
      <c r="GD19" s="104">
        <v>315928</v>
      </c>
      <c r="GE19" s="104">
        <v>294632</v>
      </c>
      <c r="GF19" s="103">
        <v>1441920</v>
      </c>
      <c r="GG19" s="290">
        <v>1480192</v>
      </c>
      <c r="GH19" s="105">
        <v>0</v>
      </c>
      <c r="GI19" s="104">
        <v>0</v>
      </c>
      <c r="GJ19" s="102">
        <v>0</v>
      </c>
      <c r="GK19" s="101">
        <v>0</v>
      </c>
      <c r="GL19" s="104">
        <v>0</v>
      </c>
      <c r="GM19" s="104">
        <v>27280</v>
      </c>
      <c r="GN19" s="104">
        <v>0</v>
      </c>
      <c r="GO19" s="104">
        <v>0</v>
      </c>
      <c r="GP19" s="104">
        <v>0</v>
      </c>
      <c r="GQ19" s="103">
        <v>27280</v>
      </c>
      <c r="GR19" s="106">
        <v>27280</v>
      </c>
      <c r="GS19" s="100">
        <v>0</v>
      </c>
      <c r="GT19" s="104">
        <v>0</v>
      </c>
      <c r="GU19" s="103">
        <v>0</v>
      </c>
      <c r="GV19" s="100">
        <v>0</v>
      </c>
      <c r="GW19" s="104">
        <v>112000</v>
      </c>
      <c r="GX19" s="104">
        <v>0</v>
      </c>
      <c r="GY19" s="104">
        <v>0</v>
      </c>
      <c r="GZ19" s="104">
        <v>205040</v>
      </c>
      <c r="HA19" s="104">
        <v>35200</v>
      </c>
      <c r="HB19" s="102">
        <v>352240</v>
      </c>
      <c r="HC19" s="106">
        <v>352240</v>
      </c>
      <c r="HD19" s="100">
        <v>50829</v>
      </c>
      <c r="HE19" s="104">
        <v>0</v>
      </c>
      <c r="HF19" s="102">
        <v>50829</v>
      </c>
      <c r="HG19" s="101">
        <v>0</v>
      </c>
      <c r="HH19" s="104">
        <v>996908</v>
      </c>
      <c r="HI19" s="104">
        <v>1573093</v>
      </c>
      <c r="HJ19" s="104">
        <v>1775970</v>
      </c>
      <c r="HK19" s="104">
        <v>1320067</v>
      </c>
      <c r="HL19" s="104">
        <v>613299</v>
      </c>
      <c r="HM19" s="103">
        <v>6279337</v>
      </c>
      <c r="HN19" s="99">
        <v>6330166</v>
      </c>
      <c r="HO19" s="456">
        <v>0</v>
      </c>
      <c r="HP19" s="457">
        <v>0</v>
      </c>
      <c r="HQ19" s="458">
        <v>0</v>
      </c>
      <c r="HR19" s="459">
        <v>0</v>
      </c>
      <c r="HS19" s="457">
        <v>0</v>
      </c>
      <c r="HT19" s="457">
        <v>0</v>
      </c>
      <c r="HU19" s="457">
        <v>0</v>
      </c>
      <c r="HV19" s="457">
        <v>0</v>
      </c>
      <c r="HW19" s="457">
        <v>0</v>
      </c>
      <c r="HX19" s="460">
        <v>0</v>
      </c>
      <c r="HY19" s="461">
        <v>0</v>
      </c>
      <c r="HZ19" s="118">
        <v>19409</v>
      </c>
      <c r="IA19" s="119">
        <v>77980</v>
      </c>
      <c r="IB19" s="120">
        <v>97389</v>
      </c>
      <c r="IC19" s="131">
        <v>0</v>
      </c>
      <c r="ID19" s="119">
        <v>712181</v>
      </c>
      <c r="IE19" s="132">
        <v>1131535</v>
      </c>
      <c r="IF19" s="120">
        <v>1014663</v>
      </c>
      <c r="IG19" s="119">
        <v>464725</v>
      </c>
      <c r="IH19" s="120">
        <v>41932</v>
      </c>
      <c r="II19" s="133">
        <v>3365036</v>
      </c>
      <c r="IJ19" s="126">
        <v>3462425</v>
      </c>
      <c r="IK19" s="215">
        <v>0</v>
      </c>
      <c r="IL19" s="219">
        <v>0</v>
      </c>
      <c r="IM19" s="220">
        <v>0</v>
      </c>
      <c r="IN19" s="470">
        <v>0</v>
      </c>
      <c r="IO19" s="109">
        <v>0</v>
      </c>
      <c r="IP19" s="109">
        <v>0</v>
      </c>
      <c r="IQ19" s="109">
        <v>0</v>
      </c>
      <c r="IR19" s="109">
        <v>0</v>
      </c>
      <c r="IS19" s="109">
        <v>0</v>
      </c>
      <c r="IT19" s="128">
        <v>0</v>
      </c>
      <c r="IU19" s="292">
        <v>0</v>
      </c>
      <c r="IV19" s="129">
        <v>0</v>
      </c>
      <c r="IW19" s="109">
        <v>0</v>
      </c>
      <c r="IX19" s="110">
        <v>0</v>
      </c>
      <c r="IY19" s="470">
        <v>0</v>
      </c>
      <c r="IZ19" s="109">
        <v>0</v>
      </c>
      <c r="JA19" s="109">
        <v>0</v>
      </c>
      <c r="JB19" s="109">
        <v>0</v>
      </c>
      <c r="JC19" s="109">
        <v>0</v>
      </c>
      <c r="JD19" s="109">
        <v>0</v>
      </c>
      <c r="JE19" s="110">
        <v>0</v>
      </c>
      <c r="JF19" s="111">
        <v>0</v>
      </c>
      <c r="JG19" s="129">
        <v>0</v>
      </c>
      <c r="JH19" s="109">
        <v>0</v>
      </c>
      <c r="JI19" s="128">
        <v>0</v>
      </c>
      <c r="JJ19" s="108">
        <v>0</v>
      </c>
      <c r="JK19" s="109">
        <v>592141</v>
      </c>
      <c r="JL19" s="109">
        <v>430883</v>
      </c>
      <c r="JM19" s="109">
        <v>372976</v>
      </c>
      <c r="JN19" s="109">
        <v>356173</v>
      </c>
      <c r="JO19" s="109">
        <v>0</v>
      </c>
      <c r="JP19" s="110">
        <v>1752173</v>
      </c>
      <c r="JQ19" s="292">
        <v>1752173</v>
      </c>
      <c r="JR19" s="129">
        <v>0</v>
      </c>
      <c r="JS19" s="109">
        <v>0</v>
      </c>
      <c r="JT19" s="128">
        <v>0</v>
      </c>
      <c r="JU19" s="108">
        <v>0</v>
      </c>
      <c r="JV19" s="109">
        <v>0</v>
      </c>
      <c r="JW19" s="109">
        <v>286999</v>
      </c>
      <c r="JX19" s="109">
        <v>205823</v>
      </c>
      <c r="JY19" s="109">
        <v>108552</v>
      </c>
      <c r="JZ19" s="109">
        <v>41932</v>
      </c>
      <c r="KA19" s="110">
        <v>643306</v>
      </c>
      <c r="KB19" s="292">
        <v>643306</v>
      </c>
      <c r="KC19" s="217">
        <v>19409</v>
      </c>
      <c r="KD19" s="213">
        <v>77980</v>
      </c>
      <c r="KE19" s="110">
        <v>97389</v>
      </c>
      <c r="KF19" s="108">
        <v>0</v>
      </c>
      <c r="KG19" s="109">
        <v>120040</v>
      </c>
      <c r="KH19" s="109">
        <v>173561</v>
      </c>
      <c r="KI19" s="109">
        <v>435864</v>
      </c>
      <c r="KJ19" s="109">
        <v>0</v>
      </c>
      <c r="KK19" s="109">
        <v>0</v>
      </c>
      <c r="KL19" s="110">
        <v>729465</v>
      </c>
      <c r="KM19" s="130">
        <v>826854</v>
      </c>
      <c r="KN19" s="215">
        <v>0</v>
      </c>
      <c r="KO19" s="219">
        <v>0</v>
      </c>
      <c r="KP19" s="220">
        <v>0</v>
      </c>
      <c r="KQ19" s="470">
        <v>0</v>
      </c>
      <c r="KR19" s="109">
        <v>0</v>
      </c>
      <c r="KS19" s="109">
        <v>240092</v>
      </c>
      <c r="KT19" s="109">
        <v>0</v>
      </c>
      <c r="KU19" s="109">
        <v>0</v>
      </c>
      <c r="KV19" s="109">
        <v>0</v>
      </c>
      <c r="KW19" s="110">
        <v>240092</v>
      </c>
      <c r="KX19" s="292">
        <v>240092</v>
      </c>
      <c r="KY19" s="129">
        <v>0</v>
      </c>
      <c r="KZ19" s="109">
        <v>0</v>
      </c>
      <c r="LA19" s="110">
        <v>0</v>
      </c>
      <c r="LB19" s="470">
        <v>0</v>
      </c>
      <c r="LC19" s="109">
        <v>0</v>
      </c>
      <c r="LD19" s="109">
        <v>0</v>
      </c>
      <c r="LE19" s="109">
        <v>0</v>
      </c>
      <c r="LF19" s="109">
        <v>0</v>
      </c>
      <c r="LG19" s="109">
        <v>0</v>
      </c>
      <c r="LH19" s="110">
        <v>0</v>
      </c>
      <c r="LI19" s="111">
        <v>0</v>
      </c>
      <c r="LJ19" s="129">
        <v>0</v>
      </c>
      <c r="LK19" s="109">
        <v>0</v>
      </c>
      <c r="LL19" s="110">
        <v>0</v>
      </c>
      <c r="LM19" s="470">
        <v>0</v>
      </c>
      <c r="LN19" s="109">
        <v>0</v>
      </c>
      <c r="LO19" s="109">
        <v>0</v>
      </c>
      <c r="LP19" s="109">
        <v>0</v>
      </c>
      <c r="LQ19" s="109">
        <v>0</v>
      </c>
      <c r="LR19" s="109">
        <v>0</v>
      </c>
      <c r="LS19" s="110">
        <v>0</v>
      </c>
      <c r="LT19" s="292">
        <v>0</v>
      </c>
      <c r="LU19" s="129">
        <v>0</v>
      </c>
      <c r="LV19" s="109">
        <v>0</v>
      </c>
      <c r="LW19" s="110">
        <v>0</v>
      </c>
      <c r="LX19" s="470">
        <v>0</v>
      </c>
      <c r="LY19" s="109">
        <v>0</v>
      </c>
      <c r="LZ19" s="109">
        <v>0</v>
      </c>
      <c r="MA19" s="109">
        <v>0</v>
      </c>
      <c r="MB19" s="109">
        <v>0</v>
      </c>
      <c r="MC19" s="109">
        <v>0</v>
      </c>
      <c r="MD19" s="110">
        <v>0</v>
      </c>
      <c r="ME19" s="111">
        <v>0</v>
      </c>
      <c r="MF19" s="129">
        <v>0</v>
      </c>
      <c r="MG19" s="109">
        <v>0</v>
      </c>
      <c r="MH19" s="110">
        <v>0</v>
      </c>
      <c r="MI19" s="470">
        <v>0</v>
      </c>
      <c r="MJ19" s="109">
        <v>0</v>
      </c>
      <c r="MK19" s="109">
        <v>56814</v>
      </c>
      <c r="ML19" s="109">
        <v>3009369</v>
      </c>
      <c r="MM19" s="109">
        <v>3796901</v>
      </c>
      <c r="MN19" s="109">
        <v>952812</v>
      </c>
      <c r="MO19" s="110">
        <v>7815896</v>
      </c>
      <c r="MP19" s="130">
        <v>7815896</v>
      </c>
      <c r="MQ19" s="129">
        <v>0</v>
      </c>
      <c r="MR19" s="109">
        <v>0</v>
      </c>
      <c r="MS19" s="110">
        <v>0</v>
      </c>
      <c r="MT19" s="470">
        <v>0</v>
      </c>
      <c r="MU19" s="109">
        <v>0</v>
      </c>
      <c r="MV19" s="109">
        <v>0</v>
      </c>
      <c r="MW19" s="109">
        <v>1519289</v>
      </c>
      <c r="MX19" s="109">
        <v>3479461</v>
      </c>
      <c r="MY19" s="109">
        <v>722645</v>
      </c>
      <c r="MZ19" s="110">
        <v>5721395</v>
      </c>
      <c r="NA19" s="130">
        <v>5721395</v>
      </c>
      <c r="NB19" s="129">
        <v>0</v>
      </c>
      <c r="NC19" s="109">
        <v>0</v>
      </c>
      <c r="ND19" s="110">
        <v>0</v>
      </c>
      <c r="NE19" s="470">
        <v>0</v>
      </c>
      <c r="NF19" s="109">
        <v>0</v>
      </c>
      <c r="NG19" s="109">
        <v>56814</v>
      </c>
      <c r="NH19" s="109">
        <v>1490080</v>
      </c>
      <c r="NI19" s="109">
        <v>317440</v>
      </c>
      <c r="NJ19" s="109">
        <v>230167</v>
      </c>
      <c r="NK19" s="110">
        <v>2094501</v>
      </c>
      <c r="NL19" s="292">
        <v>2094501</v>
      </c>
      <c r="NM19" s="129">
        <v>0</v>
      </c>
      <c r="NN19" s="109">
        <v>0</v>
      </c>
      <c r="NO19" s="110">
        <v>0</v>
      </c>
      <c r="NP19" s="470">
        <v>0</v>
      </c>
      <c r="NQ19" s="109">
        <v>0</v>
      </c>
      <c r="NR19" s="109">
        <v>0</v>
      </c>
      <c r="NS19" s="109">
        <v>0</v>
      </c>
      <c r="NT19" s="109">
        <v>0</v>
      </c>
      <c r="NU19" s="109">
        <v>0</v>
      </c>
      <c r="NV19" s="110">
        <v>0</v>
      </c>
      <c r="NW19" s="111">
        <v>0</v>
      </c>
      <c r="NX19" s="129">
        <v>0</v>
      </c>
      <c r="NY19" s="109">
        <v>0</v>
      </c>
      <c r="NZ19" s="110">
        <v>0</v>
      </c>
      <c r="OA19" s="470">
        <v>0</v>
      </c>
      <c r="OB19" s="109">
        <v>0</v>
      </c>
      <c r="OC19" s="109">
        <v>0</v>
      </c>
      <c r="OD19" s="109">
        <v>0</v>
      </c>
      <c r="OE19" s="109">
        <v>0</v>
      </c>
      <c r="OF19" s="109">
        <v>0</v>
      </c>
      <c r="OG19" s="110">
        <v>0</v>
      </c>
      <c r="OH19" s="111">
        <v>0</v>
      </c>
      <c r="OI19" s="129">
        <v>97218</v>
      </c>
      <c r="OJ19" s="109">
        <v>183421</v>
      </c>
      <c r="OK19" s="128">
        <v>280639</v>
      </c>
      <c r="OL19" s="108">
        <v>0</v>
      </c>
      <c r="OM19" s="109">
        <v>3478965</v>
      </c>
      <c r="ON19" s="109">
        <v>6038824</v>
      </c>
      <c r="OO19" s="109">
        <v>9538961</v>
      </c>
      <c r="OP19" s="109">
        <v>8646859</v>
      </c>
      <c r="OQ19" s="109">
        <v>5051576</v>
      </c>
      <c r="OR19" s="110">
        <v>32755185</v>
      </c>
      <c r="OS19" s="130">
        <v>33035824</v>
      </c>
    </row>
    <row r="20" spans="2:409" ht="21" customHeight="1" x14ac:dyDescent="0.2">
      <c r="B20" s="437" t="s">
        <v>15</v>
      </c>
      <c r="C20" s="100">
        <v>120277</v>
      </c>
      <c r="D20" s="104">
        <v>239359</v>
      </c>
      <c r="E20" s="103">
        <v>359636</v>
      </c>
      <c r="F20" s="99">
        <v>0</v>
      </c>
      <c r="G20" s="104">
        <v>2454389</v>
      </c>
      <c r="H20" s="104">
        <v>2607765</v>
      </c>
      <c r="I20" s="104">
        <v>2534363</v>
      </c>
      <c r="J20" s="104">
        <v>2181719</v>
      </c>
      <c r="K20" s="104">
        <v>614633</v>
      </c>
      <c r="L20" s="99">
        <v>10392869</v>
      </c>
      <c r="M20" s="106">
        <v>10752505</v>
      </c>
      <c r="N20" s="100">
        <v>0</v>
      </c>
      <c r="O20" s="104">
        <v>25189</v>
      </c>
      <c r="P20" s="103">
        <v>25189</v>
      </c>
      <c r="Q20" s="100">
        <v>0</v>
      </c>
      <c r="R20" s="104">
        <v>683102</v>
      </c>
      <c r="S20" s="104">
        <v>1565856</v>
      </c>
      <c r="T20" s="104">
        <v>611555</v>
      </c>
      <c r="U20" s="104">
        <v>1517283</v>
      </c>
      <c r="V20" s="104">
        <v>315056</v>
      </c>
      <c r="W20" s="103">
        <v>4692852</v>
      </c>
      <c r="X20" s="106">
        <v>4718041</v>
      </c>
      <c r="Y20" s="100">
        <v>0</v>
      </c>
      <c r="Z20" s="104">
        <v>0</v>
      </c>
      <c r="AA20" s="103">
        <v>0</v>
      </c>
      <c r="AB20" s="100">
        <v>0</v>
      </c>
      <c r="AC20" s="104">
        <v>239374</v>
      </c>
      <c r="AD20" s="104">
        <v>1143744</v>
      </c>
      <c r="AE20" s="104">
        <v>338462</v>
      </c>
      <c r="AF20" s="104">
        <v>909944</v>
      </c>
      <c r="AG20" s="104">
        <v>284208</v>
      </c>
      <c r="AH20" s="103">
        <v>2915732</v>
      </c>
      <c r="AI20" s="106">
        <v>2915732</v>
      </c>
      <c r="AJ20" s="100">
        <v>0</v>
      </c>
      <c r="AK20" s="104">
        <v>0</v>
      </c>
      <c r="AL20" s="103">
        <v>0</v>
      </c>
      <c r="AM20" s="100">
        <v>0</v>
      </c>
      <c r="AN20" s="104">
        <v>0</v>
      </c>
      <c r="AO20" s="104">
        <v>58456</v>
      </c>
      <c r="AP20" s="104">
        <v>0</v>
      </c>
      <c r="AQ20" s="104">
        <v>222147</v>
      </c>
      <c r="AR20" s="104">
        <v>0</v>
      </c>
      <c r="AS20" s="103">
        <v>280603</v>
      </c>
      <c r="AT20" s="106">
        <v>280603</v>
      </c>
      <c r="AU20" s="100">
        <v>0</v>
      </c>
      <c r="AV20" s="104">
        <v>14277</v>
      </c>
      <c r="AW20" s="103">
        <v>14277</v>
      </c>
      <c r="AX20" s="100">
        <v>0</v>
      </c>
      <c r="AY20" s="104">
        <v>262608</v>
      </c>
      <c r="AZ20" s="104">
        <v>221226</v>
      </c>
      <c r="BA20" s="104">
        <v>135805</v>
      </c>
      <c r="BB20" s="104">
        <v>321424</v>
      </c>
      <c r="BC20" s="104">
        <v>0</v>
      </c>
      <c r="BD20" s="103">
        <v>941063</v>
      </c>
      <c r="BE20" s="106">
        <v>955340</v>
      </c>
      <c r="BF20" s="100">
        <v>0</v>
      </c>
      <c r="BG20" s="104">
        <v>0</v>
      </c>
      <c r="BH20" s="102">
        <v>0</v>
      </c>
      <c r="BI20" s="101">
        <v>0</v>
      </c>
      <c r="BJ20" s="104">
        <v>42840</v>
      </c>
      <c r="BK20" s="104">
        <v>69838</v>
      </c>
      <c r="BL20" s="104">
        <v>0</v>
      </c>
      <c r="BM20" s="104">
        <v>0</v>
      </c>
      <c r="BN20" s="104">
        <v>0</v>
      </c>
      <c r="BO20" s="103">
        <v>112678</v>
      </c>
      <c r="BP20" s="106">
        <v>112678</v>
      </c>
      <c r="BQ20" s="100">
        <v>0</v>
      </c>
      <c r="BR20" s="104">
        <v>10912</v>
      </c>
      <c r="BS20" s="103">
        <v>10912</v>
      </c>
      <c r="BT20" s="100">
        <v>0</v>
      </c>
      <c r="BU20" s="104">
        <v>138280</v>
      </c>
      <c r="BV20" s="104">
        <v>72592</v>
      </c>
      <c r="BW20" s="104">
        <v>137288</v>
      </c>
      <c r="BX20" s="104">
        <v>63768</v>
      </c>
      <c r="BY20" s="104">
        <v>30848</v>
      </c>
      <c r="BZ20" s="103">
        <v>442776</v>
      </c>
      <c r="CA20" s="106">
        <v>453688</v>
      </c>
      <c r="CB20" s="100">
        <v>0</v>
      </c>
      <c r="CC20" s="104">
        <v>0</v>
      </c>
      <c r="CD20" s="103">
        <v>0</v>
      </c>
      <c r="CE20" s="100">
        <v>0</v>
      </c>
      <c r="CF20" s="104">
        <v>264305</v>
      </c>
      <c r="CG20" s="104">
        <v>495795</v>
      </c>
      <c r="CH20" s="104">
        <v>485106</v>
      </c>
      <c r="CI20" s="104">
        <v>217123</v>
      </c>
      <c r="CJ20" s="104">
        <v>0</v>
      </c>
      <c r="CK20" s="103">
        <v>1462329</v>
      </c>
      <c r="CL20" s="106">
        <v>1462329</v>
      </c>
      <c r="CM20" s="100">
        <v>0</v>
      </c>
      <c r="CN20" s="104">
        <v>0</v>
      </c>
      <c r="CO20" s="103">
        <v>0</v>
      </c>
      <c r="CP20" s="101">
        <v>0</v>
      </c>
      <c r="CQ20" s="104">
        <v>185556</v>
      </c>
      <c r="CR20" s="104">
        <v>261290</v>
      </c>
      <c r="CS20" s="104">
        <v>230891</v>
      </c>
      <c r="CT20" s="104">
        <v>217123</v>
      </c>
      <c r="CU20" s="104">
        <v>0</v>
      </c>
      <c r="CV20" s="103">
        <v>894860</v>
      </c>
      <c r="CW20" s="106">
        <v>894860</v>
      </c>
      <c r="CX20" s="100">
        <v>0</v>
      </c>
      <c r="CY20" s="104">
        <v>0</v>
      </c>
      <c r="CZ20" s="103">
        <v>0</v>
      </c>
      <c r="DA20" s="100">
        <v>0</v>
      </c>
      <c r="DB20" s="104">
        <v>78749</v>
      </c>
      <c r="DC20" s="104">
        <v>234505</v>
      </c>
      <c r="DD20" s="104">
        <v>254215</v>
      </c>
      <c r="DE20" s="104">
        <v>0</v>
      </c>
      <c r="DF20" s="104">
        <v>0</v>
      </c>
      <c r="DG20" s="103">
        <v>567469</v>
      </c>
      <c r="DH20" s="106">
        <v>567469</v>
      </c>
      <c r="DI20" s="100">
        <v>0</v>
      </c>
      <c r="DJ20" s="104">
        <v>0</v>
      </c>
      <c r="DK20" s="102">
        <v>0</v>
      </c>
      <c r="DL20" s="101">
        <v>0</v>
      </c>
      <c r="DM20" s="104">
        <v>60624</v>
      </c>
      <c r="DN20" s="104">
        <v>44212</v>
      </c>
      <c r="DO20" s="104">
        <v>28385</v>
      </c>
      <c r="DP20" s="104">
        <v>262289</v>
      </c>
      <c r="DQ20" s="104">
        <v>0</v>
      </c>
      <c r="DR20" s="103">
        <v>395510</v>
      </c>
      <c r="DS20" s="106">
        <v>395510</v>
      </c>
      <c r="DT20" s="100">
        <v>0</v>
      </c>
      <c r="DU20" s="104">
        <v>0</v>
      </c>
      <c r="DV20" s="103">
        <v>0</v>
      </c>
      <c r="DW20" s="100">
        <v>0</v>
      </c>
      <c r="DX20" s="104">
        <v>60624</v>
      </c>
      <c r="DY20" s="104">
        <v>44212</v>
      </c>
      <c r="DZ20" s="104">
        <v>0</v>
      </c>
      <c r="EA20" s="104">
        <v>262289</v>
      </c>
      <c r="EB20" s="104">
        <v>0</v>
      </c>
      <c r="EC20" s="103">
        <v>367125</v>
      </c>
      <c r="ED20" s="106">
        <v>367125</v>
      </c>
      <c r="EE20" s="100">
        <v>0</v>
      </c>
      <c r="EF20" s="102">
        <v>0</v>
      </c>
      <c r="EG20" s="103">
        <v>0</v>
      </c>
      <c r="EH20" s="100">
        <v>0</v>
      </c>
      <c r="EI20" s="104">
        <v>0</v>
      </c>
      <c r="EJ20" s="104">
        <v>0</v>
      </c>
      <c r="EK20" s="104">
        <v>28385</v>
      </c>
      <c r="EL20" s="104">
        <v>0</v>
      </c>
      <c r="EM20" s="104">
        <v>0</v>
      </c>
      <c r="EN20" s="102">
        <v>28385</v>
      </c>
      <c r="EO20" s="106">
        <v>28385</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06">
        <v>0</v>
      </c>
      <c r="FE20" s="104">
        <v>0</v>
      </c>
      <c r="FF20" s="104">
        <v>0</v>
      </c>
      <c r="FG20" s="104">
        <v>0</v>
      </c>
      <c r="FH20" s="104">
        <v>0</v>
      </c>
      <c r="FI20" s="104">
        <v>0</v>
      </c>
      <c r="FJ20" s="103">
        <v>0</v>
      </c>
      <c r="FK20" s="106">
        <v>0</v>
      </c>
      <c r="FL20" s="100">
        <v>3200</v>
      </c>
      <c r="FM20" s="104">
        <v>16400</v>
      </c>
      <c r="FN20" s="103">
        <v>19600</v>
      </c>
      <c r="FO20" s="100">
        <v>0</v>
      </c>
      <c r="FP20" s="104">
        <v>15680</v>
      </c>
      <c r="FQ20" s="104">
        <v>161992</v>
      </c>
      <c r="FR20" s="104">
        <v>198296</v>
      </c>
      <c r="FS20" s="104">
        <v>185024</v>
      </c>
      <c r="FT20" s="104">
        <v>55160</v>
      </c>
      <c r="FU20" s="103">
        <v>616152</v>
      </c>
      <c r="FV20" s="106">
        <v>635752</v>
      </c>
      <c r="FW20" s="105">
        <v>3200</v>
      </c>
      <c r="FX20" s="104">
        <v>16400</v>
      </c>
      <c r="FY20" s="102">
        <v>19600</v>
      </c>
      <c r="FZ20" s="101">
        <v>0</v>
      </c>
      <c r="GA20" s="104">
        <v>15680</v>
      </c>
      <c r="GB20" s="104">
        <v>138760</v>
      </c>
      <c r="GC20" s="104">
        <v>198296</v>
      </c>
      <c r="GD20" s="104">
        <v>185024</v>
      </c>
      <c r="GE20" s="104">
        <v>44320</v>
      </c>
      <c r="GF20" s="103">
        <v>582080</v>
      </c>
      <c r="GG20" s="290">
        <v>601680</v>
      </c>
      <c r="GH20" s="105">
        <v>0</v>
      </c>
      <c r="GI20" s="104">
        <v>0</v>
      </c>
      <c r="GJ20" s="102">
        <v>0</v>
      </c>
      <c r="GK20" s="101">
        <v>0</v>
      </c>
      <c r="GL20" s="104">
        <v>0</v>
      </c>
      <c r="GM20" s="104">
        <v>23232</v>
      </c>
      <c r="GN20" s="104">
        <v>0</v>
      </c>
      <c r="GO20" s="104">
        <v>0</v>
      </c>
      <c r="GP20" s="104">
        <v>10840</v>
      </c>
      <c r="GQ20" s="103">
        <v>34072</v>
      </c>
      <c r="GR20" s="106">
        <v>34072</v>
      </c>
      <c r="GS20" s="100">
        <v>0</v>
      </c>
      <c r="GT20" s="104">
        <v>0</v>
      </c>
      <c r="GU20" s="103">
        <v>0</v>
      </c>
      <c r="GV20" s="100">
        <v>0</v>
      </c>
      <c r="GW20" s="104">
        <v>0</v>
      </c>
      <c r="GX20" s="104">
        <v>0</v>
      </c>
      <c r="GY20" s="104">
        <v>0</v>
      </c>
      <c r="GZ20" s="104">
        <v>0</v>
      </c>
      <c r="HA20" s="104">
        <v>0</v>
      </c>
      <c r="HB20" s="102">
        <v>0</v>
      </c>
      <c r="HC20" s="106">
        <v>0</v>
      </c>
      <c r="HD20" s="100">
        <v>117077</v>
      </c>
      <c r="HE20" s="104">
        <v>197770</v>
      </c>
      <c r="HF20" s="102">
        <v>314847</v>
      </c>
      <c r="HG20" s="101">
        <v>0</v>
      </c>
      <c r="HH20" s="104">
        <v>1430678</v>
      </c>
      <c r="HI20" s="104">
        <v>339910</v>
      </c>
      <c r="HJ20" s="104">
        <v>1211021</v>
      </c>
      <c r="HK20" s="104">
        <v>0</v>
      </c>
      <c r="HL20" s="104">
        <v>244417</v>
      </c>
      <c r="HM20" s="103">
        <v>3226026</v>
      </c>
      <c r="HN20" s="99">
        <v>3540873</v>
      </c>
      <c r="HO20" s="456">
        <v>0</v>
      </c>
      <c r="HP20" s="457">
        <v>0</v>
      </c>
      <c r="HQ20" s="458">
        <v>0</v>
      </c>
      <c r="HR20" s="459">
        <v>0</v>
      </c>
      <c r="HS20" s="457">
        <v>0</v>
      </c>
      <c r="HT20" s="457">
        <v>0</v>
      </c>
      <c r="HU20" s="457">
        <v>0</v>
      </c>
      <c r="HV20" s="457">
        <v>0</v>
      </c>
      <c r="HW20" s="457">
        <v>0</v>
      </c>
      <c r="HX20" s="460">
        <v>0</v>
      </c>
      <c r="HY20" s="461">
        <v>0</v>
      </c>
      <c r="HZ20" s="135">
        <v>0</v>
      </c>
      <c r="IA20" s="122">
        <v>0</v>
      </c>
      <c r="IB20" s="135">
        <v>0</v>
      </c>
      <c r="IC20" s="121">
        <v>0</v>
      </c>
      <c r="ID20" s="122">
        <v>918677</v>
      </c>
      <c r="IE20" s="123">
        <v>1228253</v>
      </c>
      <c r="IF20" s="124">
        <v>797319</v>
      </c>
      <c r="IG20" s="122">
        <v>510191</v>
      </c>
      <c r="IH20" s="124">
        <v>270281</v>
      </c>
      <c r="II20" s="125">
        <v>3724721</v>
      </c>
      <c r="IJ20" s="135">
        <v>3724721</v>
      </c>
      <c r="IK20" s="215">
        <v>0</v>
      </c>
      <c r="IL20" s="219">
        <v>0</v>
      </c>
      <c r="IM20" s="220">
        <v>0</v>
      </c>
      <c r="IN20" s="470">
        <v>0</v>
      </c>
      <c r="IO20" s="109">
        <v>190976</v>
      </c>
      <c r="IP20" s="109">
        <v>0</v>
      </c>
      <c r="IQ20" s="109">
        <v>0</v>
      </c>
      <c r="IR20" s="109">
        <v>92145</v>
      </c>
      <c r="IS20" s="109">
        <v>0</v>
      </c>
      <c r="IT20" s="128">
        <v>283121</v>
      </c>
      <c r="IU20" s="292">
        <v>283121</v>
      </c>
      <c r="IV20" s="129">
        <v>0</v>
      </c>
      <c r="IW20" s="109">
        <v>0</v>
      </c>
      <c r="IX20" s="110">
        <v>0</v>
      </c>
      <c r="IY20" s="470">
        <v>0</v>
      </c>
      <c r="IZ20" s="109">
        <v>0</v>
      </c>
      <c r="JA20" s="109">
        <v>0</v>
      </c>
      <c r="JB20" s="109">
        <v>0</v>
      </c>
      <c r="JC20" s="109">
        <v>0</v>
      </c>
      <c r="JD20" s="109">
        <v>0</v>
      </c>
      <c r="JE20" s="110">
        <v>0</v>
      </c>
      <c r="JF20" s="111">
        <v>0</v>
      </c>
      <c r="JG20" s="129">
        <v>0</v>
      </c>
      <c r="JH20" s="109">
        <v>0</v>
      </c>
      <c r="JI20" s="128">
        <v>0</v>
      </c>
      <c r="JJ20" s="108">
        <v>0</v>
      </c>
      <c r="JK20" s="109">
        <v>324728</v>
      </c>
      <c r="JL20" s="109">
        <v>320254</v>
      </c>
      <c r="JM20" s="109">
        <v>339694</v>
      </c>
      <c r="JN20" s="109">
        <v>117421</v>
      </c>
      <c r="JO20" s="109">
        <v>0</v>
      </c>
      <c r="JP20" s="110">
        <v>1102097</v>
      </c>
      <c r="JQ20" s="292">
        <v>1102097</v>
      </c>
      <c r="JR20" s="129">
        <v>0</v>
      </c>
      <c r="JS20" s="109">
        <v>0</v>
      </c>
      <c r="JT20" s="128">
        <v>0</v>
      </c>
      <c r="JU20" s="108">
        <v>0</v>
      </c>
      <c r="JV20" s="109">
        <v>54029</v>
      </c>
      <c r="JW20" s="109">
        <v>0</v>
      </c>
      <c r="JX20" s="109">
        <v>0</v>
      </c>
      <c r="JY20" s="109">
        <v>53012</v>
      </c>
      <c r="JZ20" s="109">
        <v>0</v>
      </c>
      <c r="KA20" s="110">
        <v>107041</v>
      </c>
      <c r="KB20" s="292">
        <v>107041</v>
      </c>
      <c r="KC20" s="217">
        <v>0</v>
      </c>
      <c r="KD20" s="213">
        <v>0</v>
      </c>
      <c r="KE20" s="110">
        <v>0</v>
      </c>
      <c r="KF20" s="108">
        <v>0</v>
      </c>
      <c r="KG20" s="109">
        <v>115175</v>
      </c>
      <c r="KH20" s="109">
        <v>0</v>
      </c>
      <c r="KI20" s="109">
        <v>0</v>
      </c>
      <c r="KJ20" s="109">
        <v>247613</v>
      </c>
      <c r="KK20" s="109">
        <v>270281</v>
      </c>
      <c r="KL20" s="110">
        <v>633069</v>
      </c>
      <c r="KM20" s="130">
        <v>633069</v>
      </c>
      <c r="KN20" s="215">
        <v>0</v>
      </c>
      <c r="KO20" s="219">
        <v>0</v>
      </c>
      <c r="KP20" s="220">
        <v>0</v>
      </c>
      <c r="KQ20" s="470">
        <v>0</v>
      </c>
      <c r="KR20" s="109">
        <v>233769</v>
      </c>
      <c r="KS20" s="109">
        <v>731952</v>
      </c>
      <c r="KT20" s="109">
        <v>0</v>
      </c>
      <c r="KU20" s="109">
        <v>0</v>
      </c>
      <c r="KV20" s="109">
        <v>0</v>
      </c>
      <c r="KW20" s="110">
        <v>965721</v>
      </c>
      <c r="KX20" s="292">
        <v>965721</v>
      </c>
      <c r="KY20" s="129">
        <v>0</v>
      </c>
      <c r="KZ20" s="109">
        <v>0</v>
      </c>
      <c r="LA20" s="110">
        <v>0</v>
      </c>
      <c r="LB20" s="470">
        <v>0</v>
      </c>
      <c r="LC20" s="109">
        <v>0</v>
      </c>
      <c r="LD20" s="109">
        <v>0</v>
      </c>
      <c r="LE20" s="109">
        <v>0</v>
      </c>
      <c r="LF20" s="109">
        <v>0</v>
      </c>
      <c r="LG20" s="109">
        <v>0</v>
      </c>
      <c r="LH20" s="110">
        <v>0</v>
      </c>
      <c r="LI20" s="111">
        <v>0</v>
      </c>
      <c r="LJ20" s="129">
        <v>0</v>
      </c>
      <c r="LK20" s="109">
        <v>0</v>
      </c>
      <c r="LL20" s="110">
        <v>0</v>
      </c>
      <c r="LM20" s="470">
        <v>0</v>
      </c>
      <c r="LN20" s="109">
        <v>0</v>
      </c>
      <c r="LO20" s="109">
        <v>0</v>
      </c>
      <c r="LP20" s="109">
        <v>0</v>
      </c>
      <c r="LQ20" s="109">
        <v>0</v>
      </c>
      <c r="LR20" s="109">
        <v>0</v>
      </c>
      <c r="LS20" s="110">
        <v>0</v>
      </c>
      <c r="LT20" s="292">
        <v>0</v>
      </c>
      <c r="LU20" s="129">
        <v>0</v>
      </c>
      <c r="LV20" s="109">
        <v>0</v>
      </c>
      <c r="LW20" s="110">
        <v>0</v>
      </c>
      <c r="LX20" s="470">
        <v>0</v>
      </c>
      <c r="LY20" s="109">
        <v>0</v>
      </c>
      <c r="LZ20" s="109">
        <v>176047</v>
      </c>
      <c r="MA20" s="109">
        <v>457625</v>
      </c>
      <c r="MB20" s="109">
        <v>0</v>
      </c>
      <c r="MC20" s="109">
        <v>0</v>
      </c>
      <c r="MD20" s="110">
        <v>633672</v>
      </c>
      <c r="ME20" s="111">
        <v>633672</v>
      </c>
      <c r="MF20" s="129">
        <v>0</v>
      </c>
      <c r="MG20" s="109">
        <v>0</v>
      </c>
      <c r="MH20" s="110">
        <v>0</v>
      </c>
      <c r="MI20" s="470">
        <v>0</v>
      </c>
      <c r="MJ20" s="109">
        <v>268104</v>
      </c>
      <c r="MK20" s="109">
        <v>538974</v>
      </c>
      <c r="ML20" s="109">
        <v>1122456</v>
      </c>
      <c r="MM20" s="109">
        <v>3957259</v>
      </c>
      <c r="MN20" s="109">
        <v>888392</v>
      </c>
      <c r="MO20" s="110">
        <v>6775185</v>
      </c>
      <c r="MP20" s="130">
        <v>6775185</v>
      </c>
      <c r="MQ20" s="129">
        <v>0</v>
      </c>
      <c r="MR20" s="109">
        <v>0</v>
      </c>
      <c r="MS20" s="110">
        <v>0</v>
      </c>
      <c r="MT20" s="470">
        <v>0</v>
      </c>
      <c r="MU20" s="109">
        <v>0</v>
      </c>
      <c r="MV20" s="109">
        <v>0</v>
      </c>
      <c r="MW20" s="109">
        <v>746123</v>
      </c>
      <c r="MX20" s="109">
        <v>2753015</v>
      </c>
      <c r="MY20" s="109">
        <v>591327</v>
      </c>
      <c r="MZ20" s="110">
        <v>4090465</v>
      </c>
      <c r="NA20" s="130">
        <v>4090465</v>
      </c>
      <c r="NB20" s="129">
        <v>0</v>
      </c>
      <c r="NC20" s="109">
        <v>0</v>
      </c>
      <c r="ND20" s="110">
        <v>0</v>
      </c>
      <c r="NE20" s="470">
        <v>0</v>
      </c>
      <c r="NF20" s="109">
        <v>268104</v>
      </c>
      <c r="NG20" s="109">
        <v>538974</v>
      </c>
      <c r="NH20" s="109">
        <v>376333</v>
      </c>
      <c r="NI20" s="109">
        <v>1204244</v>
      </c>
      <c r="NJ20" s="109">
        <v>297065</v>
      </c>
      <c r="NK20" s="110">
        <v>2684720</v>
      </c>
      <c r="NL20" s="292">
        <v>2684720</v>
      </c>
      <c r="NM20" s="129">
        <v>0</v>
      </c>
      <c r="NN20" s="109">
        <v>0</v>
      </c>
      <c r="NO20" s="110">
        <v>0</v>
      </c>
      <c r="NP20" s="470">
        <v>0</v>
      </c>
      <c r="NQ20" s="109">
        <v>0</v>
      </c>
      <c r="NR20" s="109">
        <v>0</v>
      </c>
      <c r="NS20" s="109">
        <v>0</v>
      </c>
      <c r="NT20" s="109">
        <v>0</v>
      </c>
      <c r="NU20" s="109">
        <v>0</v>
      </c>
      <c r="NV20" s="110">
        <v>0</v>
      </c>
      <c r="NW20" s="111">
        <v>0</v>
      </c>
      <c r="NX20" s="129">
        <v>0</v>
      </c>
      <c r="NY20" s="109">
        <v>0</v>
      </c>
      <c r="NZ20" s="110">
        <v>0</v>
      </c>
      <c r="OA20" s="470">
        <v>0</v>
      </c>
      <c r="OB20" s="109">
        <v>0</v>
      </c>
      <c r="OC20" s="109">
        <v>0</v>
      </c>
      <c r="OD20" s="109">
        <v>0</v>
      </c>
      <c r="OE20" s="109">
        <v>0</v>
      </c>
      <c r="OF20" s="109">
        <v>0</v>
      </c>
      <c r="OG20" s="110">
        <v>0</v>
      </c>
      <c r="OH20" s="111">
        <v>0</v>
      </c>
      <c r="OI20" s="129">
        <v>120277</v>
      </c>
      <c r="OJ20" s="109">
        <v>239359</v>
      </c>
      <c r="OK20" s="128">
        <v>359636</v>
      </c>
      <c r="OL20" s="108">
        <v>0</v>
      </c>
      <c r="OM20" s="109">
        <v>3641170</v>
      </c>
      <c r="ON20" s="109">
        <v>4374992</v>
      </c>
      <c r="OO20" s="109">
        <v>4454138</v>
      </c>
      <c r="OP20" s="109">
        <v>6649169</v>
      </c>
      <c r="OQ20" s="109">
        <v>1773306</v>
      </c>
      <c r="OR20" s="110">
        <v>20892775</v>
      </c>
      <c r="OS20" s="130">
        <v>21252411</v>
      </c>
    </row>
    <row r="21" spans="2:409" ht="21" customHeight="1" x14ac:dyDescent="0.2">
      <c r="B21" s="437" t="s">
        <v>16</v>
      </c>
      <c r="C21" s="100">
        <v>370909</v>
      </c>
      <c r="D21" s="104">
        <v>500851</v>
      </c>
      <c r="E21" s="103">
        <v>871760</v>
      </c>
      <c r="F21" s="99">
        <v>0</v>
      </c>
      <c r="G21" s="104">
        <v>3835311</v>
      </c>
      <c r="H21" s="104">
        <v>7436576</v>
      </c>
      <c r="I21" s="104">
        <v>4139442</v>
      </c>
      <c r="J21" s="104">
        <v>4297405</v>
      </c>
      <c r="K21" s="104">
        <v>2310877</v>
      </c>
      <c r="L21" s="99">
        <v>22019611</v>
      </c>
      <c r="M21" s="106">
        <v>22891371</v>
      </c>
      <c r="N21" s="100">
        <v>148400</v>
      </c>
      <c r="O21" s="104">
        <v>166499</v>
      </c>
      <c r="P21" s="103">
        <v>314899</v>
      </c>
      <c r="Q21" s="100">
        <v>0</v>
      </c>
      <c r="R21" s="104">
        <v>1119710</v>
      </c>
      <c r="S21" s="104">
        <v>1478317</v>
      </c>
      <c r="T21" s="104">
        <v>587132</v>
      </c>
      <c r="U21" s="104">
        <v>768538</v>
      </c>
      <c r="V21" s="104">
        <v>802932</v>
      </c>
      <c r="W21" s="103">
        <v>4756629</v>
      </c>
      <c r="X21" s="106">
        <v>5071528</v>
      </c>
      <c r="Y21" s="100">
        <v>0</v>
      </c>
      <c r="Z21" s="104">
        <v>0</v>
      </c>
      <c r="AA21" s="103">
        <v>0</v>
      </c>
      <c r="AB21" s="100">
        <v>0</v>
      </c>
      <c r="AC21" s="104">
        <v>461724</v>
      </c>
      <c r="AD21" s="104">
        <v>466949</v>
      </c>
      <c r="AE21" s="104">
        <v>210662</v>
      </c>
      <c r="AF21" s="104">
        <v>82883</v>
      </c>
      <c r="AG21" s="104">
        <v>341465</v>
      </c>
      <c r="AH21" s="103">
        <v>1563683</v>
      </c>
      <c r="AI21" s="106">
        <v>1563683</v>
      </c>
      <c r="AJ21" s="100">
        <v>0</v>
      </c>
      <c r="AK21" s="104">
        <v>0</v>
      </c>
      <c r="AL21" s="103">
        <v>0</v>
      </c>
      <c r="AM21" s="100">
        <v>0</v>
      </c>
      <c r="AN21" s="104">
        <v>14038</v>
      </c>
      <c r="AO21" s="104">
        <v>0</v>
      </c>
      <c r="AP21" s="104">
        <v>13195</v>
      </c>
      <c r="AQ21" s="104">
        <v>91086</v>
      </c>
      <c r="AR21" s="104">
        <v>190761</v>
      </c>
      <c r="AS21" s="103">
        <v>309080</v>
      </c>
      <c r="AT21" s="106">
        <v>309080</v>
      </c>
      <c r="AU21" s="100">
        <v>106073</v>
      </c>
      <c r="AV21" s="104">
        <v>104447</v>
      </c>
      <c r="AW21" s="103">
        <v>210520</v>
      </c>
      <c r="AX21" s="100">
        <v>0</v>
      </c>
      <c r="AY21" s="104">
        <v>386667</v>
      </c>
      <c r="AZ21" s="104">
        <v>660889</v>
      </c>
      <c r="BA21" s="104">
        <v>206875</v>
      </c>
      <c r="BB21" s="104">
        <v>350441</v>
      </c>
      <c r="BC21" s="104">
        <v>81874</v>
      </c>
      <c r="BD21" s="103">
        <v>1686746</v>
      </c>
      <c r="BE21" s="106">
        <v>1897266</v>
      </c>
      <c r="BF21" s="100">
        <v>7759</v>
      </c>
      <c r="BG21" s="104">
        <v>30444</v>
      </c>
      <c r="BH21" s="102">
        <v>38203</v>
      </c>
      <c r="BI21" s="101">
        <v>0</v>
      </c>
      <c r="BJ21" s="104">
        <v>52161</v>
      </c>
      <c r="BK21" s="104">
        <v>71103</v>
      </c>
      <c r="BL21" s="104">
        <v>0</v>
      </c>
      <c r="BM21" s="104">
        <v>0</v>
      </c>
      <c r="BN21" s="104">
        <v>0</v>
      </c>
      <c r="BO21" s="103">
        <v>123264</v>
      </c>
      <c r="BP21" s="106">
        <v>161467</v>
      </c>
      <c r="BQ21" s="100">
        <v>34568</v>
      </c>
      <c r="BR21" s="104">
        <v>31608</v>
      </c>
      <c r="BS21" s="103">
        <v>66176</v>
      </c>
      <c r="BT21" s="100">
        <v>0</v>
      </c>
      <c r="BU21" s="104">
        <v>205120</v>
      </c>
      <c r="BV21" s="104">
        <v>279376</v>
      </c>
      <c r="BW21" s="104">
        <v>156400</v>
      </c>
      <c r="BX21" s="104">
        <v>244128</v>
      </c>
      <c r="BY21" s="104">
        <v>188832</v>
      </c>
      <c r="BZ21" s="103">
        <v>1073856</v>
      </c>
      <c r="CA21" s="106">
        <v>1140032</v>
      </c>
      <c r="CB21" s="100">
        <v>42145</v>
      </c>
      <c r="CC21" s="104">
        <v>236832</v>
      </c>
      <c r="CD21" s="103">
        <v>278977</v>
      </c>
      <c r="CE21" s="100">
        <v>0</v>
      </c>
      <c r="CF21" s="104">
        <v>1031640</v>
      </c>
      <c r="CG21" s="104">
        <v>2727143</v>
      </c>
      <c r="CH21" s="104">
        <v>1615056</v>
      </c>
      <c r="CI21" s="104">
        <v>643711</v>
      </c>
      <c r="CJ21" s="104">
        <v>102141</v>
      </c>
      <c r="CK21" s="103">
        <v>6119691</v>
      </c>
      <c r="CL21" s="106">
        <v>6398668</v>
      </c>
      <c r="CM21" s="100">
        <v>0</v>
      </c>
      <c r="CN21" s="104">
        <v>0</v>
      </c>
      <c r="CO21" s="103">
        <v>0</v>
      </c>
      <c r="CP21" s="101">
        <v>0</v>
      </c>
      <c r="CQ21" s="104">
        <v>641140</v>
      </c>
      <c r="CR21" s="104">
        <v>1282353</v>
      </c>
      <c r="CS21" s="104">
        <v>914660</v>
      </c>
      <c r="CT21" s="104">
        <v>390134</v>
      </c>
      <c r="CU21" s="104">
        <v>21328</v>
      </c>
      <c r="CV21" s="103">
        <v>3249615</v>
      </c>
      <c r="CW21" s="106">
        <v>3249615</v>
      </c>
      <c r="CX21" s="100">
        <v>42145</v>
      </c>
      <c r="CY21" s="104">
        <v>236832</v>
      </c>
      <c r="CZ21" s="103">
        <v>278977</v>
      </c>
      <c r="DA21" s="100">
        <v>0</v>
      </c>
      <c r="DB21" s="104">
        <v>390500</v>
      </c>
      <c r="DC21" s="104">
        <v>1444790</v>
      </c>
      <c r="DD21" s="104">
        <v>700396</v>
      </c>
      <c r="DE21" s="104">
        <v>253577</v>
      </c>
      <c r="DF21" s="104">
        <v>80813</v>
      </c>
      <c r="DG21" s="103">
        <v>2870076</v>
      </c>
      <c r="DH21" s="106">
        <v>3149053</v>
      </c>
      <c r="DI21" s="100">
        <v>0</v>
      </c>
      <c r="DJ21" s="104">
        <v>0</v>
      </c>
      <c r="DK21" s="102">
        <v>0</v>
      </c>
      <c r="DL21" s="101">
        <v>0</v>
      </c>
      <c r="DM21" s="104">
        <v>0</v>
      </c>
      <c r="DN21" s="104">
        <v>184124</v>
      </c>
      <c r="DO21" s="104">
        <v>286983</v>
      </c>
      <c r="DP21" s="104">
        <v>242034</v>
      </c>
      <c r="DQ21" s="104">
        <v>58045</v>
      </c>
      <c r="DR21" s="103">
        <v>771186</v>
      </c>
      <c r="DS21" s="106">
        <v>771186</v>
      </c>
      <c r="DT21" s="100">
        <v>0</v>
      </c>
      <c r="DU21" s="104">
        <v>0</v>
      </c>
      <c r="DV21" s="103">
        <v>0</v>
      </c>
      <c r="DW21" s="100">
        <v>0</v>
      </c>
      <c r="DX21" s="104">
        <v>0</v>
      </c>
      <c r="DY21" s="104">
        <v>54944</v>
      </c>
      <c r="DZ21" s="104">
        <v>194821</v>
      </c>
      <c r="EA21" s="104">
        <v>242034</v>
      </c>
      <c r="EB21" s="104">
        <v>58045</v>
      </c>
      <c r="EC21" s="103">
        <v>549844</v>
      </c>
      <c r="ED21" s="106">
        <v>549844</v>
      </c>
      <c r="EE21" s="100">
        <v>0</v>
      </c>
      <c r="EF21" s="102">
        <v>0</v>
      </c>
      <c r="EG21" s="103">
        <v>0</v>
      </c>
      <c r="EH21" s="100">
        <v>0</v>
      </c>
      <c r="EI21" s="104">
        <v>0</v>
      </c>
      <c r="EJ21" s="104">
        <v>129180</v>
      </c>
      <c r="EK21" s="104">
        <v>92162</v>
      </c>
      <c r="EL21" s="104">
        <v>0</v>
      </c>
      <c r="EM21" s="104">
        <v>0</v>
      </c>
      <c r="EN21" s="102">
        <v>221342</v>
      </c>
      <c r="EO21" s="106">
        <v>221342</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06">
        <v>0</v>
      </c>
      <c r="FE21" s="104">
        <v>0</v>
      </c>
      <c r="FF21" s="104">
        <v>0</v>
      </c>
      <c r="FG21" s="104">
        <v>0</v>
      </c>
      <c r="FH21" s="104">
        <v>0</v>
      </c>
      <c r="FI21" s="104">
        <v>0</v>
      </c>
      <c r="FJ21" s="103">
        <v>0</v>
      </c>
      <c r="FK21" s="106">
        <v>0</v>
      </c>
      <c r="FL21" s="100">
        <v>30712</v>
      </c>
      <c r="FM21" s="104">
        <v>97520</v>
      </c>
      <c r="FN21" s="103">
        <v>128232</v>
      </c>
      <c r="FO21" s="100">
        <v>0</v>
      </c>
      <c r="FP21" s="104">
        <v>210012</v>
      </c>
      <c r="FQ21" s="104">
        <v>771552</v>
      </c>
      <c r="FR21" s="104">
        <v>459384</v>
      </c>
      <c r="FS21" s="104">
        <v>389096</v>
      </c>
      <c r="FT21" s="104">
        <v>114536</v>
      </c>
      <c r="FU21" s="103">
        <v>1944580</v>
      </c>
      <c r="FV21" s="106">
        <v>2072812</v>
      </c>
      <c r="FW21" s="105">
        <v>30712</v>
      </c>
      <c r="FX21" s="104">
        <v>97520</v>
      </c>
      <c r="FY21" s="102">
        <v>128232</v>
      </c>
      <c r="FZ21" s="101">
        <v>0</v>
      </c>
      <c r="GA21" s="104">
        <v>177584</v>
      </c>
      <c r="GB21" s="104">
        <v>610752</v>
      </c>
      <c r="GC21" s="104">
        <v>386584</v>
      </c>
      <c r="GD21" s="104">
        <v>365864</v>
      </c>
      <c r="GE21" s="104">
        <v>114536</v>
      </c>
      <c r="GF21" s="103">
        <v>1655320</v>
      </c>
      <c r="GG21" s="290">
        <v>1783552</v>
      </c>
      <c r="GH21" s="105">
        <v>0</v>
      </c>
      <c r="GI21" s="104">
        <v>0</v>
      </c>
      <c r="GJ21" s="102">
        <v>0</v>
      </c>
      <c r="GK21" s="101">
        <v>0</v>
      </c>
      <c r="GL21" s="104">
        <v>32428</v>
      </c>
      <c r="GM21" s="104">
        <v>80000</v>
      </c>
      <c r="GN21" s="104">
        <v>0</v>
      </c>
      <c r="GO21" s="104">
        <v>23232</v>
      </c>
      <c r="GP21" s="104">
        <v>0</v>
      </c>
      <c r="GQ21" s="103">
        <v>135660</v>
      </c>
      <c r="GR21" s="106">
        <v>135660</v>
      </c>
      <c r="GS21" s="100">
        <v>0</v>
      </c>
      <c r="GT21" s="104">
        <v>0</v>
      </c>
      <c r="GU21" s="103">
        <v>0</v>
      </c>
      <c r="GV21" s="100">
        <v>0</v>
      </c>
      <c r="GW21" s="104">
        <v>0</v>
      </c>
      <c r="GX21" s="104">
        <v>80800</v>
      </c>
      <c r="GY21" s="104">
        <v>72800</v>
      </c>
      <c r="GZ21" s="104">
        <v>0</v>
      </c>
      <c r="HA21" s="104">
        <v>0</v>
      </c>
      <c r="HB21" s="102">
        <v>153600</v>
      </c>
      <c r="HC21" s="106">
        <v>153600</v>
      </c>
      <c r="HD21" s="100">
        <v>149652</v>
      </c>
      <c r="HE21" s="104">
        <v>0</v>
      </c>
      <c r="HF21" s="102">
        <v>149652</v>
      </c>
      <c r="HG21" s="101">
        <v>0</v>
      </c>
      <c r="HH21" s="104">
        <v>1473949</v>
      </c>
      <c r="HI21" s="104">
        <v>2275440</v>
      </c>
      <c r="HJ21" s="104">
        <v>1190887</v>
      </c>
      <c r="HK21" s="104">
        <v>2254026</v>
      </c>
      <c r="HL21" s="104">
        <v>1233223</v>
      </c>
      <c r="HM21" s="103">
        <v>8427525</v>
      </c>
      <c r="HN21" s="99">
        <v>8577177</v>
      </c>
      <c r="HO21" s="456">
        <v>0</v>
      </c>
      <c r="HP21" s="457">
        <v>0</v>
      </c>
      <c r="HQ21" s="458">
        <v>0</v>
      </c>
      <c r="HR21" s="459">
        <v>0</v>
      </c>
      <c r="HS21" s="457">
        <v>0</v>
      </c>
      <c r="HT21" s="457">
        <v>0</v>
      </c>
      <c r="HU21" s="457">
        <v>0</v>
      </c>
      <c r="HV21" s="457">
        <v>0</v>
      </c>
      <c r="HW21" s="457">
        <v>0</v>
      </c>
      <c r="HX21" s="460">
        <v>0</v>
      </c>
      <c r="HY21" s="461">
        <v>0</v>
      </c>
      <c r="HZ21" s="118">
        <v>0</v>
      </c>
      <c r="IA21" s="119">
        <v>0</v>
      </c>
      <c r="IB21" s="120">
        <v>0</v>
      </c>
      <c r="IC21" s="131">
        <v>0</v>
      </c>
      <c r="ID21" s="119">
        <v>402329</v>
      </c>
      <c r="IE21" s="132">
        <v>1173752</v>
      </c>
      <c r="IF21" s="120">
        <v>1239587</v>
      </c>
      <c r="IG21" s="119">
        <v>974228</v>
      </c>
      <c r="IH21" s="120">
        <v>942092</v>
      </c>
      <c r="II21" s="133">
        <v>4731988</v>
      </c>
      <c r="IJ21" s="126">
        <v>4731988</v>
      </c>
      <c r="IK21" s="215">
        <v>0</v>
      </c>
      <c r="IL21" s="219">
        <v>0</v>
      </c>
      <c r="IM21" s="220">
        <v>0</v>
      </c>
      <c r="IN21" s="470">
        <v>0</v>
      </c>
      <c r="IO21" s="109">
        <v>0</v>
      </c>
      <c r="IP21" s="109">
        <v>0</v>
      </c>
      <c r="IQ21" s="109">
        <v>152080</v>
      </c>
      <c r="IR21" s="109">
        <v>87044</v>
      </c>
      <c r="IS21" s="109">
        <v>0</v>
      </c>
      <c r="IT21" s="128">
        <v>239124</v>
      </c>
      <c r="IU21" s="292">
        <v>239124</v>
      </c>
      <c r="IV21" s="129">
        <v>0</v>
      </c>
      <c r="IW21" s="109">
        <v>0</v>
      </c>
      <c r="IX21" s="110">
        <v>0</v>
      </c>
      <c r="IY21" s="470">
        <v>0</v>
      </c>
      <c r="IZ21" s="109">
        <v>0</v>
      </c>
      <c r="JA21" s="109">
        <v>0</v>
      </c>
      <c r="JB21" s="109">
        <v>37778</v>
      </c>
      <c r="JC21" s="109">
        <v>0</v>
      </c>
      <c r="JD21" s="109">
        <v>0</v>
      </c>
      <c r="JE21" s="110">
        <v>37778</v>
      </c>
      <c r="JF21" s="111">
        <v>37778</v>
      </c>
      <c r="JG21" s="129">
        <v>0</v>
      </c>
      <c r="JH21" s="109">
        <v>0</v>
      </c>
      <c r="JI21" s="128">
        <v>0</v>
      </c>
      <c r="JJ21" s="108">
        <v>0</v>
      </c>
      <c r="JK21" s="109">
        <v>286658</v>
      </c>
      <c r="JL21" s="109">
        <v>355796</v>
      </c>
      <c r="JM21" s="109">
        <v>414360</v>
      </c>
      <c r="JN21" s="109">
        <v>116493</v>
      </c>
      <c r="JO21" s="109">
        <v>156226</v>
      </c>
      <c r="JP21" s="110">
        <v>1329533</v>
      </c>
      <c r="JQ21" s="292">
        <v>1329533</v>
      </c>
      <c r="JR21" s="129">
        <v>0</v>
      </c>
      <c r="JS21" s="109">
        <v>0</v>
      </c>
      <c r="JT21" s="128">
        <v>0</v>
      </c>
      <c r="JU21" s="108">
        <v>0</v>
      </c>
      <c r="JV21" s="109">
        <v>115671</v>
      </c>
      <c r="JW21" s="109">
        <v>111307</v>
      </c>
      <c r="JX21" s="109">
        <v>48542</v>
      </c>
      <c r="JY21" s="109">
        <v>0</v>
      </c>
      <c r="JZ21" s="109">
        <v>0</v>
      </c>
      <c r="KA21" s="110">
        <v>275520</v>
      </c>
      <c r="KB21" s="292">
        <v>275520</v>
      </c>
      <c r="KC21" s="217">
        <v>0</v>
      </c>
      <c r="KD21" s="213">
        <v>0</v>
      </c>
      <c r="KE21" s="110">
        <v>0</v>
      </c>
      <c r="KF21" s="108">
        <v>0</v>
      </c>
      <c r="KG21" s="109">
        <v>0</v>
      </c>
      <c r="KH21" s="109">
        <v>0</v>
      </c>
      <c r="KI21" s="109">
        <v>334203</v>
      </c>
      <c r="KJ21" s="109">
        <v>516193</v>
      </c>
      <c r="KK21" s="109">
        <v>0</v>
      </c>
      <c r="KL21" s="110">
        <v>850396</v>
      </c>
      <c r="KM21" s="130">
        <v>850396</v>
      </c>
      <c r="KN21" s="215">
        <v>0</v>
      </c>
      <c r="KO21" s="219">
        <v>0</v>
      </c>
      <c r="KP21" s="220">
        <v>0</v>
      </c>
      <c r="KQ21" s="470">
        <v>0</v>
      </c>
      <c r="KR21" s="109">
        <v>0</v>
      </c>
      <c r="KS21" s="109">
        <v>537891</v>
      </c>
      <c r="KT21" s="109">
        <v>252624</v>
      </c>
      <c r="KU21" s="109">
        <v>254498</v>
      </c>
      <c r="KV21" s="109">
        <v>785866</v>
      </c>
      <c r="KW21" s="110">
        <v>1830879</v>
      </c>
      <c r="KX21" s="292">
        <v>1830879</v>
      </c>
      <c r="KY21" s="129">
        <v>0</v>
      </c>
      <c r="KZ21" s="109">
        <v>0</v>
      </c>
      <c r="LA21" s="110">
        <v>0</v>
      </c>
      <c r="LB21" s="470">
        <v>0</v>
      </c>
      <c r="LC21" s="109">
        <v>0</v>
      </c>
      <c r="LD21" s="109">
        <v>0</v>
      </c>
      <c r="LE21" s="109">
        <v>0</v>
      </c>
      <c r="LF21" s="109">
        <v>0</v>
      </c>
      <c r="LG21" s="109">
        <v>0</v>
      </c>
      <c r="LH21" s="110">
        <v>0</v>
      </c>
      <c r="LI21" s="111">
        <v>0</v>
      </c>
      <c r="LJ21" s="129">
        <v>0</v>
      </c>
      <c r="LK21" s="109">
        <v>0</v>
      </c>
      <c r="LL21" s="110">
        <v>0</v>
      </c>
      <c r="LM21" s="470">
        <v>0</v>
      </c>
      <c r="LN21" s="109">
        <v>0</v>
      </c>
      <c r="LO21" s="109">
        <v>0</v>
      </c>
      <c r="LP21" s="109">
        <v>0</v>
      </c>
      <c r="LQ21" s="109">
        <v>0</v>
      </c>
      <c r="LR21" s="109">
        <v>0</v>
      </c>
      <c r="LS21" s="110">
        <v>0</v>
      </c>
      <c r="LT21" s="292">
        <v>0</v>
      </c>
      <c r="LU21" s="129">
        <v>0</v>
      </c>
      <c r="LV21" s="109">
        <v>0</v>
      </c>
      <c r="LW21" s="110">
        <v>0</v>
      </c>
      <c r="LX21" s="470">
        <v>0</v>
      </c>
      <c r="LY21" s="109">
        <v>0</v>
      </c>
      <c r="LZ21" s="109">
        <v>168758</v>
      </c>
      <c r="MA21" s="109">
        <v>0</v>
      </c>
      <c r="MB21" s="109">
        <v>0</v>
      </c>
      <c r="MC21" s="109">
        <v>0</v>
      </c>
      <c r="MD21" s="110">
        <v>168758</v>
      </c>
      <c r="ME21" s="111">
        <v>168758</v>
      </c>
      <c r="MF21" s="129">
        <v>0</v>
      </c>
      <c r="MG21" s="109">
        <v>0</v>
      </c>
      <c r="MH21" s="110">
        <v>0</v>
      </c>
      <c r="MI21" s="470">
        <v>0</v>
      </c>
      <c r="MJ21" s="109">
        <v>0</v>
      </c>
      <c r="MK21" s="109">
        <v>1531879</v>
      </c>
      <c r="ML21" s="109">
        <v>2112886</v>
      </c>
      <c r="MM21" s="109">
        <v>3849263</v>
      </c>
      <c r="MN21" s="109">
        <v>1997605</v>
      </c>
      <c r="MO21" s="110">
        <v>9491633</v>
      </c>
      <c r="MP21" s="130">
        <v>9491633</v>
      </c>
      <c r="MQ21" s="129">
        <v>0</v>
      </c>
      <c r="MR21" s="109">
        <v>0</v>
      </c>
      <c r="MS21" s="110">
        <v>0</v>
      </c>
      <c r="MT21" s="470">
        <v>0</v>
      </c>
      <c r="MU21" s="109">
        <v>0</v>
      </c>
      <c r="MV21" s="109">
        <v>212013</v>
      </c>
      <c r="MW21" s="109">
        <v>1023451</v>
      </c>
      <c r="MX21" s="109">
        <v>2210602</v>
      </c>
      <c r="MY21" s="109">
        <v>1595593</v>
      </c>
      <c r="MZ21" s="110">
        <v>5041659</v>
      </c>
      <c r="NA21" s="130">
        <v>5041659</v>
      </c>
      <c r="NB21" s="129">
        <v>0</v>
      </c>
      <c r="NC21" s="109">
        <v>0</v>
      </c>
      <c r="ND21" s="110">
        <v>0</v>
      </c>
      <c r="NE21" s="470">
        <v>0</v>
      </c>
      <c r="NF21" s="109">
        <v>0</v>
      </c>
      <c r="NG21" s="109">
        <v>1319866</v>
      </c>
      <c r="NH21" s="109">
        <v>1089435</v>
      </c>
      <c r="NI21" s="109">
        <v>1638661</v>
      </c>
      <c r="NJ21" s="109">
        <v>0</v>
      </c>
      <c r="NK21" s="110">
        <v>4047962</v>
      </c>
      <c r="NL21" s="292">
        <v>4047962</v>
      </c>
      <c r="NM21" s="129">
        <v>0</v>
      </c>
      <c r="NN21" s="109">
        <v>0</v>
      </c>
      <c r="NO21" s="110">
        <v>0</v>
      </c>
      <c r="NP21" s="470">
        <v>0</v>
      </c>
      <c r="NQ21" s="109">
        <v>0</v>
      </c>
      <c r="NR21" s="109">
        <v>0</v>
      </c>
      <c r="NS21" s="109">
        <v>0</v>
      </c>
      <c r="NT21" s="109">
        <v>0</v>
      </c>
      <c r="NU21" s="109">
        <v>0</v>
      </c>
      <c r="NV21" s="110">
        <v>0</v>
      </c>
      <c r="NW21" s="111">
        <v>0</v>
      </c>
      <c r="NX21" s="129">
        <v>0</v>
      </c>
      <c r="NY21" s="109">
        <v>0</v>
      </c>
      <c r="NZ21" s="110">
        <v>0</v>
      </c>
      <c r="OA21" s="470">
        <v>0</v>
      </c>
      <c r="OB21" s="109">
        <v>0</v>
      </c>
      <c r="OC21" s="109">
        <v>0</v>
      </c>
      <c r="OD21" s="109">
        <v>0</v>
      </c>
      <c r="OE21" s="109">
        <v>0</v>
      </c>
      <c r="OF21" s="109">
        <v>402012</v>
      </c>
      <c r="OG21" s="110">
        <v>402012</v>
      </c>
      <c r="OH21" s="111">
        <v>402012</v>
      </c>
      <c r="OI21" s="129">
        <v>370909</v>
      </c>
      <c r="OJ21" s="109">
        <v>500851</v>
      </c>
      <c r="OK21" s="128">
        <v>871760</v>
      </c>
      <c r="OL21" s="108">
        <v>0</v>
      </c>
      <c r="OM21" s="109">
        <v>4237640</v>
      </c>
      <c r="ON21" s="109">
        <v>10142207</v>
      </c>
      <c r="OO21" s="109">
        <v>7491915</v>
      </c>
      <c r="OP21" s="109">
        <v>9120896</v>
      </c>
      <c r="OQ21" s="109">
        <v>5250574</v>
      </c>
      <c r="OR21" s="110">
        <v>36243232</v>
      </c>
      <c r="OS21" s="130">
        <v>37114992</v>
      </c>
    </row>
    <row r="22" spans="2:409" ht="21" customHeight="1" x14ac:dyDescent="0.2">
      <c r="B22" s="437" t="s">
        <v>17</v>
      </c>
      <c r="C22" s="100">
        <v>555213</v>
      </c>
      <c r="D22" s="104">
        <v>615399</v>
      </c>
      <c r="E22" s="103">
        <v>1170612</v>
      </c>
      <c r="F22" s="99">
        <v>0</v>
      </c>
      <c r="G22" s="104">
        <v>3881007</v>
      </c>
      <c r="H22" s="104">
        <v>7374835</v>
      </c>
      <c r="I22" s="104">
        <v>5974374</v>
      </c>
      <c r="J22" s="104">
        <v>2821543</v>
      </c>
      <c r="K22" s="104">
        <v>2833845</v>
      </c>
      <c r="L22" s="99">
        <v>22885604</v>
      </c>
      <c r="M22" s="106">
        <v>24056216</v>
      </c>
      <c r="N22" s="100">
        <v>98624</v>
      </c>
      <c r="O22" s="104">
        <v>123225</v>
      </c>
      <c r="P22" s="103">
        <v>221849</v>
      </c>
      <c r="Q22" s="100">
        <v>0</v>
      </c>
      <c r="R22" s="104">
        <v>1035798</v>
      </c>
      <c r="S22" s="104">
        <v>1350761</v>
      </c>
      <c r="T22" s="104">
        <v>1851093</v>
      </c>
      <c r="U22" s="104">
        <v>302518</v>
      </c>
      <c r="V22" s="104">
        <v>1451620</v>
      </c>
      <c r="W22" s="103">
        <v>5991790</v>
      </c>
      <c r="X22" s="106">
        <v>6213639</v>
      </c>
      <c r="Y22" s="100">
        <v>0</v>
      </c>
      <c r="Z22" s="104">
        <v>0</v>
      </c>
      <c r="AA22" s="103">
        <v>0</v>
      </c>
      <c r="AB22" s="100">
        <v>0</v>
      </c>
      <c r="AC22" s="104">
        <v>416559</v>
      </c>
      <c r="AD22" s="104">
        <v>593674</v>
      </c>
      <c r="AE22" s="104">
        <v>770733</v>
      </c>
      <c r="AF22" s="104">
        <v>21610</v>
      </c>
      <c r="AG22" s="104">
        <v>758576</v>
      </c>
      <c r="AH22" s="103">
        <v>2561152</v>
      </c>
      <c r="AI22" s="106">
        <v>2561152</v>
      </c>
      <c r="AJ22" s="100">
        <v>0</v>
      </c>
      <c r="AK22" s="104">
        <v>0</v>
      </c>
      <c r="AL22" s="103">
        <v>0</v>
      </c>
      <c r="AM22" s="100">
        <v>0</v>
      </c>
      <c r="AN22" s="104">
        <v>0</v>
      </c>
      <c r="AO22" s="104">
        <v>0</v>
      </c>
      <c r="AP22" s="104">
        <v>47374</v>
      </c>
      <c r="AQ22" s="104">
        <v>46716</v>
      </c>
      <c r="AR22" s="104">
        <v>141664</v>
      </c>
      <c r="AS22" s="103">
        <v>235754</v>
      </c>
      <c r="AT22" s="106">
        <v>235754</v>
      </c>
      <c r="AU22" s="100">
        <v>0</v>
      </c>
      <c r="AV22" s="104">
        <v>71351</v>
      </c>
      <c r="AW22" s="103">
        <v>71351</v>
      </c>
      <c r="AX22" s="100">
        <v>0</v>
      </c>
      <c r="AY22" s="104">
        <v>391450</v>
      </c>
      <c r="AZ22" s="104">
        <v>419189</v>
      </c>
      <c r="BA22" s="104">
        <v>645508</v>
      </c>
      <c r="BB22" s="104">
        <v>105424</v>
      </c>
      <c r="BC22" s="104">
        <v>337916</v>
      </c>
      <c r="BD22" s="103">
        <v>1899487</v>
      </c>
      <c r="BE22" s="106">
        <v>1970838</v>
      </c>
      <c r="BF22" s="100">
        <v>0</v>
      </c>
      <c r="BG22" s="104">
        <v>23562</v>
      </c>
      <c r="BH22" s="102">
        <v>23562</v>
      </c>
      <c r="BI22" s="101">
        <v>0</v>
      </c>
      <c r="BJ22" s="104">
        <v>24781</v>
      </c>
      <c r="BK22" s="104">
        <v>45666</v>
      </c>
      <c r="BL22" s="104">
        <v>104918</v>
      </c>
      <c r="BM22" s="104">
        <v>0</v>
      </c>
      <c r="BN22" s="104">
        <v>0</v>
      </c>
      <c r="BO22" s="103">
        <v>175365</v>
      </c>
      <c r="BP22" s="106">
        <v>198927</v>
      </c>
      <c r="BQ22" s="100">
        <v>98624</v>
      </c>
      <c r="BR22" s="104">
        <v>28312</v>
      </c>
      <c r="BS22" s="103">
        <v>126936</v>
      </c>
      <c r="BT22" s="100">
        <v>0</v>
      </c>
      <c r="BU22" s="104">
        <v>203008</v>
      </c>
      <c r="BV22" s="104">
        <v>292232</v>
      </c>
      <c r="BW22" s="104">
        <v>282560</v>
      </c>
      <c r="BX22" s="104">
        <v>128768</v>
      </c>
      <c r="BY22" s="104">
        <v>213464</v>
      </c>
      <c r="BZ22" s="103">
        <v>1120032</v>
      </c>
      <c r="CA22" s="106">
        <v>1246968</v>
      </c>
      <c r="CB22" s="100">
        <v>67292</v>
      </c>
      <c r="CC22" s="104">
        <v>155651</v>
      </c>
      <c r="CD22" s="103">
        <v>222943</v>
      </c>
      <c r="CE22" s="100">
        <v>0</v>
      </c>
      <c r="CF22" s="104">
        <v>1285290</v>
      </c>
      <c r="CG22" s="104">
        <v>2548694</v>
      </c>
      <c r="CH22" s="104">
        <v>1192338</v>
      </c>
      <c r="CI22" s="104">
        <v>601569</v>
      </c>
      <c r="CJ22" s="104">
        <v>299443</v>
      </c>
      <c r="CK22" s="103">
        <v>5927334</v>
      </c>
      <c r="CL22" s="106">
        <v>6150277</v>
      </c>
      <c r="CM22" s="100">
        <v>0</v>
      </c>
      <c r="CN22" s="104">
        <v>0</v>
      </c>
      <c r="CO22" s="103">
        <v>0</v>
      </c>
      <c r="CP22" s="101">
        <v>0</v>
      </c>
      <c r="CQ22" s="104">
        <v>1263621</v>
      </c>
      <c r="CR22" s="104">
        <v>1892668</v>
      </c>
      <c r="CS22" s="104">
        <v>805043</v>
      </c>
      <c r="CT22" s="104">
        <v>535273</v>
      </c>
      <c r="CU22" s="104">
        <v>190422</v>
      </c>
      <c r="CV22" s="103">
        <v>4687027</v>
      </c>
      <c r="CW22" s="106">
        <v>4687027</v>
      </c>
      <c r="CX22" s="100">
        <v>67292</v>
      </c>
      <c r="CY22" s="104">
        <v>155651</v>
      </c>
      <c r="CZ22" s="103">
        <v>222943</v>
      </c>
      <c r="DA22" s="100">
        <v>0</v>
      </c>
      <c r="DB22" s="104">
        <v>21669</v>
      </c>
      <c r="DC22" s="104">
        <v>656026</v>
      </c>
      <c r="DD22" s="104">
        <v>387295</v>
      </c>
      <c r="DE22" s="104">
        <v>66296</v>
      </c>
      <c r="DF22" s="104">
        <v>109021</v>
      </c>
      <c r="DG22" s="103">
        <v>1240307</v>
      </c>
      <c r="DH22" s="106">
        <v>1463250</v>
      </c>
      <c r="DI22" s="100">
        <v>0</v>
      </c>
      <c r="DJ22" s="104">
        <v>0</v>
      </c>
      <c r="DK22" s="102">
        <v>0</v>
      </c>
      <c r="DL22" s="101">
        <v>0</v>
      </c>
      <c r="DM22" s="104">
        <v>252819</v>
      </c>
      <c r="DN22" s="104">
        <v>812634</v>
      </c>
      <c r="DO22" s="104">
        <v>599179</v>
      </c>
      <c r="DP22" s="104">
        <v>849829</v>
      </c>
      <c r="DQ22" s="104">
        <v>301333</v>
      </c>
      <c r="DR22" s="103">
        <v>2815794</v>
      </c>
      <c r="DS22" s="106">
        <v>2815794</v>
      </c>
      <c r="DT22" s="100">
        <v>0</v>
      </c>
      <c r="DU22" s="104">
        <v>0</v>
      </c>
      <c r="DV22" s="103">
        <v>0</v>
      </c>
      <c r="DW22" s="100">
        <v>0</v>
      </c>
      <c r="DX22" s="104">
        <v>252819</v>
      </c>
      <c r="DY22" s="104">
        <v>793376</v>
      </c>
      <c r="DZ22" s="104">
        <v>543680</v>
      </c>
      <c r="EA22" s="104">
        <v>849829</v>
      </c>
      <c r="EB22" s="104">
        <v>301333</v>
      </c>
      <c r="EC22" s="103">
        <v>2741037</v>
      </c>
      <c r="ED22" s="106">
        <v>2741037</v>
      </c>
      <c r="EE22" s="100">
        <v>0</v>
      </c>
      <c r="EF22" s="102">
        <v>0</v>
      </c>
      <c r="EG22" s="103">
        <v>0</v>
      </c>
      <c r="EH22" s="100">
        <v>0</v>
      </c>
      <c r="EI22" s="104">
        <v>0</v>
      </c>
      <c r="EJ22" s="104">
        <v>19258</v>
      </c>
      <c r="EK22" s="104">
        <v>55499</v>
      </c>
      <c r="EL22" s="104">
        <v>0</v>
      </c>
      <c r="EM22" s="104">
        <v>0</v>
      </c>
      <c r="EN22" s="102">
        <v>74757</v>
      </c>
      <c r="EO22" s="106">
        <v>74757</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06">
        <v>0</v>
      </c>
      <c r="FE22" s="104">
        <v>0</v>
      </c>
      <c r="FF22" s="104">
        <v>0</v>
      </c>
      <c r="FG22" s="104">
        <v>0</v>
      </c>
      <c r="FH22" s="104">
        <v>0</v>
      </c>
      <c r="FI22" s="104">
        <v>0</v>
      </c>
      <c r="FJ22" s="103">
        <v>0</v>
      </c>
      <c r="FK22" s="106">
        <v>0</v>
      </c>
      <c r="FL22" s="100">
        <v>110624</v>
      </c>
      <c r="FM22" s="104">
        <v>244672</v>
      </c>
      <c r="FN22" s="103">
        <v>355296</v>
      </c>
      <c r="FO22" s="100">
        <v>0</v>
      </c>
      <c r="FP22" s="104">
        <v>111632</v>
      </c>
      <c r="FQ22" s="104">
        <v>1214320</v>
      </c>
      <c r="FR22" s="104">
        <v>718472</v>
      </c>
      <c r="FS22" s="104">
        <v>260056</v>
      </c>
      <c r="FT22" s="104">
        <v>201616</v>
      </c>
      <c r="FU22" s="103">
        <v>2506096</v>
      </c>
      <c r="FV22" s="106">
        <v>2861392</v>
      </c>
      <c r="FW22" s="105">
        <v>51664</v>
      </c>
      <c r="FX22" s="104">
        <v>146752</v>
      </c>
      <c r="FY22" s="102">
        <v>198416</v>
      </c>
      <c r="FZ22" s="101">
        <v>0</v>
      </c>
      <c r="GA22" s="104">
        <v>72032</v>
      </c>
      <c r="GB22" s="104">
        <v>890000</v>
      </c>
      <c r="GC22" s="104">
        <v>506728</v>
      </c>
      <c r="GD22" s="104">
        <v>214536</v>
      </c>
      <c r="GE22" s="104">
        <v>201616</v>
      </c>
      <c r="GF22" s="103">
        <v>1884912</v>
      </c>
      <c r="GG22" s="290">
        <v>2083328</v>
      </c>
      <c r="GH22" s="105">
        <v>0</v>
      </c>
      <c r="GI22" s="104">
        <v>15840</v>
      </c>
      <c r="GJ22" s="102">
        <v>15840</v>
      </c>
      <c r="GK22" s="101">
        <v>0</v>
      </c>
      <c r="GL22" s="104">
        <v>11600</v>
      </c>
      <c r="GM22" s="104">
        <v>122240</v>
      </c>
      <c r="GN22" s="104">
        <v>51744</v>
      </c>
      <c r="GO22" s="104">
        <v>12320</v>
      </c>
      <c r="GP22" s="104">
        <v>0</v>
      </c>
      <c r="GQ22" s="103">
        <v>197904</v>
      </c>
      <c r="GR22" s="106">
        <v>213744</v>
      </c>
      <c r="GS22" s="100">
        <v>58960</v>
      </c>
      <c r="GT22" s="104">
        <v>82080</v>
      </c>
      <c r="GU22" s="103">
        <v>141040</v>
      </c>
      <c r="GV22" s="100">
        <v>0</v>
      </c>
      <c r="GW22" s="104">
        <v>28000</v>
      </c>
      <c r="GX22" s="104">
        <v>202080</v>
      </c>
      <c r="GY22" s="104">
        <v>160000</v>
      </c>
      <c r="GZ22" s="104">
        <v>33200</v>
      </c>
      <c r="HA22" s="104">
        <v>0</v>
      </c>
      <c r="HB22" s="102">
        <v>423280</v>
      </c>
      <c r="HC22" s="106">
        <v>564320</v>
      </c>
      <c r="HD22" s="100">
        <v>278673</v>
      </c>
      <c r="HE22" s="104">
        <v>91851</v>
      </c>
      <c r="HF22" s="102">
        <v>370524</v>
      </c>
      <c r="HG22" s="101">
        <v>0</v>
      </c>
      <c r="HH22" s="104">
        <v>1195468</v>
      </c>
      <c r="HI22" s="104">
        <v>1448426</v>
      </c>
      <c r="HJ22" s="104">
        <v>1613292</v>
      </c>
      <c r="HK22" s="104">
        <v>807571</v>
      </c>
      <c r="HL22" s="104">
        <v>579833</v>
      </c>
      <c r="HM22" s="103">
        <v>5644590</v>
      </c>
      <c r="HN22" s="99">
        <v>6015114</v>
      </c>
      <c r="HO22" s="456">
        <v>0</v>
      </c>
      <c r="HP22" s="457">
        <v>0</v>
      </c>
      <c r="HQ22" s="458">
        <v>0</v>
      </c>
      <c r="HR22" s="459">
        <v>0</v>
      </c>
      <c r="HS22" s="457">
        <v>0</v>
      </c>
      <c r="HT22" s="457">
        <v>0</v>
      </c>
      <c r="HU22" s="457">
        <v>0</v>
      </c>
      <c r="HV22" s="457">
        <v>0</v>
      </c>
      <c r="HW22" s="457">
        <v>0</v>
      </c>
      <c r="HX22" s="460">
        <v>0</v>
      </c>
      <c r="HY22" s="461">
        <v>0</v>
      </c>
      <c r="HZ22" s="135">
        <v>0</v>
      </c>
      <c r="IA22" s="122">
        <v>0</v>
      </c>
      <c r="IB22" s="135">
        <v>0</v>
      </c>
      <c r="IC22" s="121">
        <v>0</v>
      </c>
      <c r="ID22" s="122">
        <v>1753985</v>
      </c>
      <c r="IE22" s="123">
        <v>2028924</v>
      </c>
      <c r="IF22" s="124">
        <v>2877584</v>
      </c>
      <c r="IG22" s="122">
        <v>1206112</v>
      </c>
      <c r="IH22" s="124">
        <v>623380</v>
      </c>
      <c r="II22" s="125">
        <v>8489985</v>
      </c>
      <c r="IJ22" s="135">
        <v>8489985</v>
      </c>
      <c r="IK22" s="215">
        <v>0</v>
      </c>
      <c r="IL22" s="219">
        <v>0</v>
      </c>
      <c r="IM22" s="220">
        <v>0</v>
      </c>
      <c r="IN22" s="470">
        <v>0</v>
      </c>
      <c r="IO22" s="109">
        <v>0</v>
      </c>
      <c r="IP22" s="109">
        <v>0</v>
      </c>
      <c r="IQ22" s="109">
        <v>0</v>
      </c>
      <c r="IR22" s="109">
        <v>0</v>
      </c>
      <c r="IS22" s="109">
        <v>239936</v>
      </c>
      <c r="IT22" s="128">
        <v>239936</v>
      </c>
      <c r="IU22" s="292">
        <v>239936</v>
      </c>
      <c r="IV22" s="129">
        <v>0</v>
      </c>
      <c r="IW22" s="109">
        <v>0</v>
      </c>
      <c r="IX22" s="110">
        <v>0</v>
      </c>
      <c r="IY22" s="470">
        <v>0</v>
      </c>
      <c r="IZ22" s="109">
        <v>0</v>
      </c>
      <c r="JA22" s="109">
        <v>0</v>
      </c>
      <c r="JB22" s="109">
        <v>0</v>
      </c>
      <c r="JC22" s="109">
        <v>0</v>
      </c>
      <c r="JD22" s="109">
        <v>0</v>
      </c>
      <c r="JE22" s="110">
        <v>0</v>
      </c>
      <c r="JF22" s="111">
        <v>0</v>
      </c>
      <c r="JG22" s="129">
        <v>0</v>
      </c>
      <c r="JH22" s="109">
        <v>0</v>
      </c>
      <c r="JI22" s="128">
        <v>0</v>
      </c>
      <c r="JJ22" s="108">
        <v>0</v>
      </c>
      <c r="JK22" s="109">
        <v>963335</v>
      </c>
      <c r="JL22" s="109">
        <v>986253</v>
      </c>
      <c r="JM22" s="109">
        <v>699572</v>
      </c>
      <c r="JN22" s="109">
        <v>115804</v>
      </c>
      <c r="JO22" s="109">
        <v>0</v>
      </c>
      <c r="JP22" s="110">
        <v>2764964</v>
      </c>
      <c r="JQ22" s="292">
        <v>2764964</v>
      </c>
      <c r="JR22" s="129">
        <v>0</v>
      </c>
      <c r="JS22" s="109">
        <v>0</v>
      </c>
      <c r="JT22" s="128">
        <v>0</v>
      </c>
      <c r="JU22" s="108">
        <v>0</v>
      </c>
      <c r="JV22" s="109">
        <v>180988</v>
      </c>
      <c r="JW22" s="109">
        <v>101141</v>
      </c>
      <c r="JX22" s="109">
        <v>0</v>
      </c>
      <c r="JY22" s="109">
        <v>0</v>
      </c>
      <c r="JZ22" s="109">
        <v>0</v>
      </c>
      <c r="KA22" s="110">
        <v>282129</v>
      </c>
      <c r="KB22" s="292">
        <v>282129</v>
      </c>
      <c r="KC22" s="217">
        <v>0</v>
      </c>
      <c r="KD22" s="213">
        <v>0</v>
      </c>
      <c r="KE22" s="110">
        <v>0</v>
      </c>
      <c r="KF22" s="108">
        <v>0</v>
      </c>
      <c r="KG22" s="109">
        <v>128499</v>
      </c>
      <c r="KH22" s="109">
        <v>180537</v>
      </c>
      <c r="KI22" s="109">
        <v>246944</v>
      </c>
      <c r="KJ22" s="109">
        <v>272896</v>
      </c>
      <c r="KK22" s="109">
        <v>0</v>
      </c>
      <c r="KL22" s="110">
        <v>828876</v>
      </c>
      <c r="KM22" s="130">
        <v>828876</v>
      </c>
      <c r="KN22" s="215">
        <v>0</v>
      </c>
      <c r="KO22" s="219">
        <v>0</v>
      </c>
      <c r="KP22" s="220">
        <v>0</v>
      </c>
      <c r="KQ22" s="470">
        <v>0</v>
      </c>
      <c r="KR22" s="109">
        <v>481163</v>
      </c>
      <c r="KS22" s="109">
        <v>760993</v>
      </c>
      <c r="KT22" s="109">
        <v>1167624</v>
      </c>
      <c r="KU22" s="109">
        <v>264629</v>
      </c>
      <c r="KV22" s="109">
        <v>0</v>
      </c>
      <c r="KW22" s="110">
        <v>2674409</v>
      </c>
      <c r="KX22" s="292">
        <v>2674409</v>
      </c>
      <c r="KY22" s="129">
        <v>0</v>
      </c>
      <c r="KZ22" s="109">
        <v>0</v>
      </c>
      <c r="LA22" s="110">
        <v>0</v>
      </c>
      <c r="LB22" s="470">
        <v>0</v>
      </c>
      <c r="LC22" s="109">
        <v>0</v>
      </c>
      <c r="LD22" s="109">
        <v>0</v>
      </c>
      <c r="LE22" s="109">
        <v>0</v>
      </c>
      <c r="LF22" s="109">
        <v>0</v>
      </c>
      <c r="LG22" s="109">
        <v>0</v>
      </c>
      <c r="LH22" s="110">
        <v>0</v>
      </c>
      <c r="LI22" s="111">
        <v>0</v>
      </c>
      <c r="LJ22" s="129">
        <v>0</v>
      </c>
      <c r="LK22" s="109">
        <v>0</v>
      </c>
      <c r="LL22" s="110">
        <v>0</v>
      </c>
      <c r="LM22" s="470">
        <v>0</v>
      </c>
      <c r="LN22" s="109">
        <v>0</v>
      </c>
      <c r="LO22" s="109">
        <v>0</v>
      </c>
      <c r="LP22" s="109">
        <v>471600</v>
      </c>
      <c r="LQ22" s="109">
        <v>552783</v>
      </c>
      <c r="LR22" s="109">
        <v>0</v>
      </c>
      <c r="LS22" s="110">
        <v>1024383</v>
      </c>
      <c r="LT22" s="292">
        <v>1024383</v>
      </c>
      <c r="LU22" s="129">
        <v>0</v>
      </c>
      <c r="LV22" s="109">
        <v>0</v>
      </c>
      <c r="LW22" s="110">
        <v>0</v>
      </c>
      <c r="LX22" s="470">
        <v>0</v>
      </c>
      <c r="LY22" s="109">
        <v>0</v>
      </c>
      <c r="LZ22" s="109">
        <v>0</v>
      </c>
      <c r="MA22" s="109">
        <v>291844</v>
      </c>
      <c r="MB22" s="109">
        <v>0</v>
      </c>
      <c r="MC22" s="109">
        <v>383444</v>
      </c>
      <c r="MD22" s="110">
        <v>675288</v>
      </c>
      <c r="ME22" s="111">
        <v>675288</v>
      </c>
      <c r="MF22" s="129">
        <v>0</v>
      </c>
      <c r="MG22" s="109">
        <v>0</v>
      </c>
      <c r="MH22" s="110">
        <v>0</v>
      </c>
      <c r="MI22" s="470">
        <v>0</v>
      </c>
      <c r="MJ22" s="109">
        <v>740075</v>
      </c>
      <c r="MK22" s="109">
        <v>598610</v>
      </c>
      <c r="ML22" s="109">
        <v>3743943</v>
      </c>
      <c r="MM22" s="109">
        <v>4262139</v>
      </c>
      <c r="MN22" s="109">
        <v>5865750</v>
      </c>
      <c r="MO22" s="110">
        <v>15210517</v>
      </c>
      <c r="MP22" s="130">
        <v>15210517</v>
      </c>
      <c r="MQ22" s="129">
        <v>0</v>
      </c>
      <c r="MR22" s="109">
        <v>0</v>
      </c>
      <c r="MS22" s="110">
        <v>0</v>
      </c>
      <c r="MT22" s="470">
        <v>0</v>
      </c>
      <c r="MU22" s="109">
        <v>0</v>
      </c>
      <c r="MV22" s="109">
        <v>0</v>
      </c>
      <c r="MW22" s="109">
        <v>2444323</v>
      </c>
      <c r="MX22" s="109">
        <v>3418721</v>
      </c>
      <c r="MY22" s="109">
        <v>4038210</v>
      </c>
      <c r="MZ22" s="110">
        <v>9901254</v>
      </c>
      <c r="NA22" s="130">
        <v>9901254</v>
      </c>
      <c r="NB22" s="129">
        <v>0</v>
      </c>
      <c r="NC22" s="109">
        <v>0</v>
      </c>
      <c r="ND22" s="110">
        <v>0</v>
      </c>
      <c r="NE22" s="470">
        <v>0</v>
      </c>
      <c r="NF22" s="109">
        <v>740075</v>
      </c>
      <c r="NG22" s="109">
        <v>598610</v>
      </c>
      <c r="NH22" s="109">
        <v>1299620</v>
      </c>
      <c r="NI22" s="109">
        <v>843418</v>
      </c>
      <c r="NJ22" s="109">
        <v>1827540</v>
      </c>
      <c r="NK22" s="110">
        <v>5309263</v>
      </c>
      <c r="NL22" s="292">
        <v>5309263</v>
      </c>
      <c r="NM22" s="129">
        <v>0</v>
      </c>
      <c r="NN22" s="109">
        <v>0</v>
      </c>
      <c r="NO22" s="110">
        <v>0</v>
      </c>
      <c r="NP22" s="470">
        <v>0</v>
      </c>
      <c r="NQ22" s="109">
        <v>0</v>
      </c>
      <c r="NR22" s="109">
        <v>0</v>
      </c>
      <c r="NS22" s="109">
        <v>0</v>
      </c>
      <c r="NT22" s="109">
        <v>0</v>
      </c>
      <c r="NU22" s="109">
        <v>0</v>
      </c>
      <c r="NV22" s="110">
        <v>0</v>
      </c>
      <c r="NW22" s="111">
        <v>0</v>
      </c>
      <c r="NX22" s="129">
        <v>0</v>
      </c>
      <c r="NY22" s="109">
        <v>0</v>
      </c>
      <c r="NZ22" s="110">
        <v>0</v>
      </c>
      <c r="OA22" s="470">
        <v>0</v>
      </c>
      <c r="OB22" s="109">
        <v>0</v>
      </c>
      <c r="OC22" s="109">
        <v>0</v>
      </c>
      <c r="OD22" s="109">
        <v>0</v>
      </c>
      <c r="OE22" s="109">
        <v>0</v>
      </c>
      <c r="OF22" s="109">
        <v>0</v>
      </c>
      <c r="OG22" s="110">
        <v>0</v>
      </c>
      <c r="OH22" s="111">
        <v>0</v>
      </c>
      <c r="OI22" s="129">
        <v>555213</v>
      </c>
      <c r="OJ22" s="109">
        <v>615399</v>
      </c>
      <c r="OK22" s="128">
        <v>1170612</v>
      </c>
      <c r="OL22" s="108">
        <v>0</v>
      </c>
      <c r="OM22" s="109">
        <v>6375067</v>
      </c>
      <c r="ON22" s="109">
        <v>10002369</v>
      </c>
      <c r="OO22" s="109">
        <v>12595901</v>
      </c>
      <c r="OP22" s="109">
        <v>8289794</v>
      </c>
      <c r="OQ22" s="109">
        <v>9322975</v>
      </c>
      <c r="OR22" s="110">
        <v>46586106</v>
      </c>
      <c r="OS22" s="130">
        <v>47756718</v>
      </c>
    </row>
    <row r="23" spans="2:409" ht="21" customHeight="1" x14ac:dyDescent="0.2">
      <c r="B23" s="437" t="s">
        <v>18</v>
      </c>
      <c r="C23" s="100">
        <v>547397</v>
      </c>
      <c r="D23" s="104">
        <v>828153</v>
      </c>
      <c r="E23" s="103">
        <v>1375550</v>
      </c>
      <c r="F23" s="99">
        <v>0</v>
      </c>
      <c r="G23" s="104">
        <v>8249995</v>
      </c>
      <c r="H23" s="104">
        <v>7975755</v>
      </c>
      <c r="I23" s="104">
        <v>8372084</v>
      </c>
      <c r="J23" s="104">
        <v>5862631</v>
      </c>
      <c r="K23" s="104">
        <v>2397542</v>
      </c>
      <c r="L23" s="99">
        <v>32858007</v>
      </c>
      <c r="M23" s="106">
        <v>34233557</v>
      </c>
      <c r="N23" s="100">
        <v>166109</v>
      </c>
      <c r="O23" s="104">
        <v>366568</v>
      </c>
      <c r="P23" s="103">
        <v>532677</v>
      </c>
      <c r="Q23" s="100">
        <v>0</v>
      </c>
      <c r="R23" s="104">
        <v>2210294</v>
      </c>
      <c r="S23" s="104">
        <v>2065729</v>
      </c>
      <c r="T23" s="104">
        <v>2635047</v>
      </c>
      <c r="U23" s="104">
        <v>2201364</v>
      </c>
      <c r="V23" s="104">
        <v>819468</v>
      </c>
      <c r="W23" s="103">
        <v>9931902</v>
      </c>
      <c r="X23" s="106">
        <v>10464579</v>
      </c>
      <c r="Y23" s="100">
        <v>0</v>
      </c>
      <c r="Z23" s="104">
        <v>0</v>
      </c>
      <c r="AA23" s="103">
        <v>0</v>
      </c>
      <c r="AB23" s="100">
        <v>0</v>
      </c>
      <c r="AC23" s="104">
        <v>934086</v>
      </c>
      <c r="AD23" s="104">
        <v>977252</v>
      </c>
      <c r="AE23" s="104">
        <v>1516084</v>
      </c>
      <c r="AF23" s="104">
        <v>1327197</v>
      </c>
      <c r="AG23" s="104">
        <v>142067</v>
      </c>
      <c r="AH23" s="103">
        <v>4896686</v>
      </c>
      <c r="AI23" s="106">
        <v>4896686</v>
      </c>
      <c r="AJ23" s="100">
        <v>0</v>
      </c>
      <c r="AK23" s="104">
        <v>0</v>
      </c>
      <c r="AL23" s="103">
        <v>0</v>
      </c>
      <c r="AM23" s="100">
        <v>0</v>
      </c>
      <c r="AN23" s="104">
        <v>23385</v>
      </c>
      <c r="AO23" s="104">
        <v>0</v>
      </c>
      <c r="AP23" s="104">
        <v>25243</v>
      </c>
      <c r="AQ23" s="104">
        <v>11529</v>
      </c>
      <c r="AR23" s="104">
        <v>164551</v>
      </c>
      <c r="AS23" s="103">
        <v>224708</v>
      </c>
      <c r="AT23" s="106">
        <v>224708</v>
      </c>
      <c r="AU23" s="100">
        <v>77053</v>
      </c>
      <c r="AV23" s="104">
        <v>265218</v>
      </c>
      <c r="AW23" s="103">
        <v>342271</v>
      </c>
      <c r="AX23" s="100">
        <v>0</v>
      </c>
      <c r="AY23" s="104">
        <v>597117</v>
      </c>
      <c r="AZ23" s="104">
        <v>548951</v>
      </c>
      <c r="BA23" s="104">
        <v>621855</v>
      </c>
      <c r="BB23" s="104">
        <v>361673</v>
      </c>
      <c r="BC23" s="104">
        <v>332602</v>
      </c>
      <c r="BD23" s="103">
        <v>2462198</v>
      </c>
      <c r="BE23" s="106">
        <v>2804469</v>
      </c>
      <c r="BF23" s="100">
        <v>0</v>
      </c>
      <c r="BG23" s="104">
        <v>76390</v>
      </c>
      <c r="BH23" s="102">
        <v>76390</v>
      </c>
      <c r="BI23" s="101">
        <v>0</v>
      </c>
      <c r="BJ23" s="104">
        <v>127906</v>
      </c>
      <c r="BK23" s="104">
        <v>110190</v>
      </c>
      <c r="BL23" s="104">
        <v>68625</v>
      </c>
      <c r="BM23" s="104">
        <v>183813</v>
      </c>
      <c r="BN23" s="104">
        <v>0</v>
      </c>
      <c r="BO23" s="103">
        <v>490534</v>
      </c>
      <c r="BP23" s="106">
        <v>566924</v>
      </c>
      <c r="BQ23" s="100">
        <v>89056</v>
      </c>
      <c r="BR23" s="104">
        <v>24960</v>
      </c>
      <c r="BS23" s="103">
        <v>114016</v>
      </c>
      <c r="BT23" s="100">
        <v>0</v>
      </c>
      <c r="BU23" s="104">
        <v>527800</v>
      </c>
      <c r="BV23" s="104">
        <v>429336</v>
      </c>
      <c r="BW23" s="104">
        <v>403240</v>
      </c>
      <c r="BX23" s="104">
        <v>317152</v>
      </c>
      <c r="BY23" s="104">
        <v>180248</v>
      </c>
      <c r="BZ23" s="103">
        <v>1857776</v>
      </c>
      <c r="CA23" s="106">
        <v>1971792</v>
      </c>
      <c r="CB23" s="100">
        <v>81022</v>
      </c>
      <c r="CC23" s="104">
        <v>270361</v>
      </c>
      <c r="CD23" s="103">
        <v>351383</v>
      </c>
      <c r="CE23" s="100">
        <v>0</v>
      </c>
      <c r="CF23" s="104">
        <v>2564486</v>
      </c>
      <c r="CG23" s="104">
        <v>2703953</v>
      </c>
      <c r="CH23" s="104">
        <v>2435533</v>
      </c>
      <c r="CI23" s="104">
        <v>475552</v>
      </c>
      <c r="CJ23" s="104">
        <v>203589</v>
      </c>
      <c r="CK23" s="103">
        <v>8383113</v>
      </c>
      <c r="CL23" s="106">
        <v>8734496</v>
      </c>
      <c r="CM23" s="100">
        <v>0</v>
      </c>
      <c r="CN23" s="104">
        <v>0</v>
      </c>
      <c r="CO23" s="103">
        <v>0</v>
      </c>
      <c r="CP23" s="101">
        <v>0</v>
      </c>
      <c r="CQ23" s="104">
        <v>2094037</v>
      </c>
      <c r="CR23" s="104">
        <v>2265773</v>
      </c>
      <c r="CS23" s="104">
        <v>1776757</v>
      </c>
      <c r="CT23" s="104">
        <v>306298</v>
      </c>
      <c r="CU23" s="104">
        <v>104766</v>
      </c>
      <c r="CV23" s="103">
        <v>6547631</v>
      </c>
      <c r="CW23" s="106">
        <v>6547631</v>
      </c>
      <c r="CX23" s="100">
        <v>81022</v>
      </c>
      <c r="CY23" s="104">
        <v>270361</v>
      </c>
      <c r="CZ23" s="103">
        <v>351383</v>
      </c>
      <c r="DA23" s="100">
        <v>0</v>
      </c>
      <c r="DB23" s="104">
        <v>470449</v>
      </c>
      <c r="DC23" s="104">
        <v>438180</v>
      </c>
      <c r="DD23" s="104">
        <v>658776</v>
      </c>
      <c r="DE23" s="104">
        <v>169254</v>
      </c>
      <c r="DF23" s="104">
        <v>98823</v>
      </c>
      <c r="DG23" s="103">
        <v>1835482</v>
      </c>
      <c r="DH23" s="106">
        <v>2186865</v>
      </c>
      <c r="DI23" s="100">
        <v>0</v>
      </c>
      <c r="DJ23" s="104">
        <v>17352</v>
      </c>
      <c r="DK23" s="102">
        <v>17352</v>
      </c>
      <c r="DL23" s="101">
        <v>0</v>
      </c>
      <c r="DM23" s="104">
        <v>185202</v>
      </c>
      <c r="DN23" s="104">
        <v>328039</v>
      </c>
      <c r="DO23" s="104">
        <v>975632</v>
      </c>
      <c r="DP23" s="104">
        <v>1211202</v>
      </c>
      <c r="DQ23" s="104">
        <v>128033</v>
      </c>
      <c r="DR23" s="103">
        <v>2828108</v>
      </c>
      <c r="DS23" s="106">
        <v>2845460</v>
      </c>
      <c r="DT23" s="100">
        <v>0</v>
      </c>
      <c r="DU23" s="104">
        <v>17352</v>
      </c>
      <c r="DV23" s="103">
        <v>17352</v>
      </c>
      <c r="DW23" s="100">
        <v>0</v>
      </c>
      <c r="DX23" s="104">
        <v>185202</v>
      </c>
      <c r="DY23" s="104">
        <v>328039</v>
      </c>
      <c r="DZ23" s="104">
        <v>975632</v>
      </c>
      <c r="EA23" s="104">
        <v>1211202</v>
      </c>
      <c r="EB23" s="104">
        <v>128033</v>
      </c>
      <c r="EC23" s="103">
        <v>2828108</v>
      </c>
      <c r="ED23" s="106">
        <v>2845460</v>
      </c>
      <c r="EE23" s="100">
        <v>0</v>
      </c>
      <c r="EF23" s="102">
        <v>0</v>
      </c>
      <c r="EG23" s="103">
        <v>0</v>
      </c>
      <c r="EH23" s="100">
        <v>0</v>
      </c>
      <c r="EI23" s="104">
        <v>0</v>
      </c>
      <c r="EJ23" s="104">
        <v>0</v>
      </c>
      <c r="EK23" s="104">
        <v>0</v>
      </c>
      <c r="EL23" s="104">
        <v>0</v>
      </c>
      <c r="EM23" s="104">
        <v>0</v>
      </c>
      <c r="EN23" s="102">
        <v>0</v>
      </c>
      <c r="EO23" s="106">
        <v>0</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06">
        <v>0</v>
      </c>
      <c r="FE23" s="104">
        <v>0</v>
      </c>
      <c r="FF23" s="104">
        <v>0</v>
      </c>
      <c r="FG23" s="104">
        <v>0</v>
      </c>
      <c r="FH23" s="104">
        <v>0</v>
      </c>
      <c r="FI23" s="104">
        <v>0</v>
      </c>
      <c r="FJ23" s="103">
        <v>0</v>
      </c>
      <c r="FK23" s="106">
        <v>0</v>
      </c>
      <c r="FL23" s="100">
        <v>132768</v>
      </c>
      <c r="FM23" s="104">
        <v>173872</v>
      </c>
      <c r="FN23" s="103">
        <v>306640</v>
      </c>
      <c r="FO23" s="100">
        <v>0</v>
      </c>
      <c r="FP23" s="104">
        <v>457968</v>
      </c>
      <c r="FQ23" s="104">
        <v>653064</v>
      </c>
      <c r="FR23" s="104">
        <v>652712</v>
      </c>
      <c r="FS23" s="104">
        <v>280112</v>
      </c>
      <c r="FT23" s="104">
        <v>223328</v>
      </c>
      <c r="FU23" s="103">
        <v>2267184</v>
      </c>
      <c r="FV23" s="106">
        <v>2573824</v>
      </c>
      <c r="FW23" s="105">
        <v>31968</v>
      </c>
      <c r="FX23" s="104">
        <v>157872</v>
      </c>
      <c r="FY23" s="102">
        <v>189840</v>
      </c>
      <c r="FZ23" s="101">
        <v>0</v>
      </c>
      <c r="GA23" s="104">
        <v>290448</v>
      </c>
      <c r="GB23" s="104">
        <v>580024</v>
      </c>
      <c r="GC23" s="104">
        <v>613512</v>
      </c>
      <c r="GD23" s="104">
        <v>268672</v>
      </c>
      <c r="GE23" s="104">
        <v>223328</v>
      </c>
      <c r="GF23" s="103">
        <v>1975984</v>
      </c>
      <c r="GG23" s="290">
        <v>2165824</v>
      </c>
      <c r="GH23" s="105">
        <v>0</v>
      </c>
      <c r="GI23" s="104">
        <v>0</v>
      </c>
      <c r="GJ23" s="102">
        <v>0</v>
      </c>
      <c r="GK23" s="101">
        <v>0</v>
      </c>
      <c r="GL23" s="104">
        <v>0</v>
      </c>
      <c r="GM23" s="104">
        <v>0</v>
      </c>
      <c r="GN23" s="104">
        <v>0</v>
      </c>
      <c r="GO23" s="104">
        <v>11440</v>
      </c>
      <c r="GP23" s="104">
        <v>0</v>
      </c>
      <c r="GQ23" s="103">
        <v>11440</v>
      </c>
      <c r="GR23" s="106">
        <v>11440</v>
      </c>
      <c r="GS23" s="100">
        <v>100800</v>
      </c>
      <c r="GT23" s="104">
        <v>16000</v>
      </c>
      <c r="GU23" s="103">
        <v>116800</v>
      </c>
      <c r="GV23" s="100">
        <v>0</v>
      </c>
      <c r="GW23" s="104">
        <v>167520</v>
      </c>
      <c r="GX23" s="104">
        <v>73040</v>
      </c>
      <c r="GY23" s="104">
        <v>39200</v>
      </c>
      <c r="GZ23" s="104">
        <v>0</v>
      </c>
      <c r="HA23" s="104">
        <v>0</v>
      </c>
      <c r="HB23" s="102">
        <v>279760</v>
      </c>
      <c r="HC23" s="106">
        <v>396560</v>
      </c>
      <c r="HD23" s="100">
        <v>167498</v>
      </c>
      <c r="HE23" s="104">
        <v>0</v>
      </c>
      <c r="HF23" s="102">
        <v>167498</v>
      </c>
      <c r="HG23" s="101">
        <v>0</v>
      </c>
      <c r="HH23" s="104">
        <v>2832045</v>
      </c>
      <c r="HI23" s="104">
        <v>2224970</v>
      </c>
      <c r="HJ23" s="104">
        <v>1673160</v>
      </c>
      <c r="HK23" s="104">
        <v>1694401</v>
      </c>
      <c r="HL23" s="104">
        <v>1023124</v>
      </c>
      <c r="HM23" s="103">
        <v>9447700</v>
      </c>
      <c r="HN23" s="99">
        <v>9615198</v>
      </c>
      <c r="HO23" s="456">
        <v>0</v>
      </c>
      <c r="HP23" s="457">
        <v>0</v>
      </c>
      <c r="HQ23" s="458">
        <v>0</v>
      </c>
      <c r="HR23" s="459">
        <v>0</v>
      </c>
      <c r="HS23" s="457">
        <v>0</v>
      </c>
      <c r="HT23" s="457">
        <v>0</v>
      </c>
      <c r="HU23" s="457">
        <v>0</v>
      </c>
      <c r="HV23" s="457">
        <v>0</v>
      </c>
      <c r="HW23" s="457">
        <v>0</v>
      </c>
      <c r="HX23" s="460">
        <v>0</v>
      </c>
      <c r="HY23" s="461">
        <v>0</v>
      </c>
      <c r="HZ23" s="118">
        <v>46082</v>
      </c>
      <c r="IA23" s="119">
        <v>0</v>
      </c>
      <c r="IB23" s="120">
        <v>46082</v>
      </c>
      <c r="IC23" s="131">
        <v>0</v>
      </c>
      <c r="ID23" s="119">
        <v>1792954</v>
      </c>
      <c r="IE23" s="132">
        <v>2350348</v>
      </c>
      <c r="IF23" s="120">
        <v>4893476</v>
      </c>
      <c r="IG23" s="119">
        <v>2087232</v>
      </c>
      <c r="IH23" s="120">
        <v>1249182</v>
      </c>
      <c r="II23" s="133">
        <v>12373192</v>
      </c>
      <c r="IJ23" s="126">
        <v>12419274</v>
      </c>
      <c r="IK23" s="215">
        <v>0</v>
      </c>
      <c r="IL23" s="219">
        <v>0</v>
      </c>
      <c r="IM23" s="220">
        <v>0</v>
      </c>
      <c r="IN23" s="470">
        <v>0</v>
      </c>
      <c r="IO23" s="109">
        <v>0</v>
      </c>
      <c r="IP23" s="109">
        <v>0</v>
      </c>
      <c r="IQ23" s="109">
        <v>0</v>
      </c>
      <c r="IR23" s="109">
        <v>0</v>
      </c>
      <c r="IS23" s="109">
        <v>711720</v>
      </c>
      <c r="IT23" s="128">
        <v>711720</v>
      </c>
      <c r="IU23" s="292">
        <v>711720</v>
      </c>
      <c r="IV23" s="129">
        <v>0</v>
      </c>
      <c r="IW23" s="109">
        <v>0</v>
      </c>
      <c r="IX23" s="110">
        <v>0</v>
      </c>
      <c r="IY23" s="470">
        <v>0</v>
      </c>
      <c r="IZ23" s="109">
        <v>0</v>
      </c>
      <c r="JA23" s="109">
        <v>0</v>
      </c>
      <c r="JB23" s="109">
        <v>0</v>
      </c>
      <c r="JC23" s="109">
        <v>0</v>
      </c>
      <c r="JD23" s="109">
        <v>0</v>
      </c>
      <c r="JE23" s="110">
        <v>0</v>
      </c>
      <c r="JF23" s="111">
        <v>0</v>
      </c>
      <c r="JG23" s="129">
        <v>0</v>
      </c>
      <c r="JH23" s="109">
        <v>0</v>
      </c>
      <c r="JI23" s="128">
        <v>0</v>
      </c>
      <c r="JJ23" s="108">
        <v>0</v>
      </c>
      <c r="JK23" s="109">
        <v>795728</v>
      </c>
      <c r="JL23" s="109">
        <v>698601</v>
      </c>
      <c r="JM23" s="109">
        <v>447054</v>
      </c>
      <c r="JN23" s="109">
        <v>0</v>
      </c>
      <c r="JO23" s="109">
        <v>0</v>
      </c>
      <c r="JP23" s="110">
        <v>1941383</v>
      </c>
      <c r="JQ23" s="292">
        <v>1941383</v>
      </c>
      <c r="JR23" s="129">
        <v>0</v>
      </c>
      <c r="JS23" s="109">
        <v>0</v>
      </c>
      <c r="JT23" s="128">
        <v>0</v>
      </c>
      <c r="JU23" s="108">
        <v>0</v>
      </c>
      <c r="JV23" s="109">
        <v>0</v>
      </c>
      <c r="JW23" s="109">
        <v>171980</v>
      </c>
      <c r="JX23" s="109">
        <v>540765</v>
      </c>
      <c r="JY23" s="109">
        <v>274871</v>
      </c>
      <c r="JZ23" s="109">
        <v>0</v>
      </c>
      <c r="KA23" s="110">
        <v>987616</v>
      </c>
      <c r="KB23" s="292">
        <v>987616</v>
      </c>
      <c r="KC23" s="217">
        <v>46082</v>
      </c>
      <c r="KD23" s="213">
        <v>0</v>
      </c>
      <c r="KE23" s="110">
        <v>46082</v>
      </c>
      <c r="KF23" s="108">
        <v>0</v>
      </c>
      <c r="KG23" s="109">
        <v>518534</v>
      </c>
      <c r="KH23" s="109">
        <v>548918</v>
      </c>
      <c r="KI23" s="109">
        <v>1419577</v>
      </c>
      <c r="KJ23" s="109">
        <v>521945</v>
      </c>
      <c r="KK23" s="109">
        <v>0</v>
      </c>
      <c r="KL23" s="110">
        <v>3008974</v>
      </c>
      <c r="KM23" s="130">
        <v>3055056</v>
      </c>
      <c r="KN23" s="215">
        <v>0</v>
      </c>
      <c r="KO23" s="219">
        <v>0</v>
      </c>
      <c r="KP23" s="220">
        <v>0</v>
      </c>
      <c r="KQ23" s="470">
        <v>0</v>
      </c>
      <c r="KR23" s="109">
        <v>478692</v>
      </c>
      <c r="KS23" s="109">
        <v>930849</v>
      </c>
      <c r="KT23" s="109">
        <v>1292359</v>
      </c>
      <c r="KU23" s="109">
        <v>789106</v>
      </c>
      <c r="KV23" s="109">
        <v>537462</v>
      </c>
      <c r="KW23" s="110">
        <v>4028468</v>
      </c>
      <c r="KX23" s="292">
        <v>4028468</v>
      </c>
      <c r="KY23" s="129">
        <v>0</v>
      </c>
      <c r="KZ23" s="109">
        <v>0</v>
      </c>
      <c r="LA23" s="110">
        <v>0</v>
      </c>
      <c r="LB23" s="470">
        <v>0</v>
      </c>
      <c r="LC23" s="109">
        <v>0</v>
      </c>
      <c r="LD23" s="109">
        <v>0</v>
      </c>
      <c r="LE23" s="109">
        <v>0</v>
      </c>
      <c r="LF23" s="109">
        <v>0</v>
      </c>
      <c r="LG23" s="109">
        <v>0</v>
      </c>
      <c r="LH23" s="110">
        <v>0</v>
      </c>
      <c r="LI23" s="111">
        <v>0</v>
      </c>
      <c r="LJ23" s="129">
        <v>0</v>
      </c>
      <c r="LK23" s="109">
        <v>0</v>
      </c>
      <c r="LL23" s="110">
        <v>0</v>
      </c>
      <c r="LM23" s="470">
        <v>0</v>
      </c>
      <c r="LN23" s="109">
        <v>0</v>
      </c>
      <c r="LO23" s="109">
        <v>0</v>
      </c>
      <c r="LP23" s="109">
        <v>264969</v>
      </c>
      <c r="LQ23" s="109">
        <v>285694</v>
      </c>
      <c r="LR23" s="109">
        <v>0</v>
      </c>
      <c r="LS23" s="110">
        <v>550663</v>
      </c>
      <c r="LT23" s="292">
        <v>550663</v>
      </c>
      <c r="LU23" s="129">
        <v>0</v>
      </c>
      <c r="LV23" s="109">
        <v>0</v>
      </c>
      <c r="LW23" s="110">
        <v>0</v>
      </c>
      <c r="LX23" s="470">
        <v>0</v>
      </c>
      <c r="LY23" s="109">
        <v>0</v>
      </c>
      <c r="LZ23" s="109">
        <v>0</v>
      </c>
      <c r="MA23" s="109">
        <v>928752</v>
      </c>
      <c r="MB23" s="109">
        <v>215616</v>
      </c>
      <c r="MC23" s="109">
        <v>0</v>
      </c>
      <c r="MD23" s="110">
        <v>1144368</v>
      </c>
      <c r="ME23" s="111">
        <v>1144368</v>
      </c>
      <c r="MF23" s="129">
        <v>0</v>
      </c>
      <c r="MG23" s="109">
        <v>0</v>
      </c>
      <c r="MH23" s="110">
        <v>0</v>
      </c>
      <c r="MI23" s="470">
        <v>0</v>
      </c>
      <c r="MJ23" s="109">
        <v>282098</v>
      </c>
      <c r="MK23" s="109">
        <v>1309613</v>
      </c>
      <c r="ML23" s="109">
        <v>2427344</v>
      </c>
      <c r="MM23" s="109">
        <v>5691606</v>
      </c>
      <c r="MN23" s="109">
        <v>3351796</v>
      </c>
      <c r="MO23" s="110">
        <v>13062457</v>
      </c>
      <c r="MP23" s="130">
        <v>13062457</v>
      </c>
      <c r="MQ23" s="129">
        <v>0</v>
      </c>
      <c r="MR23" s="109">
        <v>0</v>
      </c>
      <c r="MS23" s="110">
        <v>0</v>
      </c>
      <c r="MT23" s="470">
        <v>0</v>
      </c>
      <c r="MU23" s="109">
        <v>0</v>
      </c>
      <c r="MV23" s="109">
        <v>0</v>
      </c>
      <c r="MW23" s="109">
        <v>1231586</v>
      </c>
      <c r="MX23" s="109">
        <v>4813995</v>
      </c>
      <c r="MY23" s="109">
        <v>2022345</v>
      </c>
      <c r="MZ23" s="110">
        <v>8067926</v>
      </c>
      <c r="NA23" s="130">
        <v>8067926</v>
      </c>
      <c r="NB23" s="129">
        <v>0</v>
      </c>
      <c r="NC23" s="109">
        <v>0</v>
      </c>
      <c r="ND23" s="110">
        <v>0</v>
      </c>
      <c r="NE23" s="470">
        <v>0</v>
      </c>
      <c r="NF23" s="109">
        <v>282098</v>
      </c>
      <c r="NG23" s="109">
        <v>1309613</v>
      </c>
      <c r="NH23" s="109">
        <v>1195758</v>
      </c>
      <c r="NI23" s="109">
        <v>651171</v>
      </c>
      <c r="NJ23" s="109">
        <v>938638</v>
      </c>
      <c r="NK23" s="110">
        <v>4377278</v>
      </c>
      <c r="NL23" s="292">
        <v>4377278</v>
      </c>
      <c r="NM23" s="129">
        <v>0</v>
      </c>
      <c r="NN23" s="109">
        <v>0</v>
      </c>
      <c r="NO23" s="110">
        <v>0</v>
      </c>
      <c r="NP23" s="470">
        <v>0</v>
      </c>
      <c r="NQ23" s="109">
        <v>0</v>
      </c>
      <c r="NR23" s="109">
        <v>0</v>
      </c>
      <c r="NS23" s="109">
        <v>0</v>
      </c>
      <c r="NT23" s="109">
        <v>226440</v>
      </c>
      <c r="NU23" s="109">
        <v>0</v>
      </c>
      <c r="NV23" s="110">
        <v>226440</v>
      </c>
      <c r="NW23" s="111">
        <v>226440</v>
      </c>
      <c r="NX23" s="129">
        <v>0</v>
      </c>
      <c r="NY23" s="109">
        <v>0</v>
      </c>
      <c r="NZ23" s="110">
        <v>0</v>
      </c>
      <c r="OA23" s="470">
        <v>0</v>
      </c>
      <c r="OB23" s="109">
        <v>0</v>
      </c>
      <c r="OC23" s="109">
        <v>0</v>
      </c>
      <c r="OD23" s="109">
        <v>0</v>
      </c>
      <c r="OE23" s="109">
        <v>0</v>
      </c>
      <c r="OF23" s="109">
        <v>390813</v>
      </c>
      <c r="OG23" s="110">
        <v>390813</v>
      </c>
      <c r="OH23" s="111">
        <v>390813</v>
      </c>
      <c r="OI23" s="129">
        <v>593479</v>
      </c>
      <c r="OJ23" s="109">
        <v>828153</v>
      </c>
      <c r="OK23" s="128">
        <v>1421632</v>
      </c>
      <c r="OL23" s="108">
        <v>0</v>
      </c>
      <c r="OM23" s="109">
        <v>10325047</v>
      </c>
      <c r="ON23" s="109">
        <v>11635716</v>
      </c>
      <c r="OO23" s="109">
        <v>15692904</v>
      </c>
      <c r="OP23" s="109">
        <v>13641469</v>
      </c>
      <c r="OQ23" s="109">
        <v>6998520</v>
      </c>
      <c r="OR23" s="110">
        <v>58293656</v>
      </c>
      <c r="OS23" s="130">
        <v>59715288</v>
      </c>
    </row>
    <row r="24" spans="2:409" ht="21" customHeight="1" x14ac:dyDescent="0.2">
      <c r="B24" s="437" t="s">
        <v>19</v>
      </c>
      <c r="C24" s="100">
        <v>455630</v>
      </c>
      <c r="D24" s="104">
        <v>376702</v>
      </c>
      <c r="E24" s="103">
        <v>832332</v>
      </c>
      <c r="F24" s="99">
        <v>0</v>
      </c>
      <c r="G24" s="104">
        <v>3965513</v>
      </c>
      <c r="H24" s="104">
        <v>3802216</v>
      </c>
      <c r="I24" s="104">
        <v>3251800</v>
      </c>
      <c r="J24" s="104">
        <v>1589692</v>
      </c>
      <c r="K24" s="104">
        <v>1997021</v>
      </c>
      <c r="L24" s="99">
        <v>14606242</v>
      </c>
      <c r="M24" s="106">
        <v>15438574</v>
      </c>
      <c r="N24" s="100">
        <v>111683</v>
      </c>
      <c r="O24" s="104">
        <v>82184</v>
      </c>
      <c r="P24" s="103">
        <v>193867</v>
      </c>
      <c r="Q24" s="100">
        <v>0</v>
      </c>
      <c r="R24" s="104">
        <v>1001445</v>
      </c>
      <c r="S24" s="104">
        <v>870520</v>
      </c>
      <c r="T24" s="104">
        <v>761643</v>
      </c>
      <c r="U24" s="104">
        <v>705887</v>
      </c>
      <c r="V24" s="104">
        <v>933876</v>
      </c>
      <c r="W24" s="103">
        <v>4273371</v>
      </c>
      <c r="X24" s="106">
        <v>4467238</v>
      </c>
      <c r="Y24" s="100">
        <v>0</v>
      </c>
      <c r="Z24" s="104">
        <v>0</v>
      </c>
      <c r="AA24" s="103">
        <v>0</v>
      </c>
      <c r="AB24" s="100">
        <v>0</v>
      </c>
      <c r="AC24" s="104">
        <v>206349</v>
      </c>
      <c r="AD24" s="104">
        <v>257804</v>
      </c>
      <c r="AE24" s="104">
        <v>249751</v>
      </c>
      <c r="AF24" s="104">
        <v>265390</v>
      </c>
      <c r="AG24" s="104">
        <v>386205</v>
      </c>
      <c r="AH24" s="103">
        <v>1365499</v>
      </c>
      <c r="AI24" s="106">
        <v>1365499</v>
      </c>
      <c r="AJ24" s="100">
        <v>0</v>
      </c>
      <c r="AK24" s="104">
        <v>0</v>
      </c>
      <c r="AL24" s="103">
        <v>0</v>
      </c>
      <c r="AM24" s="100">
        <v>0</v>
      </c>
      <c r="AN24" s="104">
        <v>0</v>
      </c>
      <c r="AO24" s="104">
        <v>12163</v>
      </c>
      <c r="AP24" s="104">
        <v>56696</v>
      </c>
      <c r="AQ24" s="104">
        <v>124665</v>
      </c>
      <c r="AR24" s="104">
        <v>109499</v>
      </c>
      <c r="AS24" s="103">
        <v>303023</v>
      </c>
      <c r="AT24" s="106">
        <v>303023</v>
      </c>
      <c r="AU24" s="100">
        <v>19379</v>
      </c>
      <c r="AV24" s="104">
        <v>47600</v>
      </c>
      <c r="AW24" s="103">
        <v>66979</v>
      </c>
      <c r="AX24" s="100">
        <v>0</v>
      </c>
      <c r="AY24" s="104">
        <v>514290</v>
      </c>
      <c r="AZ24" s="104">
        <v>253310</v>
      </c>
      <c r="BA24" s="104">
        <v>321420</v>
      </c>
      <c r="BB24" s="104">
        <v>241304</v>
      </c>
      <c r="BC24" s="104">
        <v>302036</v>
      </c>
      <c r="BD24" s="103">
        <v>1632360</v>
      </c>
      <c r="BE24" s="106">
        <v>1699339</v>
      </c>
      <c r="BF24" s="100">
        <v>0</v>
      </c>
      <c r="BG24" s="104">
        <v>0</v>
      </c>
      <c r="BH24" s="102">
        <v>0</v>
      </c>
      <c r="BI24" s="101">
        <v>0</v>
      </c>
      <c r="BJ24" s="104">
        <v>25294</v>
      </c>
      <c r="BK24" s="104">
        <v>33219</v>
      </c>
      <c r="BL24" s="104">
        <v>0</v>
      </c>
      <c r="BM24" s="104">
        <v>0</v>
      </c>
      <c r="BN24" s="104">
        <v>0</v>
      </c>
      <c r="BO24" s="103">
        <v>58513</v>
      </c>
      <c r="BP24" s="106">
        <v>58513</v>
      </c>
      <c r="BQ24" s="100">
        <v>92304</v>
      </c>
      <c r="BR24" s="104">
        <v>34584</v>
      </c>
      <c r="BS24" s="103">
        <v>126888</v>
      </c>
      <c r="BT24" s="100">
        <v>0</v>
      </c>
      <c r="BU24" s="104">
        <v>255512</v>
      </c>
      <c r="BV24" s="104">
        <v>314024</v>
      </c>
      <c r="BW24" s="104">
        <v>133776</v>
      </c>
      <c r="BX24" s="104">
        <v>74528</v>
      </c>
      <c r="BY24" s="104">
        <v>136136</v>
      </c>
      <c r="BZ24" s="103">
        <v>913976</v>
      </c>
      <c r="CA24" s="106">
        <v>1040864</v>
      </c>
      <c r="CB24" s="100">
        <v>42823</v>
      </c>
      <c r="CC24" s="104">
        <v>119323</v>
      </c>
      <c r="CD24" s="103">
        <v>162146</v>
      </c>
      <c r="CE24" s="100">
        <v>0</v>
      </c>
      <c r="CF24" s="104">
        <v>1656522</v>
      </c>
      <c r="CG24" s="104">
        <v>1136961</v>
      </c>
      <c r="CH24" s="104">
        <v>917192</v>
      </c>
      <c r="CI24" s="104">
        <v>256361</v>
      </c>
      <c r="CJ24" s="104">
        <v>42685</v>
      </c>
      <c r="CK24" s="103">
        <v>4009721</v>
      </c>
      <c r="CL24" s="106">
        <v>4171867</v>
      </c>
      <c r="CM24" s="100">
        <v>0</v>
      </c>
      <c r="CN24" s="104">
        <v>0</v>
      </c>
      <c r="CO24" s="103">
        <v>0</v>
      </c>
      <c r="CP24" s="101">
        <v>0</v>
      </c>
      <c r="CQ24" s="104">
        <v>1207791</v>
      </c>
      <c r="CR24" s="104">
        <v>782470</v>
      </c>
      <c r="CS24" s="104">
        <v>678541</v>
      </c>
      <c r="CT24" s="104">
        <v>135840</v>
      </c>
      <c r="CU24" s="104">
        <v>42685</v>
      </c>
      <c r="CV24" s="103">
        <v>2847327</v>
      </c>
      <c r="CW24" s="106">
        <v>2847327</v>
      </c>
      <c r="CX24" s="100">
        <v>42823</v>
      </c>
      <c r="CY24" s="104">
        <v>119323</v>
      </c>
      <c r="CZ24" s="103">
        <v>162146</v>
      </c>
      <c r="DA24" s="100">
        <v>0</v>
      </c>
      <c r="DB24" s="104">
        <v>448731</v>
      </c>
      <c r="DC24" s="104">
        <v>354491</v>
      </c>
      <c r="DD24" s="104">
        <v>238651</v>
      </c>
      <c r="DE24" s="104">
        <v>120521</v>
      </c>
      <c r="DF24" s="104">
        <v>0</v>
      </c>
      <c r="DG24" s="103">
        <v>1162394</v>
      </c>
      <c r="DH24" s="106">
        <v>1324540</v>
      </c>
      <c r="DI24" s="100">
        <v>0</v>
      </c>
      <c r="DJ24" s="104">
        <v>27184</v>
      </c>
      <c r="DK24" s="102">
        <v>27184</v>
      </c>
      <c r="DL24" s="101">
        <v>0</v>
      </c>
      <c r="DM24" s="104">
        <v>65873</v>
      </c>
      <c r="DN24" s="104">
        <v>33256</v>
      </c>
      <c r="DO24" s="104">
        <v>763116</v>
      </c>
      <c r="DP24" s="104">
        <v>36121</v>
      </c>
      <c r="DQ24" s="104">
        <v>273202</v>
      </c>
      <c r="DR24" s="103">
        <v>1171568</v>
      </c>
      <c r="DS24" s="106">
        <v>1198752</v>
      </c>
      <c r="DT24" s="100">
        <v>0</v>
      </c>
      <c r="DU24" s="104">
        <v>27184</v>
      </c>
      <c r="DV24" s="103">
        <v>27184</v>
      </c>
      <c r="DW24" s="100">
        <v>0</v>
      </c>
      <c r="DX24" s="104">
        <v>65873</v>
      </c>
      <c r="DY24" s="104">
        <v>0</v>
      </c>
      <c r="DZ24" s="104">
        <v>84931</v>
      </c>
      <c r="EA24" s="104">
        <v>36121</v>
      </c>
      <c r="EB24" s="104">
        <v>273202</v>
      </c>
      <c r="EC24" s="103">
        <v>460127</v>
      </c>
      <c r="ED24" s="106">
        <v>487311</v>
      </c>
      <c r="EE24" s="100">
        <v>0</v>
      </c>
      <c r="EF24" s="102">
        <v>0</v>
      </c>
      <c r="EG24" s="103">
        <v>0</v>
      </c>
      <c r="EH24" s="100">
        <v>0</v>
      </c>
      <c r="EI24" s="104">
        <v>0</v>
      </c>
      <c r="EJ24" s="104">
        <v>33256</v>
      </c>
      <c r="EK24" s="104">
        <v>678185</v>
      </c>
      <c r="EL24" s="104">
        <v>0</v>
      </c>
      <c r="EM24" s="104">
        <v>0</v>
      </c>
      <c r="EN24" s="102">
        <v>711441</v>
      </c>
      <c r="EO24" s="106">
        <v>711441</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06">
        <v>0</v>
      </c>
      <c r="FE24" s="104">
        <v>0</v>
      </c>
      <c r="FF24" s="104">
        <v>0</v>
      </c>
      <c r="FG24" s="104">
        <v>0</v>
      </c>
      <c r="FH24" s="104">
        <v>0</v>
      </c>
      <c r="FI24" s="104">
        <v>0</v>
      </c>
      <c r="FJ24" s="103">
        <v>0</v>
      </c>
      <c r="FK24" s="106">
        <v>0</v>
      </c>
      <c r="FL24" s="100">
        <v>20240</v>
      </c>
      <c r="FM24" s="104">
        <v>56160</v>
      </c>
      <c r="FN24" s="103">
        <v>76400</v>
      </c>
      <c r="FO24" s="100">
        <v>0</v>
      </c>
      <c r="FP24" s="104">
        <v>285384</v>
      </c>
      <c r="FQ24" s="104">
        <v>318216</v>
      </c>
      <c r="FR24" s="104">
        <v>199216</v>
      </c>
      <c r="FS24" s="104">
        <v>159944</v>
      </c>
      <c r="FT24" s="104">
        <v>268608</v>
      </c>
      <c r="FU24" s="103">
        <v>1231368</v>
      </c>
      <c r="FV24" s="106">
        <v>1307768</v>
      </c>
      <c r="FW24" s="105">
        <v>20240</v>
      </c>
      <c r="FX24" s="104">
        <v>41760</v>
      </c>
      <c r="FY24" s="102">
        <v>62000</v>
      </c>
      <c r="FZ24" s="101">
        <v>0</v>
      </c>
      <c r="GA24" s="104">
        <v>285384</v>
      </c>
      <c r="GB24" s="104">
        <v>318216</v>
      </c>
      <c r="GC24" s="104">
        <v>199216</v>
      </c>
      <c r="GD24" s="104">
        <v>159944</v>
      </c>
      <c r="GE24" s="104">
        <v>268608</v>
      </c>
      <c r="GF24" s="103">
        <v>1231368</v>
      </c>
      <c r="GG24" s="290">
        <v>1293368</v>
      </c>
      <c r="GH24" s="105">
        <v>0</v>
      </c>
      <c r="GI24" s="104">
        <v>14400</v>
      </c>
      <c r="GJ24" s="102">
        <v>14400</v>
      </c>
      <c r="GK24" s="101">
        <v>0</v>
      </c>
      <c r="GL24" s="104">
        <v>0</v>
      </c>
      <c r="GM24" s="104">
        <v>0</v>
      </c>
      <c r="GN24" s="104">
        <v>0</v>
      </c>
      <c r="GO24" s="104">
        <v>0</v>
      </c>
      <c r="GP24" s="104">
        <v>0</v>
      </c>
      <c r="GQ24" s="103">
        <v>0</v>
      </c>
      <c r="GR24" s="106">
        <v>14400</v>
      </c>
      <c r="GS24" s="100">
        <v>0</v>
      </c>
      <c r="GT24" s="104">
        <v>0</v>
      </c>
      <c r="GU24" s="103">
        <v>0</v>
      </c>
      <c r="GV24" s="100">
        <v>0</v>
      </c>
      <c r="GW24" s="104">
        <v>0</v>
      </c>
      <c r="GX24" s="104">
        <v>0</v>
      </c>
      <c r="GY24" s="104">
        <v>0</v>
      </c>
      <c r="GZ24" s="104">
        <v>0</v>
      </c>
      <c r="HA24" s="104">
        <v>0</v>
      </c>
      <c r="HB24" s="102">
        <v>0</v>
      </c>
      <c r="HC24" s="106">
        <v>0</v>
      </c>
      <c r="HD24" s="100">
        <v>280884</v>
      </c>
      <c r="HE24" s="104">
        <v>91851</v>
      </c>
      <c r="HF24" s="102">
        <v>372735</v>
      </c>
      <c r="HG24" s="101">
        <v>0</v>
      </c>
      <c r="HH24" s="104">
        <v>956289</v>
      </c>
      <c r="HI24" s="104">
        <v>1443263</v>
      </c>
      <c r="HJ24" s="104">
        <v>610633</v>
      </c>
      <c r="HK24" s="104">
        <v>431379</v>
      </c>
      <c r="HL24" s="104">
        <v>478650</v>
      </c>
      <c r="HM24" s="103">
        <v>3920214</v>
      </c>
      <c r="HN24" s="99">
        <v>4292949</v>
      </c>
      <c r="HO24" s="456">
        <v>0</v>
      </c>
      <c r="HP24" s="457">
        <v>0</v>
      </c>
      <c r="HQ24" s="458">
        <v>0</v>
      </c>
      <c r="HR24" s="459">
        <v>0</v>
      </c>
      <c r="HS24" s="457">
        <v>0</v>
      </c>
      <c r="HT24" s="457">
        <v>0</v>
      </c>
      <c r="HU24" s="457">
        <v>0</v>
      </c>
      <c r="HV24" s="457">
        <v>0</v>
      </c>
      <c r="HW24" s="457">
        <v>0</v>
      </c>
      <c r="HX24" s="460">
        <v>0</v>
      </c>
      <c r="HY24" s="461">
        <v>0</v>
      </c>
      <c r="HZ24" s="135">
        <v>0</v>
      </c>
      <c r="IA24" s="122">
        <v>0</v>
      </c>
      <c r="IB24" s="135">
        <v>0</v>
      </c>
      <c r="IC24" s="121">
        <v>0</v>
      </c>
      <c r="ID24" s="122">
        <v>1102988</v>
      </c>
      <c r="IE24" s="123">
        <v>1321736</v>
      </c>
      <c r="IF24" s="124">
        <v>1209324</v>
      </c>
      <c r="IG24" s="122">
        <v>0</v>
      </c>
      <c r="IH24" s="124">
        <v>1504738</v>
      </c>
      <c r="II24" s="125">
        <v>5138786</v>
      </c>
      <c r="IJ24" s="135">
        <v>5138786</v>
      </c>
      <c r="IK24" s="215">
        <v>0</v>
      </c>
      <c r="IL24" s="219">
        <v>0</v>
      </c>
      <c r="IM24" s="220">
        <v>0</v>
      </c>
      <c r="IN24" s="470">
        <v>0</v>
      </c>
      <c r="IO24" s="109">
        <v>83330</v>
      </c>
      <c r="IP24" s="109">
        <v>0</v>
      </c>
      <c r="IQ24" s="109">
        <v>0</v>
      </c>
      <c r="IR24" s="109">
        <v>0</v>
      </c>
      <c r="IS24" s="109">
        <v>264708</v>
      </c>
      <c r="IT24" s="128">
        <v>348038</v>
      </c>
      <c r="IU24" s="292">
        <v>348038</v>
      </c>
      <c r="IV24" s="129">
        <v>0</v>
      </c>
      <c r="IW24" s="109">
        <v>0</v>
      </c>
      <c r="IX24" s="110">
        <v>0</v>
      </c>
      <c r="IY24" s="470">
        <v>0</v>
      </c>
      <c r="IZ24" s="109">
        <v>0</v>
      </c>
      <c r="JA24" s="109">
        <v>0</v>
      </c>
      <c r="JB24" s="109">
        <v>0</v>
      </c>
      <c r="JC24" s="109">
        <v>0</v>
      </c>
      <c r="JD24" s="109">
        <v>0</v>
      </c>
      <c r="JE24" s="110">
        <v>0</v>
      </c>
      <c r="JF24" s="111">
        <v>0</v>
      </c>
      <c r="JG24" s="129">
        <v>0</v>
      </c>
      <c r="JH24" s="109">
        <v>0</v>
      </c>
      <c r="JI24" s="128">
        <v>0</v>
      </c>
      <c r="JJ24" s="108">
        <v>0</v>
      </c>
      <c r="JK24" s="109">
        <v>325157</v>
      </c>
      <c r="JL24" s="109">
        <v>357619</v>
      </c>
      <c r="JM24" s="109">
        <v>157430</v>
      </c>
      <c r="JN24" s="109">
        <v>0</v>
      </c>
      <c r="JO24" s="109">
        <v>0</v>
      </c>
      <c r="JP24" s="110">
        <v>840206</v>
      </c>
      <c r="JQ24" s="292">
        <v>840206</v>
      </c>
      <c r="JR24" s="129">
        <v>0</v>
      </c>
      <c r="JS24" s="109">
        <v>0</v>
      </c>
      <c r="JT24" s="128">
        <v>0</v>
      </c>
      <c r="JU24" s="108">
        <v>0</v>
      </c>
      <c r="JV24" s="109">
        <v>91859</v>
      </c>
      <c r="JW24" s="109">
        <v>110943</v>
      </c>
      <c r="JX24" s="109">
        <v>342593</v>
      </c>
      <c r="JY24" s="109">
        <v>0</v>
      </c>
      <c r="JZ24" s="109">
        <v>0</v>
      </c>
      <c r="KA24" s="110">
        <v>545395</v>
      </c>
      <c r="KB24" s="292">
        <v>545395</v>
      </c>
      <c r="KC24" s="217">
        <v>0</v>
      </c>
      <c r="KD24" s="213">
        <v>0</v>
      </c>
      <c r="KE24" s="110">
        <v>0</v>
      </c>
      <c r="KF24" s="108">
        <v>0</v>
      </c>
      <c r="KG24" s="109">
        <v>370176</v>
      </c>
      <c r="KH24" s="109">
        <v>357044</v>
      </c>
      <c r="KI24" s="109">
        <v>449732</v>
      </c>
      <c r="KJ24" s="109">
        <v>0</v>
      </c>
      <c r="KK24" s="109">
        <v>0</v>
      </c>
      <c r="KL24" s="110">
        <v>1176952</v>
      </c>
      <c r="KM24" s="130">
        <v>1176952</v>
      </c>
      <c r="KN24" s="215">
        <v>0</v>
      </c>
      <c r="KO24" s="219">
        <v>0</v>
      </c>
      <c r="KP24" s="220">
        <v>0</v>
      </c>
      <c r="KQ24" s="470">
        <v>0</v>
      </c>
      <c r="KR24" s="109">
        <v>232466</v>
      </c>
      <c r="KS24" s="109">
        <v>496130</v>
      </c>
      <c r="KT24" s="109">
        <v>259569</v>
      </c>
      <c r="KU24" s="109">
        <v>0</v>
      </c>
      <c r="KV24" s="109">
        <v>173419</v>
      </c>
      <c r="KW24" s="110">
        <v>1161584</v>
      </c>
      <c r="KX24" s="292">
        <v>1161584</v>
      </c>
      <c r="KY24" s="129">
        <v>0</v>
      </c>
      <c r="KZ24" s="109">
        <v>0</v>
      </c>
      <c r="LA24" s="110">
        <v>0</v>
      </c>
      <c r="LB24" s="470">
        <v>0</v>
      </c>
      <c r="LC24" s="109">
        <v>0</v>
      </c>
      <c r="LD24" s="109">
        <v>0</v>
      </c>
      <c r="LE24" s="109">
        <v>0</v>
      </c>
      <c r="LF24" s="109">
        <v>0</v>
      </c>
      <c r="LG24" s="109">
        <v>0</v>
      </c>
      <c r="LH24" s="110">
        <v>0</v>
      </c>
      <c r="LI24" s="111">
        <v>0</v>
      </c>
      <c r="LJ24" s="129">
        <v>0</v>
      </c>
      <c r="LK24" s="109">
        <v>0</v>
      </c>
      <c r="LL24" s="110">
        <v>0</v>
      </c>
      <c r="LM24" s="470">
        <v>0</v>
      </c>
      <c r="LN24" s="109">
        <v>0</v>
      </c>
      <c r="LO24" s="109">
        <v>0</v>
      </c>
      <c r="LP24" s="109">
        <v>0</v>
      </c>
      <c r="LQ24" s="109">
        <v>0</v>
      </c>
      <c r="LR24" s="109">
        <v>0</v>
      </c>
      <c r="LS24" s="110">
        <v>0</v>
      </c>
      <c r="LT24" s="292">
        <v>0</v>
      </c>
      <c r="LU24" s="129">
        <v>0</v>
      </c>
      <c r="LV24" s="109">
        <v>0</v>
      </c>
      <c r="LW24" s="110">
        <v>0</v>
      </c>
      <c r="LX24" s="470">
        <v>0</v>
      </c>
      <c r="LY24" s="109">
        <v>0</v>
      </c>
      <c r="LZ24" s="109">
        <v>0</v>
      </c>
      <c r="MA24" s="109">
        <v>0</v>
      </c>
      <c r="MB24" s="109">
        <v>0</v>
      </c>
      <c r="MC24" s="109">
        <v>1066611</v>
      </c>
      <c r="MD24" s="110">
        <v>1066611</v>
      </c>
      <c r="ME24" s="111">
        <v>1066611</v>
      </c>
      <c r="MF24" s="129">
        <v>0</v>
      </c>
      <c r="MG24" s="109">
        <v>0</v>
      </c>
      <c r="MH24" s="110">
        <v>0</v>
      </c>
      <c r="MI24" s="470">
        <v>0</v>
      </c>
      <c r="MJ24" s="109">
        <v>322235</v>
      </c>
      <c r="MK24" s="109">
        <v>0</v>
      </c>
      <c r="ML24" s="109">
        <v>1763824</v>
      </c>
      <c r="MM24" s="109">
        <v>2536896</v>
      </c>
      <c r="MN24" s="109">
        <v>1296550</v>
      </c>
      <c r="MO24" s="110">
        <v>5919505</v>
      </c>
      <c r="MP24" s="130">
        <v>5919505</v>
      </c>
      <c r="MQ24" s="129">
        <v>0</v>
      </c>
      <c r="MR24" s="109">
        <v>0</v>
      </c>
      <c r="MS24" s="110">
        <v>0</v>
      </c>
      <c r="MT24" s="470">
        <v>0</v>
      </c>
      <c r="MU24" s="109">
        <v>0</v>
      </c>
      <c r="MV24" s="109">
        <v>0</v>
      </c>
      <c r="MW24" s="109">
        <v>1484224</v>
      </c>
      <c r="MX24" s="109">
        <v>1340538</v>
      </c>
      <c r="MY24" s="109">
        <v>1296550</v>
      </c>
      <c r="MZ24" s="110">
        <v>4121312</v>
      </c>
      <c r="NA24" s="130">
        <v>4121312</v>
      </c>
      <c r="NB24" s="129">
        <v>0</v>
      </c>
      <c r="NC24" s="109">
        <v>0</v>
      </c>
      <c r="ND24" s="110">
        <v>0</v>
      </c>
      <c r="NE24" s="470">
        <v>0</v>
      </c>
      <c r="NF24" s="109">
        <v>322235</v>
      </c>
      <c r="NG24" s="109">
        <v>0</v>
      </c>
      <c r="NH24" s="109">
        <v>279600</v>
      </c>
      <c r="NI24" s="109">
        <v>1196358</v>
      </c>
      <c r="NJ24" s="109">
        <v>0</v>
      </c>
      <c r="NK24" s="110">
        <v>1798193</v>
      </c>
      <c r="NL24" s="292">
        <v>1798193</v>
      </c>
      <c r="NM24" s="129">
        <v>0</v>
      </c>
      <c r="NN24" s="109">
        <v>0</v>
      </c>
      <c r="NO24" s="110">
        <v>0</v>
      </c>
      <c r="NP24" s="470">
        <v>0</v>
      </c>
      <c r="NQ24" s="109">
        <v>0</v>
      </c>
      <c r="NR24" s="109">
        <v>0</v>
      </c>
      <c r="NS24" s="109">
        <v>0</v>
      </c>
      <c r="NT24" s="109">
        <v>0</v>
      </c>
      <c r="NU24" s="109">
        <v>0</v>
      </c>
      <c r="NV24" s="110">
        <v>0</v>
      </c>
      <c r="NW24" s="111">
        <v>0</v>
      </c>
      <c r="NX24" s="129">
        <v>0</v>
      </c>
      <c r="NY24" s="109">
        <v>0</v>
      </c>
      <c r="NZ24" s="110">
        <v>0</v>
      </c>
      <c r="OA24" s="470">
        <v>0</v>
      </c>
      <c r="OB24" s="109">
        <v>0</v>
      </c>
      <c r="OC24" s="109">
        <v>0</v>
      </c>
      <c r="OD24" s="109">
        <v>0</v>
      </c>
      <c r="OE24" s="109">
        <v>0</v>
      </c>
      <c r="OF24" s="109">
        <v>0</v>
      </c>
      <c r="OG24" s="110">
        <v>0</v>
      </c>
      <c r="OH24" s="111">
        <v>0</v>
      </c>
      <c r="OI24" s="129">
        <v>455630</v>
      </c>
      <c r="OJ24" s="109">
        <v>376702</v>
      </c>
      <c r="OK24" s="128">
        <v>832332</v>
      </c>
      <c r="OL24" s="108">
        <v>0</v>
      </c>
      <c r="OM24" s="109">
        <v>5390736</v>
      </c>
      <c r="ON24" s="109">
        <v>5123952</v>
      </c>
      <c r="OO24" s="109">
        <v>6224948</v>
      </c>
      <c r="OP24" s="109">
        <v>4126588</v>
      </c>
      <c r="OQ24" s="109">
        <v>4798309</v>
      </c>
      <c r="OR24" s="110">
        <v>25664533</v>
      </c>
      <c r="OS24" s="130">
        <v>26496865</v>
      </c>
    </row>
    <row r="25" spans="2:409" ht="21" customHeight="1" x14ac:dyDescent="0.2">
      <c r="B25" s="437" t="s">
        <v>20</v>
      </c>
      <c r="C25" s="100">
        <v>409066</v>
      </c>
      <c r="D25" s="104">
        <v>599750</v>
      </c>
      <c r="E25" s="103">
        <v>1008816</v>
      </c>
      <c r="F25" s="100">
        <v>0</v>
      </c>
      <c r="G25" s="104">
        <v>5177636</v>
      </c>
      <c r="H25" s="104">
        <v>4876699</v>
      </c>
      <c r="I25" s="104">
        <v>4918609</v>
      </c>
      <c r="J25" s="104">
        <v>5552259</v>
      </c>
      <c r="K25" s="104">
        <v>3645213</v>
      </c>
      <c r="L25" s="156">
        <v>24170416</v>
      </c>
      <c r="M25" s="106">
        <v>25179232</v>
      </c>
      <c r="N25" s="100">
        <v>136767</v>
      </c>
      <c r="O25" s="104">
        <v>147652</v>
      </c>
      <c r="P25" s="103">
        <v>284419</v>
      </c>
      <c r="Q25" s="100">
        <v>0</v>
      </c>
      <c r="R25" s="104">
        <v>1913588</v>
      </c>
      <c r="S25" s="104">
        <v>1826446</v>
      </c>
      <c r="T25" s="104">
        <v>1626011</v>
      </c>
      <c r="U25" s="104">
        <v>1644557</v>
      </c>
      <c r="V25" s="104">
        <v>2194364</v>
      </c>
      <c r="W25" s="103">
        <v>9204966</v>
      </c>
      <c r="X25" s="106">
        <v>9489385</v>
      </c>
      <c r="Y25" s="100">
        <v>0</v>
      </c>
      <c r="Z25" s="104">
        <v>0</v>
      </c>
      <c r="AA25" s="103">
        <v>0</v>
      </c>
      <c r="AB25" s="100">
        <v>0</v>
      </c>
      <c r="AC25" s="104">
        <v>843295</v>
      </c>
      <c r="AD25" s="104">
        <v>678723</v>
      </c>
      <c r="AE25" s="104">
        <v>646664</v>
      </c>
      <c r="AF25" s="104">
        <v>799377</v>
      </c>
      <c r="AG25" s="104">
        <v>1300692</v>
      </c>
      <c r="AH25" s="103">
        <v>4268751</v>
      </c>
      <c r="AI25" s="106">
        <v>4268751</v>
      </c>
      <c r="AJ25" s="100">
        <v>0</v>
      </c>
      <c r="AK25" s="104">
        <v>0</v>
      </c>
      <c r="AL25" s="103">
        <v>0</v>
      </c>
      <c r="AM25" s="100">
        <v>0</v>
      </c>
      <c r="AN25" s="104">
        <v>0</v>
      </c>
      <c r="AO25" s="104">
        <v>0</v>
      </c>
      <c r="AP25" s="104">
        <v>104228</v>
      </c>
      <c r="AQ25" s="104">
        <v>106604</v>
      </c>
      <c r="AR25" s="104">
        <v>142132</v>
      </c>
      <c r="AS25" s="103">
        <v>352964</v>
      </c>
      <c r="AT25" s="106">
        <v>352964</v>
      </c>
      <c r="AU25" s="100">
        <v>83438</v>
      </c>
      <c r="AV25" s="104">
        <v>22888</v>
      </c>
      <c r="AW25" s="103">
        <v>106326</v>
      </c>
      <c r="AX25" s="100">
        <v>0</v>
      </c>
      <c r="AY25" s="104">
        <v>758148</v>
      </c>
      <c r="AZ25" s="104">
        <v>683154</v>
      </c>
      <c r="BA25" s="104">
        <v>371914</v>
      </c>
      <c r="BB25" s="104">
        <v>406496</v>
      </c>
      <c r="BC25" s="104">
        <v>457293</v>
      </c>
      <c r="BD25" s="103">
        <v>2677005</v>
      </c>
      <c r="BE25" s="106">
        <v>2783331</v>
      </c>
      <c r="BF25" s="100">
        <v>43729</v>
      </c>
      <c r="BG25" s="104">
        <v>65764</v>
      </c>
      <c r="BH25" s="102">
        <v>109493</v>
      </c>
      <c r="BI25" s="101">
        <v>0</v>
      </c>
      <c r="BJ25" s="104">
        <v>76057</v>
      </c>
      <c r="BK25" s="104">
        <v>192737</v>
      </c>
      <c r="BL25" s="104">
        <v>218509</v>
      </c>
      <c r="BM25" s="104">
        <v>61656</v>
      </c>
      <c r="BN25" s="104">
        <v>96279</v>
      </c>
      <c r="BO25" s="103">
        <v>645238</v>
      </c>
      <c r="BP25" s="106">
        <v>754731</v>
      </c>
      <c r="BQ25" s="100">
        <v>9600</v>
      </c>
      <c r="BR25" s="104">
        <v>59000</v>
      </c>
      <c r="BS25" s="103">
        <v>68600</v>
      </c>
      <c r="BT25" s="100">
        <v>0</v>
      </c>
      <c r="BU25" s="104">
        <v>236088</v>
      </c>
      <c r="BV25" s="104">
        <v>271832</v>
      </c>
      <c r="BW25" s="104">
        <v>284696</v>
      </c>
      <c r="BX25" s="104">
        <v>270424</v>
      </c>
      <c r="BY25" s="104">
        <v>197968</v>
      </c>
      <c r="BZ25" s="103">
        <v>1261008</v>
      </c>
      <c r="CA25" s="106">
        <v>1329608</v>
      </c>
      <c r="CB25" s="100">
        <v>62243</v>
      </c>
      <c r="CC25" s="104">
        <v>40413</v>
      </c>
      <c r="CD25" s="103">
        <v>102656</v>
      </c>
      <c r="CE25" s="100">
        <v>0</v>
      </c>
      <c r="CF25" s="104">
        <v>1786701</v>
      </c>
      <c r="CG25" s="104">
        <v>1977152</v>
      </c>
      <c r="CH25" s="104">
        <v>1251716</v>
      </c>
      <c r="CI25" s="104">
        <v>751543</v>
      </c>
      <c r="CJ25" s="104">
        <v>454447</v>
      </c>
      <c r="CK25" s="103">
        <v>6221559</v>
      </c>
      <c r="CL25" s="106">
        <v>6324215</v>
      </c>
      <c r="CM25" s="100">
        <v>0</v>
      </c>
      <c r="CN25" s="104">
        <v>0</v>
      </c>
      <c r="CO25" s="103">
        <v>0</v>
      </c>
      <c r="CP25" s="101">
        <v>0</v>
      </c>
      <c r="CQ25" s="104">
        <v>1366628</v>
      </c>
      <c r="CR25" s="104">
        <v>1316445</v>
      </c>
      <c r="CS25" s="104">
        <v>887916</v>
      </c>
      <c r="CT25" s="104">
        <v>467948</v>
      </c>
      <c r="CU25" s="104">
        <v>330324</v>
      </c>
      <c r="CV25" s="103">
        <v>4369261</v>
      </c>
      <c r="CW25" s="106">
        <v>4369261</v>
      </c>
      <c r="CX25" s="100">
        <v>62243</v>
      </c>
      <c r="CY25" s="104">
        <v>40413</v>
      </c>
      <c r="CZ25" s="103">
        <v>102656</v>
      </c>
      <c r="DA25" s="100">
        <v>0</v>
      </c>
      <c r="DB25" s="104">
        <v>420073</v>
      </c>
      <c r="DC25" s="104">
        <v>660707</v>
      </c>
      <c r="DD25" s="104">
        <v>363800</v>
      </c>
      <c r="DE25" s="104">
        <v>283595</v>
      </c>
      <c r="DF25" s="104">
        <v>124123</v>
      </c>
      <c r="DG25" s="103">
        <v>1852298</v>
      </c>
      <c r="DH25" s="106">
        <v>1954954</v>
      </c>
      <c r="DI25" s="100">
        <v>0</v>
      </c>
      <c r="DJ25" s="104">
        <v>64053</v>
      </c>
      <c r="DK25" s="102">
        <v>64053</v>
      </c>
      <c r="DL25" s="101">
        <v>0</v>
      </c>
      <c r="DM25" s="104">
        <v>270156</v>
      </c>
      <c r="DN25" s="104">
        <v>115492</v>
      </c>
      <c r="DO25" s="104">
        <v>258185</v>
      </c>
      <c r="DP25" s="104">
        <v>1340493</v>
      </c>
      <c r="DQ25" s="104">
        <v>101176</v>
      </c>
      <c r="DR25" s="103">
        <v>2085502</v>
      </c>
      <c r="DS25" s="106">
        <v>2149555</v>
      </c>
      <c r="DT25" s="100">
        <v>0</v>
      </c>
      <c r="DU25" s="104">
        <v>64053</v>
      </c>
      <c r="DV25" s="103">
        <v>64053</v>
      </c>
      <c r="DW25" s="100">
        <v>0</v>
      </c>
      <c r="DX25" s="104">
        <v>150448</v>
      </c>
      <c r="DY25" s="104">
        <v>115492</v>
      </c>
      <c r="DZ25" s="104">
        <v>199971</v>
      </c>
      <c r="EA25" s="104">
        <v>1191384</v>
      </c>
      <c r="EB25" s="104">
        <v>101176</v>
      </c>
      <c r="EC25" s="103">
        <v>1758471</v>
      </c>
      <c r="ED25" s="106">
        <v>1822524</v>
      </c>
      <c r="EE25" s="100">
        <v>0</v>
      </c>
      <c r="EF25" s="102">
        <v>0</v>
      </c>
      <c r="EG25" s="103">
        <v>0</v>
      </c>
      <c r="EH25" s="100">
        <v>0</v>
      </c>
      <c r="EI25" s="104">
        <v>119708</v>
      </c>
      <c r="EJ25" s="104">
        <v>0</v>
      </c>
      <c r="EK25" s="104">
        <v>58214</v>
      </c>
      <c r="EL25" s="104">
        <v>149109</v>
      </c>
      <c r="EM25" s="104">
        <v>0</v>
      </c>
      <c r="EN25" s="102">
        <v>327031</v>
      </c>
      <c r="EO25" s="106">
        <v>327031</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06">
        <v>0</v>
      </c>
      <c r="FE25" s="104">
        <v>0</v>
      </c>
      <c r="FF25" s="104">
        <v>0</v>
      </c>
      <c r="FG25" s="104">
        <v>0</v>
      </c>
      <c r="FH25" s="104">
        <v>0</v>
      </c>
      <c r="FI25" s="104">
        <v>0</v>
      </c>
      <c r="FJ25" s="103">
        <v>0</v>
      </c>
      <c r="FK25" s="106">
        <v>0</v>
      </c>
      <c r="FL25" s="100">
        <v>156352</v>
      </c>
      <c r="FM25" s="104">
        <v>161032</v>
      </c>
      <c r="FN25" s="103">
        <v>317384</v>
      </c>
      <c r="FO25" s="100">
        <v>0</v>
      </c>
      <c r="FP25" s="104">
        <v>428503</v>
      </c>
      <c r="FQ25" s="104">
        <v>419376</v>
      </c>
      <c r="FR25" s="104">
        <v>443128</v>
      </c>
      <c r="FS25" s="104">
        <v>369024</v>
      </c>
      <c r="FT25" s="104">
        <v>416256</v>
      </c>
      <c r="FU25" s="103">
        <v>2076287</v>
      </c>
      <c r="FV25" s="106">
        <v>2393671</v>
      </c>
      <c r="FW25" s="105">
        <v>61152</v>
      </c>
      <c r="FX25" s="104">
        <v>161032</v>
      </c>
      <c r="FY25" s="102">
        <v>222184</v>
      </c>
      <c r="FZ25" s="101">
        <v>0</v>
      </c>
      <c r="GA25" s="104">
        <v>324200</v>
      </c>
      <c r="GB25" s="104">
        <v>419376</v>
      </c>
      <c r="GC25" s="104">
        <v>416728</v>
      </c>
      <c r="GD25" s="104">
        <v>324672</v>
      </c>
      <c r="GE25" s="104">
        <v>416256</v>
      </c>
      <c r="GF25" s="103">
        <v>1901232</v>
      </c>
      <c r="GG25" s="290">
        <v>2123416</v>
      </c>
      <c r="GH25" s="105">
        <v>0</v>
      </c>
      <c r="GI25" s="104">
        <v>0</v>
      </c>
      <c r="GJ25" s="102">
        <v>0</v>
      </c>
      <c r="GK25" s="101">
        <v>0</v>
      </c>
      <c r="GL25" s="104">
        <v>48560</v>
      </c>
      <c r="GM25" s="104">
        <v>0</v>
      </c>
      <c r="GN25" s="104">
        <v>26400</v>
      </c>
      <c r="GO25" s="104">
        <v>44352</v>
      </c>
      <c r="GP25" s="104">
        <v>0</v>
      </c>
      <c r="GQ25" s="103">
        <v>119312</v>
      </c>
      <c r="GR25" s="106">
        <v>119312</v>
      </c>
      <c r="GS25" s="100">
        <v>95200</v>
      </c>
      <c r="GT25" s="104">
        <v>0</v>
      </c>
      <c r="GU25" s="103">
        <v>95200</v>
      </c>
      <c r="GV25" s="100">
        <v>0</v>
      </c>
      <c r="GW25" s="104">
        <v>55743</v>
      </c>
      <c r="GX25" s="104">
        <v>0</v>
      </c>
      <c r="GY25" s="104">
        <v>0</v>
      </c>
      <c r="GZ25" s="104">
        <v>0</v>
      </c>
      <c r="HA25" s="104">
        <v>0</v>
      </c>
      <c r="HB25" s="102">
        <v>55743</v>
      </c>
      <c r="HC25" s="106">
        <v>150943</v>
      </c>
      <c r="HD25" s="100">
        <v>53704</v>
      </c>
      <c r="HE25" s="104">
        <v>186600</v>
      </c>
      <c r="HF25" s="102">
        <v>240304</v>
      </c>
      <c r="HG25" s="101">
        <v>0</v>
      </c>
      <c r="HH25" s="104">
        <v>778688</v>
      </c>
      <c r="HI25" s="104">
        <v>538233</v>
      </c>
      <c r="HJ25" s="104">
        <v>1339569</v>
      </c>
      <c r="HK25" s="104">
        <v>1446642</v>
      </c>
      <c r="HL25" s="104">
        <v>478970</v>
      </c>
      <c r="HM25" s="103">
        <v>4582102</v>
      </c>
      <c r="HN25" s="99">
        <v>4822406</v>
      </c>
      <c r="HO25" s="456">
        <v>0</v>
      </c>
      <c r="HP25" s="457">
        <v>0</v>
      </c>
      <c r="HQ25" s="458">
        <v>0</v>
      </c>
      <c r="HR25" s="459">
        <v>0</v>
      </c>
      <c r="HS25" s="457">
        <v>0</v>
      </c>
      <c r="HT25" s="457">
        <v>0</v>
      </c>
      <c r="HU25" s="457">
        <v>0</v>
      </c>
      <c r="HV25" s="457">
        <v>0</v>
      </c>
      <c r="HW25" s="457">
        <v>0</v>
      </c>
      <c r="HX25" s="460">
        <v>0</v>
      </c>
      <c r="HY25" s="461">
        <v>0</v>
      </c>
      <c r="HZ25" s="118">
        <v>0</v>
      </c>
      <c r="IA25" s="119">
        <v>0</v>
      </c>
      <c r="IB25" s="120">
        <v>0</v>
      </c>
      <c r="IC25" s="131">
        <v>0</v>
      </c>
      <c r="ID25" s="119">
        <v>564878</v>
      </c>
      <c r="IE25" s="132">
        <v>988813</v>
      </c>
      <c r="IF25" s="120">
        <v>1228851</v>
      </c>
      <c r="IG25" s="119">
        <v>64926</v>
      </c>
      <c r="IH25" s="120">
        <v>424736</v>
      </c>
      <c r="II25" s="133">
        <v>3272204</v>
      </c>
      <c r="IJ25" s="126">
        <v>3272204</v>
      </c>
      <c r="IK25" s="215">
        <v>0</v>
      </c>
      <c r="IL25" s="219">
        <v>0</v>
      </c>
      <c r="IM25" s="220">
        <v>0</v>
      </c>
      <c r="IN25" s="470">
        <v>0</v>
      </c>
      <c r="IO25" s="109">
        <v>0</v>
      </c>
      <c r="IP25" s="109">
        <v>0</v>
      </c>
      <c r="IQ25" s="109">
        <v>0</v>
      </c>
      <c r="IR25" s="109">
        <v>0</v>
      </c>
      <c r="IS25" s="109">
        <v>0</v>
      </c>
      <c r="IT25" s="128">
        <v>0</v>
      </c>
      <c r="IU25" s="292">
        <v>0</v>
      </c>
      <c r="IV25" s="129">
        <v>0</v>
      </c>
      <c r="IW25" s="109">
        <v>0</v>
      </c>
      <c r="IX25" s="110">
        <v>0</v>
      </c>
      <c r="IY25" s="470">
        <v>0</v>
      </c>
      <c r="IZ25" s="109">
        <v>0</v>
      </c>
      <c r="JA25" s="109">
        <v>0</v>
      </c>
      <c r="JB25" s="109">
        <v>0</v>
      </c>
      <c r="JC25" s="109">
        <v>0</v>
      </c>
      <c r="JD25" s="109">
        <v>0</v>
      </c>
      <c r="JE25" s="110">
        <v>0</v>
      </c>
      <c r="JF25" s="111">
        <v>0</v>
      </c>
      <c r="JG25" s="129">
        <v>0</v>
      </c>
      <c r="JH25" s="109">
        <v>0</v>
      </c>
      <c r="JI25" s="128">
        <v>0</v>
      </c>
      <c r="JJ25" s="108">
        <v>0</v>
      </c>
      <c r="JK25" s="109">
        <v>325266</v>
      </c>
      <c r="JL25" s="109">
        <v>480904</v>
      </c>
      <c r="JM25" s="109">
        <v>458680</v>
      </c>
      <c r="JN25" s="109">
        <v>64926</v>
      </c>
      <c r="JO25" s="109">
        <v>157012</v>
      </c>
      <c r="JP25" s="110">
        <v>1486788</v>
      </c>
      <c r="JQ25" s="292">
        <v>1486788</v>
      </c>
      <c r="JR25" s="129">
        <v>0</v>
      </c>
      <c r="JS25" s="109">
        <v>0</v>
      </c>
      <c r="JT25" s="128">
        <v>0</v>
      </c>
      <c r="JU25" s="108">
        <v>0</v>
      </c>
      <c r="JV25" s="109">
        <v>0</v>
      </c>
      <c r="JW25" s="109">
        <v>0</v>
      </c>
      <c r="JX25" s="109">
        <v>0</v>
      </c>
      <c r="JY25" s="109">
        <v>0</v>
      </c>
      <c r="JZ25" s="109">
        <v>0</v>
      </c>
      <c r="KA25" s="110">
        <v>0</v>
      </c>
      <c r="KB25" s="292">
        <v>0</v>
      </c>
      <c r="KC25" s="217">
        <v>0</v>
      </c>
      <c r="KD25" s="213">
        <v>0</v>
      </c>
      <c r="KE25" s="110">
        <v>0</v>
      </c>
      <c r="KF25" s="108">
        <v>0</v>
      </c>
      <c r="KG25" s="109">
        <v>0</v>
      </c>
      <c r="KH25" s="109">
        <v>0</v>
      </c>
      <c r="KI25" s="109">
        <v>239235</v>
      </c>
      <c r="KJ25" s="109">
        <v>0</v>
      </c>
      <c r="KK25" s="109">
        <v>0</v>
      </c>
      <c r="KL25" s="110">
        <v>239235</v>
      </c>
      <c r="KM25" s="130">
        <v>239235</v>
      </c>
      <c r="KN25" s="215">
        <v>0</v>
      </c>
      <c r="KO25" s="219">
        <v>0</v>
      </c>
      <c r="KP25" s="220">
        <v>0</v>
      </c>
      <c r="KQ25" s="470">
        <v>0</v>
      </c>
      <c r="KR25" s="109">
        <v>239612</v>
      </c>
      <c r="KS25" s="109">
        <v>507909</v>
      </c>
      <c r="KT25" s="109">
        <v>530936</v>
      </c>
      <c r="KU25" s="109">
        <v>0</v>
      </c>
      <c r="KV25" s="109">
        <v>267724</v>
      </c>
      <c r="KW25" s="110">
        <v>1546181</v>
      </c>
      <c r="KX25" s="292">
        <v>1546181</v>
      </c>
      <c r="KY25" s="129">
        <v>0</v>
      </c>
      <c r="KZ25" s="109">
        <v>0</v>
      </c>
      <c r="LA25" s="110">
        <v>0</v>
      </c>
      <c r="LB25" s="470">
        <v>0</v>
      </c>
      <c r="LC25" s="109">
        <v>0</v>
      </c>
      <c r="LD25" s="109">
        <v>0</v>
      </c>
      <c r="LE25" s="109">
        <v>0</v>
      </c>
      <c r="LF25" s="109">
        <v>0</v>
      </c>
      <c r="LG25" s="109">
        <v>0</v>
      </c>
      <c r="LH25" s="110">
        <v>0</v>
      </c>
      <c r="LI25" s="111">
        <v>0</v>
      </c>
      <c r="LJ25" s="129">
        <v>0</v>
      </c>
      <c r="LK25" s="109">
        <v>0</v>
      </c>
      <c r="LL25" s="110">
        <v>0</v>
      </c>
      <c r="LM25" s="470">
        <v>0</v>
      </c>
      <c r="LN25" s="109">
        <v>0</v>
      </c>
      <c r="LO25" s="109">
        <v>0</v>
      </c>
      <c r="LP25" s="109">
        <v>0</v>
      </c>
      <c r="LQ25" s="109">
        <v>0</v>
      </c>
      <c r="LR25" s="109">
        <v>0</v>
      </c>
      <c r="LS25" s="110">
        <v>0</v>
      </c>
      <c r="LT25" s="292">
        <v>0</v>
      </c>
      <c r="LU25" s="129">
        <v>0</v>
      </c>
      <c r="LV25" s="109">
        <v>0</v>
      </c>
      <c r="LW25" s="110">
        <v>0</v>
      </c>
      <c r="LX25" s="470">
        <v>0</v>
      </c>
      <c r="LY25" s="109">
        <v>0</v>
      </c>
      <c r="LZ25" s="109">
        <v>0</v>
      </c>
      <c r="MA25" s="109">
        <v>0</v>
      </c>
      <c r="MB25" s="109">
        <v>0</v>
      </c>
      <c r="MC25" s="109">
        <v>0</v>
      </c>
      <c r="MD25" s="110">
        <v>0</v>
      </c>
      <c r="ME25" s="111">
        <v>0</v>
      </c>
      <c r="MF25" s="129">
        <v>0</v>
      </c>
      <c r="MG25" s="109">
        <v>0</v>
      </c>
      <c r="MH25" s="110">
        <v>0</v>
      </c>
      <c r="MI25" s="470">
        <v>0</v>
      </c>
      <c r="MJ25" s="109">
        <v>367613</v>
      </c>
      <c r="MK25" s="109">
        <v>981953</v>
      </c>
      <c r="ML25" s="109">
        <v>1889730</v>
      </c>
      <c r="MM25" s="109">
        <v>3309158</v>
      </c>
      <c r="MN25" s="109">
        <v>796408</v>
      </c>
      <c r="MO25" s="110">
        <v>7344862</v>
      </c>
      <c r="MP25" s="130">
        <v>7344862</v>
      </c>
      <c r="MQ25" s="129">
        <v>0</v>
      </c>
      <c r="MR25" s="109">
        <v>0</v>
      </c>
      <c r="MS25" s="110">
        <v>0</v>
      </c>
      <c r="MT25" s="470">
        <v>0</v>
      </c>
      <c r="MU25" s="109">
        <v>0</v>
      </c>
      <c r="MV25" s="109">
        <v>251315</v>
      </c>
      <c r="MW25" s="109">
        <v>1573286</v>
      </c>
      <c r="MX25" s="109">
        <v>3261307</v>
      </c>
      <c r="MY25" s="109">
        <v>796408</v>
      </c>
      <c r="MZ25" s="110">
        <v>5882316</v>
      </c>
      <c r="NA25" s="130">
        <v>5882316</v>
      </c>
      <c r="NB25" s="129">
        <v>0</v>
      </c>
      <c r="NC25" s="109">
        <v>0</v>
      </c>
      <c r="ND25" s="110">
        <v>0</v>
      </c>
      <c r="NE25" s="470">
        <v>0</v>
      </c>
      <c r="NF25" s="109">
        <v>367613</v>
      </c>
      <c r="NG25" s="109">
        <v>730638</v>
      </c>
      <c r="NH25" s="109">
        <v>316444</v>
      </c>
      <c r="NI25" s="109">
        <v>47851</v>
      </c>
      <c r="NJ25" s="109">
        <v>0</v>
      </c>
      <c r="NK25" s="110">
        <v>1462546</v>
      </c>
      <c r="NL25" s="292">
        <v>1462546</v>
      </c>
      <c r="NM25" s="129">
        <v>0</v>
      </c>
      <c r="NN25" s="109">
        <v>0</v>
      </c>
      <c r="NO25" s="110">
        <v>0</v>
      </c>
      <c r="NP25" s="470">
        <v>0</v>
      </c>
      <c r="NQ25" s="109">
        <v>0</v>
      </c>
      <c r="NR25" s="109">
        <v>0</v>
      </c>
      <c r="NS25" s="109">
        <v>0</v>
      </c>
      <c r="NT25" s="109">
        <v>0</v>
      </c>
      <c r="NU25" s="109">
        <v>0</v>
      </c>
      <c r="NV25" s="110">
        <v>0</v>
      </c>
      <c r="NW25" s="111">
        <v>0</v>
      </c>
      <c r="NX25" s="129">
        <v>0</v>
      </c>
      <c r="NY25" s="109">
        <v>0</v>
      </c>
      <c r="NZ25" s="110">
        <v>0</v>
      </c>
      <c r="OA25" s="470">
        <v>0</v>
      </c>
      <c r="OB25" s="109">
        <v>0</v>
      </c>
      <c r="OC25" s="109">
        <v>0</v>
      </c>
      <c r="OD25" s="109">
        <v>0</v>
      </c>
      <c r="OE25" s="109">
        <v>0</v>
      </c>
      <c r="OF25" s="109">
        <v>0</v>
      </c>
      <c r="OG25" s="110">
        <v>0</v>
      </c>
      <c r="OH25" s="111">
        <v>0</v>
      </c>
      <c r="OI25" s="129">
        <v>409066</v>
      </c>
      <c r="OJ25" s="109">
        <v>599750</v>
      </c>
      <c r="OK25" s="128">
        <v>1008816</v>
      </c>
      <c r="OL25" s="108">
        <v>0</v>
      </c>
      <c r="OM25" s="109">
        <v>6110127</v>
      </c>
      <c r="ON25" s="109">
        <v>6847465</v>
      </c>
      <c r="OO25" s="109">
        <v>8037190</v>
      </c>
      <c r="OP25" s="109">
        <v>8926343</v>
      </c>
      <c r="OQ25" s="109">
        <v>4866357</v>
      </c>
      <c r="OR25" s="110">
        <v>34787482</v>
      </c>
      <c r="OS25" s="130">
        <v>35796298</v>
      </c>
    </row>
    <row r="26" spans="2:409" ht="21" customHeight="1" x14ac:dyDescent="0.2">
      <c r="B26" s="437" t="s">
        <v>21</v>
      </c>
      <c r="C26" s="100">
        <v>386228</v>
      </c>
      <c r="D26" s="104">
        <v>549557</v>
      </c>
      <c r="E26" s="103">
        <v>935785</v>
      </c>
      <c r="F26" s="99">
        <v>0</v>
      </c>
      <c r="G26" s="104">
        <v>3185712</v>
      </c>
      <c r="H26" s="104">
        <v>4165055</v>
      </c>
      <c r="I26" s="104">
        <v>3486918</v>
      </c>
      <c r="J26" s="104">
        <v>3139219</v>
      </c>
      <c r="K26" s="104">
        <v>3798878</v>
      </c>
      <c r="L26" s="156">
        <v>17775782</v>
      </c>
      <c r="M26" s="106">
        <v>18711567</v>
      </c>
      <c r="N26" s="100">
        <v>149276</v>
      </c>
      <c r="O26" s="104">
        <v>140070</v>
      </c>
      <c r="P26" s="103">
        <v>289346</v>
      </c>
      <c r="Q26" s="100">
        <v>0</v>
      </c>
      <c r="R26" s="104">
        <v>1278080</v>
      </c>
      <c r="S26" s="104">
        <v>1543621</v>
      </c>
      <c r="T26" s="104">
        <v>1122655</v>
      </c>
      <c r="U26" s="104">
        <v>1719658</v>
      </c>
      <c r="V26" s="104">
        <v>1860124</v>
      </c>
      <c r="W26" s="103">
        <v>7524138</v>
      </c>
      <c r="X26" s="106">
        <v>7813484</v>
      </c>
      <c r="Y26" s="100">
        <v>0</v>
      </c>
      <c r="Z26" s="104">
        <v>0</v>
      </c>
      <c r="AA26" s="103">
        <v>0</v>
      </c>
      <c r="AB26" s="100">
        <v>0</v>
      </c>
      <c r="AC26" s="104">
        <v>409125</v>
      </c>
      <c r="AD26" s="104">
        <v>458753</v>
      </c>
      <c r="AE26" s="104">
        <v>668543</v>
      </c>
      <c r="AF26" s="104">
        <v>828927</v>
      </c>
      <c r="AG26" s="104">
        <v>1262785</v>
      </c>
      <c r="AH26" s="103">
        <v>3628133</v>
      </c>
      <c r="AI26" s="106">
        <v>3628133</v>
      </c>
      <c r="AJ26" s="100">
        <v>0</v>
      </c>
      <c r="AK26" s="104">
        <v>0</v>
      </c>
      <c r="AL26" s="103">
        <v>0</v>
      </c>
      <c r="AM26" s="100">
        <v>0</v>
      </c>
      <c r="AN26" s="104">
        <v>13361</v>
      </c>
      <c r="AO26" s="104">
        <v>0</v>
      </c>
      <c r="AP26" s="104">
        <v>0</v>
      </c>
      <c r="AQ26" s="104">
        <v>107076</v>
      </c>
      <c r="AR26" s="104">
        <v>177058</v>
      </c>
      <c r="AS26" s="103">
        <v>297495</v>
      </c>
      <c r="AT26" s="106">
        <v>297495</v>
      </c>
      <c r="AU26" s="100">
        <v>83344</v>
      </c>
      <c r="AV26" s="104">
        <v>96710</v>
      </c>
      <c r="AW26" s="103">
        <v>180054</v>
      </c>
      <c r="AX26" s="100">
        <v>0</v>
      </c>
      <c r="AY26" s="104">
        <v>542142</v>
      </c>
      <c r="AZ26" s="104">
        <v>833534</v>
      </c>
      <c r="BA26" s="104">
        <v>299680</v>
      </c>
      <c r="BB26" s="104">
        <v>611383</v>
      </c>
      <c r="BC26" s="104">
        <v>188957</v>
      </c>
      <c r="BD26" s="103">
        <v>2475696</v>
      </c>
      <c r="BE26" s="106">
        <v>2655750</v>
      </c>
      <c r="BF26" s="100">
        <v>42604</v>
      </c>
      <c r="BG26" s="104">
        <v>0</v>
      </c>
      <c r="BH26" s="102">
        <v>42604</v>
      </c>
      <c r="BI26" s="101">
        <v>0</v>
      </c>
      <c r="BJ26" s="104">
        <v>90628</v>
      </c>
      <c r="BK26" s="104">
        <v>46638</v>
      </c>
      <c r="BL26" s="104">
        <v>0</v>
      </c>
      <c r="BM26" s="104">
        <v>21344</v>
      </c>
      <c r="BN26" s="104">
        <v>31076</v>
      </c>
      <c r="BO26" s="103">
        <v>189686</v>
      </c>
      <c r="BP26" s="106">
        <v>232290</v>
      </c>
      <c r="BQ26" s="100">
        <v>23328</v>
      </c>
      <c r="BR26" s="104">
        <v>43360</v>
      </c>
      <c r="BS26" s="103">
        <v>66688</v>
      </c>
      <c r="BT26" s="100">
        <v>0</v>
      </c>
      <c r="BU26" s="104">
        <v>222824</v>
      </c>
      <c r="BV26" s="104">
        <v>204696</v>
      </c>
      <c r="BW26" s="104">
        <v>154432</v>
      </c>
      <c r="BX26" s="104">
        <v>150928</v>
      </c>
      <c r="BY26" s="104">
        <v>200248</v>
      </c>
      <c r="BZ26" s="103">
        <v>933128</v>
      </c>
      <c r="CA26" s="106">
        <v>999816</v>
      </c>
      <c r="CB26" s="100">
        <v>81164</v>
      </c>
      <c r="CC26" s="104">
        <v>37583</v>
      </c>
      <c r="CD26" s="103">
        <v>118747</v>
      </c>
      <c r="CE26" s="100">
        <v>0</v>
      </c>
      <c r="CF26" s="104">
        <v>1158269</v>
      </c>
      <c r="CG26" s="104">
        <v>1167216</v>
      </c>
      <c r="CH26" s="104">
        <v>813921</v>
      </c>
      <c r="CI26" s="104">
        <v>76652</v>
      </c>
      <c r="CJ26" s="104">
        <v>187942</v>
      </c>
      <c r="CK26" s="103">
        <v>3404000</v>
      </c>
      <c r="CL26" s="106">
        <v>3522747</v>
      </c>
      <c r="CM26" s="100">
        <v>0</v>
      </c>
      <c r="CN26" s="104">
        <v>0</v>
      </c>
      <c r="CO26" s="103">
        <v>0</v>
      </c>
      <c r="CP26" s="101">
        <v>0</v>
      </c>
      <c r="CQ26" s="104">
        <v>830550</v>
      </c>
      <c r="CR26" s="104">
        <v>802984</v>
      </c>
      <c r="CS26" s="104">
        <v>614369</v>
      </c>
      <c r="CT26" s="104">
        <v>76652</v>
      </c>
      <c r="CU26" s="104">
        <v>135614</v>
      </c>
      <c r="CV26" s="103">
        <v>2460169</v>
      </c>
      <c r="CW26" s="106">
        <v>2460169</v>
      </c>
      <c r="CX26" s="100">
        <v>81164</v>
      </c>
      <c r="CY26" s="104">
        <v>37583</v>
      </c>
      <c r="CZ26" s="103">
        <v>118747</v>
      </c>
      <c r="DA26" s="100">
        <v>0</v>
      </c>
      <c r="DB26" s="104">
        <v>327719</v>
      </c>
      <c r="DC26" s="104">
        <v>364232</v>
      </c>
      <c r="DD26" s="104">
        <v>199552</v>
      </c>
      <c r="DE26" s="104">
        <v>0</v>
      </c>
      <c r="DF26" s="104">
        <v>52328</v>
      </c>
      <c r="DG26" s="103">
        <v>943831</v>
      </c>
      <c r="DH26" s="106">
        <v>1062578</v>
      </c>
      <c r="DI26" s="100">
        <v>0</v>
      </c>
      <c r="DJ26" s="104">
        <v>0</v>
      </c>
      <c r="DK26" s="102">
        <v>0</v>
      </c>
      <c r="DL26" s="101">
        <v>0</v>
      </c>
      <c r="DM26" s="104">
        <v>72978</v>
      </c>
      <c r="DN26" s="104">
        <v>149569</v>
      </c>
      <c r="DO26" s="104">
        <v>652332</v>
      </c>
      <c r="DP26" s="104">
        <v>282732</v>
      </c>
      <c r="DQ26" s="104">
        <v>577463</v>
      </c>
      <c r="DR26" s="103">
        <v>1735074</v>
      </c>
      <c r="DS26" s="106">
        <v>1735074</v>
      </c>
      <c r="DT26" s="100">
        <v>0</v>
      </c>
      <c r="DU26" s="104">
        <v>0</v>
      </c>
      <c r="DV26" s="103">
        <v>0</v>
      </c>
      <c r="DW26" s="100">
        <v>0</v>
      </c>
      <c r="DX26" s="104">
        <v>72978</v>
      </c>
      <c r="DY26" s="104">
        <v>131746</v>
      </c>
      <c r="DZ26" s="104">
        <v>652332</v>
      </c>
      <c r="EA26" s="104">
        <v>282732</v>
      </c>
      <c r="EB26" s="104">
        <v>577463</v>
      </c>
      <c r="EC26" s="103">
        <v>1717251</v>
      </c>
      <c r="ED26" s="106">
        <v>1717251</v>
      </c>
      <c r="EE26" s="100">
        <v>0</v>
      </c>
      <c r="EF26" s="102">
        <v>0</v>
      </c>
      <c r="EG26" s="103">
        <v>0</v>
      </c>
      <c r="EH26" s="100">
        <v>0</v>
      </c>
      <c r="EI26" s="104">
        <v>0</v>
      </c>
      <c r="EJ26" s="104">
        <v>17823</v>
      </c>
      <c r="EK26" s="104">
        <v>0</v>
      </c>
      <c r="EL26" s="104">
        <v>0</v>
      </c>
      <c r="EM26" s="104">
        <v>0</v>
      </c>
      <c r="EN26" s="102">
        <v>17823</v>
      </c>
      <c r="EO26" s="106">
        <v>17823</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06">
        <v>0</v>
      </c>
      <c r="FE26" s="104">
        <v>0</v>
      </c>
      <c r="FF26" s="104">
        <v>0</v>
      </c>
      <c r="FG26" s="104">
        <v>0</v>
      </c>
      <c r="FH26" s="104">
        <v>0</v>
      </c>
      <c r="FI26" s="104">
        <v>0</v>
      </c>
      <c r="FJ26" s="103">
        <v>0</v>
      </c>
      <c r="FK26" s="106">
        <v>0</v>
      </c>
      <c r="FL26" s="100">
        <v>155788</v>
      </c>
      <c r="FM26" s="104">
        <v>98088</v>
      </c>
      <c r="FN26" s="103">
        <v>253876</v>
      </c>
      <c r="FO26" s="100">
        <v>0</v>
      </c>
      <c r="FP26" s="104">
        <v>156276</v>
      </c>
      <c r="FQ26" s="104">
        <v>381992</v>
      </c>
      <c r="FR26" s="104">
        <v>304896</v>
      </c>
      <c r="FS26" s="104">
        <v>186288</v>
      </c>
      <c r="FT26" s="104">
        <v>205920</v>
      </c>
      <c r="FU26" s="103">
        <v>1235372</v>
      </c>
      <c r="FV26" s="106">
        <v>1489248</v>
      </c>
      <c r="FW26" s="105">
        <v>81208</v>
      </c>
      <c r="FX26" s="104">
        <v>98088</v>
      </c>
      <c r="FY26" s="102">
        <v>179296</v>
      </c>
      <c r="FZ26" s="101">
        <v>0</v>
      </c>
      <c r="GA26" s="104">
        <v>119800</v>
      </c>
      <c r="GB26" s="104">
        <v>381992</v>
      </c>
      <c r="GC26" s="104">
        <v>304896</v>
      </c>
      <c r="GD26" s="104">
        <v>186288</v>
      </c>
      <c r="GE26" s="104">
        <v>205920</v>
      </c>
      <c r="GF26" s="103">
        <v>1198896</v>
      </c>
      <c r="GG26" s="290">
        <v>1378192</v>
      </c>
      <c r="GH26" s="105">
        <v>21780</v>
      </c>
      <c r="GI26" s="104">
        <v>0</v>
      </c>
      <c r="GJ26" s="102">
        <v>21780</v>
      </c>
      <c r="GK26" s="101">
        <v>0</v>
      </c>
      <c r="GL26" s="104">
        <v>36476</v>
      </c>
      <c r="GM26" s="104">
        <v>0</v>
      </c>
      <c r="GN26" s="104">
        <v>0</v>
      </c>
      <c r="GO26" s="104">
        <v>0</v>
      </c>
      <c r="GP26" s="104">
        <v>0</v>
      </c>
      <c r="GQ26" s="103">
        <v>36476</v>
      </c>
      <c r="GR26" s="106">
        <v>58256</v>
      </c>
      <c r="GS26" s="100">
        <v>52800</v>
      </c>
      <c r="GT26" s="104">
        <v>0</v>
      </c>
      <c r="GU26" s="103">
        <v>52800</v>
      </c>
      <c r="GV26" s="100">
        <v>0</v>
      </c>
      <c r="GW26" s="104">
        <v>0</v>
      </c>
      <c r="GX26" s="104">
        <v>0</v>
      </c>
      <c r="GY26" s="104">
        <v>0</v>
      </c>
      <c r="GZ26" s="104">
        <v>0</v>
      </c>
      <c r="HA26" s="104">
        <v>0</v>
      </c>
      <c r="HB26" s="102">
        <v>0</v>
      </c>
      <c r="HC26" s="106">
        <v>52800</v>
      </c>
      <c r="HD26" s="100">
        <v>0</v>
      </c>
      <c r="HE26" s="104">
        <v>273816</v>
      </c>
      <c r="HF26" s="102">
        <v>273816</v>
      </c>
      <c r="HG26" s="101">
        <v>0</v>
      </c>
      <c r="HH26" s="104">
        <v>520109</v>
      </c>
      <c r="HI26" s="104">
        <v>922657</v>
      </c>
      <c r="HJ26" s="104">
        <v>593114</v>
      </c>
      <c r="HK26" s="104">
        <v>873889</v>
      </c>
      <c r="HL26" s="104">
        <v>967429</v>
      </c>
      <c r="HM26" s="103">
        <v>3877198</v>
      </c>
      <c r="HN26" s="99">
        <v>4151014</v>
      </c>
      <c r="HO26" s="456">
        <v>0</v>
      </c>
      <c r="HP26" s="457">
        <v>0</v>
      </c>
      <c r="HQ26" s="458">
        <v>0</v>
      </c>
      <c r="HR26" s="459">
        <v>0</v>
      </c>
      <c r="HS26" s="457">
        <v>0</v>
      </c>
      <c r="HT26" s="457">
        <v>0</v>
      </c>
      <c r="HU26" s="457">
        <v>0</v>
      </c>
      <c r="HV26" s="457">
        <v>0</v>
      </c>
      <c r="HW26" s="457">
        <v>0</v>
      </c>
      <c r="HX26" s="460">
        <v>0</v>
      </c>
      <c r="HY26" s="461">
        <v>0</v>
      </c>
      <c r="HZ26" s="135">
        <v>0</v>
      </c>
      <c r="IA26" s="122">
        <v>0</v>
      </c>
      <c r="IB26" s="135">
        <v>0</v>
      </c>
      <c r="IC26" s="121">
        <v>0</v>
      </c>
      <c r="ID26" s="122">
        <v>1027911</v>
      </c>
      <c r="IE26" s="123">
        <v>730376</v>
      </c>
      <c r="IF26" s="124">
        <v>883365</v>
      </c>
      <c r="IG26" s="122">
        <v>173075</v>
      </c>
      <c r="IH26" s="124">
        <v>0</v>
      </c>
      <c r="II26" s="125">
        <v>2814727</v>
      </c>
      <c r="IJ26" s="135">
        <v>2814727</v>
      </c>
      <c r="IK26" s="215">
        <v>0</v>
      </c>
      <c r="IL26" s="219">
        <v>0</v>
      </c>
      <c r="IM26" s="220">
        <v>0</v>
      </c>
      <c r="IN26" s="470">
        <v>0</v>
      </c>
      <c r="IO26" s="109">
        <v>0</v>
      </c>
      <c r="IP26" s="109">
        <v>0</v>
      </c>
      <c r="IQ26" s="109">
        <v>0</v>
      </c>
      <c r="IR26" s="109">
        <v>0</v>
      </c>
      <c r="IS26" s="109">
        <v>0</v>
      </c>
      <c r="IT26" s="128">
        <v>0</v>
      </c>
      <c r="IU26" s="292">
        <v>0</v>
      </c>
      <c r="IV26" s="129">
        <v>0</v>
      </c>
      <c r="IW26" s="109">
        <v>0</v>
      </c>
      <c r="IX26" s="110">
        <v>0</v>
      </c>
      <c r="IY26" s="470">
        <v>0</v>
      </c>
      <c r="IZ26" s="109">
        <v>0</v>
      </c>
      <c r="JA26" s="109">
        <v>0</v>
      </c>
      <c r="JB26" s="109">
        <v>0</v>
      </c>
      <c r="JC26" s="109">
        <v>0</v>
      </c>
      <c r="JD26" s="109">
        <v>0</v>
      </c>
      <c r="JE26" s="110">
        <v>0</v>
      </c>
      <c r="JF26" s="111">
        <v>0</v>
      </c>
      <c r="JG26" s="129">
        <v>0</v>
      </c>
      <c r="JH26" s="109">
        <v>0</v>
      </c>
      <c r="JI26" s="128">
        <v>0</v>
      </c>
      <c r="JJ26" s="108">
        <v>0</v>
      </c>
      <c r="JK26" s="109">
        <v>550389</v>
      </c>
      <c r="JL26" s="109">
        <v>222474</v>
      </c>
      <c r="JM26" s="109">
        <v>146498</v>
      </c>
      <c r="JN26" s="109">
        <v>173075</v>
      </c>
      <c r="JO26" s="109">
        <v>0</v>
      </c>
      <c r="JP26" s="110">
        <v>1092436</v>
      </c>
      <c r="JQ26" s="292">
        <v>1092436</v>
      </c>
      <c r="JR26" s="129">
        <v>0</v>
      </c>
      <c r="JS26" s="109">
        <v>0</v>
      </c>
      <c r="JT26" s="128">
        <v>0</v>
      </c>
      <c r="JU26" s="108">
        <v>0</v>
      </c>
      <c r="JV26" s="109">
        <v>0</v>
      </c>
      <c r="JW26" s="109">
        <v>0</v>
      </c>
      <c r="JX26" s="109">
        <v>0</v>
      </c>
      <c r="JY26" s="109">
        <v>0</v>
      </c>
      <c r="JZ26" s="109">
        <v>0</v>
      </c>
      <c r="KA26" s="110">
        <v>0</v>
      </c>
      <c r="KB26" s="292">
        <v>0</v>
      </c>
      <c r="KC26" s="217">
        <v>0</v>
      </c>
      <c r="KD26" s="213">
        <v>0</v>
      </c>
      <c r="KE26" s="110">
        <v>0</v>
      </c>
      <c r="KF26" s="108">
        <v>0</v>
      </c>
      <c r="KG26" s="109">
        <v>0</v>
      </c>
      <c r="KH26" s="109">
        <v>0</v>
      </c>
      <c r="KI26" s="109">
        <v>226056</v>
      </c>
      <c r="KJ26" s="109">
        <v>0</v>
      </c>
      <c r="KK26" s="109">
        <v>0</v>
      </c>
      <c r="KL26" s="110">
        <v>226056</v>
      </c>
      <c r="KM26" s="130">
        <v>226056</v>
      </c>
      <c r="KN26" s="215">
        <v>0</v>
      </c>
      <c r="KO26" s="219">
        <v>0</v>
      </c>
      <c r="KP26" s="220">
        <v>0</v>
      </c>
      <c r="KQ26" s="470">
        <v>0</v>
      </c>
      <c r="KR26" s="109">
        <v>477522</v>
      </c>
      <c r="KS26" s="109">
        <v>507902</v>
      </c>
      <c r="KT26" s="109">
        <v>510811</v>
      </c>
      <c r="KU26" s="109">
        <v>0</v>
      </c>
      <c r="KV26" s="109">
        <v>0</v>
      </c>
      <c r="KW26" s="110">
        <v>1496235</v>
      </c>
      <c r="KX26" s="292">
        <v>1496235</v>
      </c>
      <c r="KY26" s="129">
        <v>0</v>
      </c>
      <c r="KZ26" s="109">
        <v>0</v>
      </c>
      <c r="LA26" s="110">
        <v>0</v>
      </c>
      <c r="LB26" s="470">
        <v>0</v>
      </c>
      <c r="LC26" s="109">
        <v>0</v>
      </c>
      <c r="LD26" s="109">
        <v>0</v>
      </c>
      <c r="LE26" s="109">
        <v>0</v>
      </c>
      <c r="LF26" s="109">
        <v>0</v>
      </c>
      <c r="LG26" s="109">
        <v>0</v>
      </c>
      <c r="LH26" s="110">
        <v>0</v>
      </c>
      <c r="LI26" s="111">
        <v>0</v>
      </c>
      <c r="LJ26" s="129">
        <v>0</v>
      </c>
      <c r="LK26" s="109">
        <v>0</v>
      </c>
      <c r="LL26" s="110">
        <v>0</v>
      </c>
      <c r="LM26" s="470">
        <v>0</v>
      </c>
      <c r="LN26" s="109">
        <v>0</v>
      </c>
      <c r="LO26" s="109">
        <v>0</v>
      </c>
      <c r="LP26" s="109">
        <v>0</v>
      </c>
      <c r="LQ26" s="109">
        <v>0</v>
      </c>
      <c r="LR26" s="109">
        <v>0</v>
      </c>
      <c r="LS26" s="110">
        <v>0</v>
      </c>
      <c r="LT26" s="292">
        <v>0</v>
      </c>
      <c r="LU26" s="129">
        <v>0</v>
      </c>
      <c r="LV26" s="109">
        <v>0</v>
      </c>
      <c r="LW26" s="110">
        <v>0</v>
      </c>
      <c r="LX26" s="470">
        <v>0</v>
      </c>
      <c r="LY26" s="109">
        <v>0</v>
      </c>
      <c r="LZ26" s="109">
        <v>0</v>
      </c>
      <c r="MA26" s="109">
        <v>0</v>
      </c>
      <c r="MB26" s="109">
        <v>0</v>
      </c>
      <c r="MC26" s="109">
        <v>0</v>
      </c>
      <c r="MD26" s="110">
        <v>0</v>
      </c>
      <c r="ME26" s="111">
        <v>0</v>
      </c>
      <c r="MF26" s="129">
        <v>0</v>
      </c>
      <c r="MG26" s="109">
        <v>0</v>
      </c>
      <c r="MH26" s="110">
        <v>0</v>
      </c>
      <c r="MI26" s="470">
        <v>0</v>
      </c>
      <c r="MJ26" s="109">
        <v>0</v>
      </c>
      <c r="MK26" s="109">
        <v>81058</v>
      </c>
      <c r="ML26" s="109">
        <v>1897515</v>
      </c>
      <c r="MM26" s="109">
        <v>3010441</v>
      </c>
      <c r="MN26" s="109">
        <v>2719101</v>
      </c>
      <c r="MO26" s="110">
        <v>7708115</v>
      </c>
      <c r="MP26" s="130">
        <v>7708115</v>
      </c>
      <c r="MQ26" s="129">
        <v>0</v>
      </c>
      <c r="MR26" s="109">
        <v>0</v>
      </c>
      <c r="MS26" s="110">
        <v>0</v>
      </c>
      <c r="MT26" s="470">
        <v>0</v>
      </c>
      <c r="MU26" s="109">
        <v>0</v>
      </c>
      <c r="MV26" s="109">
        <v>0</v>
      </c>
      <c r="MW26" s="109">
        <v>1013806</v>
      </c>
      <c r="MX26" s="109">
        <v>3010441</v>
      </c>
      <c r="MY26" s="109">
        <v>2695765</v>
      </c>
      <c r="MZ26" s="110">
        <v>6720012</v>
      </c>
      <c r="NA26" s="130">
        <v>6720012</v>
      </c>
      <c r="NB26" s="129">
        <v>0</v>
      </c>
      <c r="NC26" s="109">
        <v>0</v>
      </c>
      <c r="ND26" s="110">
        <v>0</v>
      </c>
      <c r="NE26" s="470">
        <v>0</v>
      </c>
      <c r="NF26" s="109">
        <v>0</v>
      </c>
      <c r="NG26" s="109">
        <v>81058</v>
      </c>
      <c r="NH26" s="109">
        <v>883709</v>
      </c>
      <c r="NI26" s="109">
        <v>0</v>
      </c>
      <c r="NJ26" s="109">
        <v>0</v>
      </c>
      <c r="NK26" s="110">
        <v>964767</v>
      </c>
      <c r="NL26" s="292">
        <v>964767</v>
      </c>
      <c r="NM26" s="129">
        <v>0</v>
      </c>
      <c r="NN26" s="109">
        <v>0</v>
      </c>
      <c r="NO26" s="110">
        <v>0</v>
      </c>
      <c r="NP26" s="470">
        <v>0</v>
      </c>
      <c r="NQ26" s="109">
        <v>0</v>
      </c>
      <c r="NR26" s="109">
        <v>0</v>
      </c>
      <c r="NS26" s="109">
        <v>0</v>
      </c>
      <c r="NT26" s="109">
        <v>0</v>
      </c>
      <c r="NU26" s="109">
        <v>0</v>
      </c>
      <c r="NV26" s="110">
        <v>0</v>
      </c>
      <c r="NW26" s="111">
        <v>0</v>
      </c>
      <c r="NX26" s="129">
        <v>0</v>
      </c>
      <c r="NY26" s="109">
        <v>0</v>
      </c>
      <c r="NZ26" s="110">
        <v>0</v>
      </c>
      <c r="OA26" s="470">
        <v>0</v>
      </c>
      <c r="OB26" s="109">
        <v>0</v>
      </c>
      <c r="OC26" s="109">
        <v>0</v>
      </c>
      <c r="OD26" s="109">
        <v>0</v>
      </c>
      <c r="OE26" s="109">
        <v>0</v>
      </c>
      <c r="OF26" s="109">
        <v>23336</v>
      </c>
      <c r="OG26" s="110">
        <v>23336</v>
      </c>
      <c r="OH26" s="111">
        <v>23336</v>
      </c>
      <c r="OI26" s="129">
        <v>386228</v>
      </c>
      <c r="OJ26" s="109">
        <v>549557</v>
      </c>
      <c r="OK26" s="128">
        <v>935785</v>
      </c>
      <c r="OL26" s="108">
        <v>0</v>
      </c>
      <c r="OM26" s="109">
        <v>4213623</v>
      </c>
      <c r="ON26" s="109">
        <v>4976489</v>
      </c>
      <c r="OO26" s="109">
        <v>6267798</v>
      </c>
      <c r="OP26" s="109">
        <v>6322735</v>
      </c>
      <c r="OQ26" s="109">
        <v>6517979</v>
      </c>
      <c r="OR26" s="110">
        <v>28298624</v>
      </c>
      <c r="OS26" s="130">
        <v>29234409</v>
      </c>
    </row>
    <row r="27" spans="2:409" ht="21" customHeight="1" x14ac:dyDescent="0.2">
      <c r="B27" s="437" t="s">
        <v>22</v>
      </c>
      <c r="C27" s="100">
        <v>35984</v>
      </c>
      <c r="D27" s="104">
        <v>216173</v>
      </c>
      <c r="E27" s="103">
        <v>252157</v>
      </c>
      <c r="F27" s="99">
        <v>0</v>
      </c>
      <c r="G27" s="104">
        <v>3324234</v>
      </c>
      <c r="H27" s="104">
        <v>2206351</v>
      </c>
      <c r="I27" s="104">
        <v>1681038</v>
      </c>
      <c r="J27" s="104">
        <v>1027317</v>
      </c>
      <c r="K27" s="104">
        <v>647065</v>
      </c>
      <c r="L27" s="156">
        <v>8886005</v>
      </c>
      <c r="M27" s="106">
        <v>9138162</v>
      </c>
      <c r="N27" s="100">
        <v>13040</v>
      </c>
      <c r="O27" s="104">
        <v>39817</v>
      </c>
      <c r="P27" s="103">
        <v>52857</v>
      </c>
      <c r="Q27" s="100">
        <v>0</v>
      </c>
      <c r="R27" s="104">
        <v>803461</v>
      </c>
      <c r="S27" s="104">
        <v>889836</v>
      </c>
      <c r="T27" s="104">
        <v>128524</v>
      </c>
      <c r="U27" s="104">
        <v>90408</v>
      </c>
      <c r="V27" s="104">
        <v>192928</v>
      </c>
      <c r="W27" s="103">
        <v>2105157</v>
      </c>
      <c r="X27" s="106">
        <v>2158014</v>
      </c>
      <c r="Y27" s="100">
        <v>0</v>
      </c>
      <c r="Z27" s="104">
        <v>0</v>
      </c>
      <c r="AA27" s="103">
        <v>0</v>
      </c>
      <c r="AB27" s="100">
        <v>0</v>
      </c>
      <c r="AC27" s="104">
        <v>464079</v>
      </c>
      <c r="AD27" s="104">
        <v>518617</v>
      </c>
      <c r="AE27" s="104">
        <v>0</v>
      </c>
      <c r="AF27" s="104">
        <v>19080</v>
      </c>
      <c r="AG27" s="104">
        <v>93304</v>
      </c>
      <c r="AH27" s="103">
        <v>1095080</v>
      </c>
      <c r="AI27" s="106">
        <v>1095080</v>
      </c>
      <c r="AJ27" s="100">
        <v>0</v>
      </c>
      <c r="AK27" s="104">
        <v>0</v>
      </c>
      <c r="AL27" s="103">
        <v>0</v>
      </c>
      <c r="AM27" s="100">
        <v>0</v>
      </c>
      <c r="AN27" s="104">
        <v>80712</v>
      </c>
      <c r="AO27" s="104">
        <v>0</v>
      </c>
      <c r="AP27" s="104">
        <v>0</v>
      </c>
      <c r="AQ27" s="104">
        <v>0</v>
      </c>
      <c r="AR27" s="104">
        <v>0</v>
      </c>
      <c r="AS27" s="103">
        <v>80712</v>
      </c>
      <c r="AT27" s="106">
        <v>80712</v>
      </c>
      <c r="AU27" s="100">
        <v>0</v>
      </c>
      <c r="AV27" s="104">
        <v>39817</v>
      </c>
      <c r="AW27" s="103">
        <v>39817</v>
      </c>
      <c r="AX27" s="100">
        <v>0</v>
      </c>
      <c r="AY27" s="104">
        <v>145622</v>
      </c>
      <c r="AZ27" s="104">
        <v>200258</v>
      </c>
      <c r="BA27" s="104">
        <v>106124</v>
      </c>
      <c r="BB27" s="104">
        <v>0</v>
      </c>
      <c r="BC27" s="104">
        <v>67048</v>
      </c>
      <c r="BD27" s="103">
        <v>519052</v>
      </c>
      <c r="BE27" s="106">
        <v>558869</v>
      </c>
      <c r="BF27" s="100">
        <v>0</v>
      </c>
      <c r="BG27" s="104">
        <v>0</v>
      </c>
      <c r="BH27" s="102">
        <v>0</v>
      </c>
      <c r="BI27" s="101">
        <v>0</v>
      </c>
      <c r="BJ27" s="104">
        <v>0</v>
      </c>
      <c r="BK27" s="104">
        <v>62793</v>
      </c>
      <c r="BL27" s="104">
        <v>0</v>
      </c>
      <c r="BM27" s="104">
        <v>0</v>
      </c>
      <c r="BN27" s="104">
        <v>0</v>
      </c>
      <c r="BO27" s="103">
        <v>62793</v>
      </c>
      <c r="BP27" s="106">
        <v>62793</v>
      </c>
      <c r="BQ27" s="100">
        <v>13040</v>
      </c>
      <c r="BR27" s="104">
        <v>0</v>
      </c>
      <c r="BS27" s="103">
        <v>13040</v>
      </c>
      <c r="BT27" s="100">
        <v>0</v>
      </c>
      <c r="BU27" s="104">
        <v>113048</v>
      </c>
      <c r="BV27" s="104">
        <v>108168</v>
      </c>
      <c r="BW27" s="104">
        <v>22400</v>
      </c>
      <c r="BX27" s="104">
        <v>71328</v>
      </c>
      <c r="BY27" s="104">
        <v>32576</v>
      </c>
      <c r="BZ27" s="103">
        <v>347520</v>
      </c>
      <c r="CA27" s="106">
        <v>360560</v>
      </c>
      <c r="CB27" s="100">
        <v>18544</v>
      </c>
      <c r="CC27" s="104">
        <v>27712</v>
      </c>
      <c r="CD27" s="103">
        <v>46256</v>
      </c>
      <c r="CE27" s="100">
        <v>0</v>
      </c>
      <c r="CF27" s="104">
        <v>1194820</v>
      </c>
      <c r="CG27" s="104">
        <v>347288</v>
      </c>
      <c r="CH27" s="104">
        <v>897914</v>
      </c>
      <c r="CI27" s="104">
        <v>56824</v>
      </c>
      <c r="CJ27" s="104">
        <v>84640</v>
      </c>
      <c r="CK27" s="103">
        <v>2581486</v>
      </c>
      <c r="CL27" s="106">
        <v>2627742</v>
      </c>
      <c r="CM27" s="100">
        <v>0</v>
      </c>
      <c r="CN27" s="104">
        <v>0</v>
      </c>
      <c r="CO27" s="103">
        <v>0</v>
      </c>
      <c r="CP27" s="101">
        <v>0</v>
      </c>
      <c r="CQ27" s="104">
        <v>853665</v>
      </c>
      <c r="CR27" s="104">
        <v>278168</v>
      </c>
      <c r="CS27" s="104">
        <v>597877</v>
      </c>
      <c r="CT27" s="104">
        <v>9928</v>
      </c>
      <c r="CU27" s="104">
        <v>71776</v>
      </c>
      <c r="CV27" s="103">
        <v>1811414</v>
      </c>
      <c r="CW27" s="106">
        <v>1811414</v>
      </c>
      <c r="CX27" s="100">
        <v>18544</v>
      </c>
      <c r="CY27" s="104">
        <v>27712</v>
      </c>
      <c r="CZ27" s="103">
        <v>46256</v>
      </c>
      <c r="DA27" s="100">
        <v>0</v>
      </c>
      <c r="DB27" s="104">
        <v>341155</v>
      </c>
      <c r="DC27" s="104">
        <v>69120</v>
      </c>
      <c r="DD27" s="104">
        <v>300037</v>
      </c>
      <c r="DE27" s="104">
        <v>46896</v>
      </c>
      <c r="DF27" s="104">
        <v>12864</v>
      </c>
      <c r="DG27" s="103">
        <v>770072</v>
      </c>
      <c r="DH27" s="106">
        <v>816328</v>
      </c>
      <c r="DI27" s="100">
        <v>0</v>
      </c>
      <c r="DJ27" s="104">
        <v>0</v>
      </c>
      <c r="DK27" s="102">
        <v>0</v>
      </c>
      <c r="DL27" s="101">
        <v>0</v>
      </c>
      <c r="DM27" s="104">
        <v>178191</v>
      </c>
      <c r="DN27" s="104">
        <v>23783</v>
      </c>
      <c r="DO27" s="104">
        <v>95033</v>
      </c>
      <c r="DP27" s="104">
        <v>401781</v>
      </c>
      <c r="DQ27" s="104">
        <v>61907</v>
      </c>
      <c r="DR27" s="103">
        <v>760695</v>
      </c>
      <c r="DS27" s="106">
        <v>760695</v>
      </c>
      <c r="DT27" s="100">
        <v>0</v>
      </c>
      <c r="DU27" s="104">
        <v>0</v>
      </c>
      <c r="DV27" s="103">
        <v>0</v>
      </c>
      <c r="DW27" s="100">
        <v>0</v>
      </c>
      <c r="DX27" s="104">
        <v>150495</v>
      </c>
      <c r="DY27" s="104">
        <v>23783</v>
      </c>
      <c r="DZ27" s="104">
        <v>19167</v>
      </c>
      <c r="EA27" s="104">
        <v>401781</v>
      </c>
      <c r="EB27" s="104">
        <v>61907</v>
      </c>
      <c r="EC27" s="103">
        <v>657133</v>
      </c>
      <c r="ED27" s="106">
        <v>657133</v>
      </c>
      <c r="EE27" s="100">
        <v>0</v>
      </c>
      <c r="EF27" s="102">
        <v>0</v>
      </c>
      <c r="EG27" s="103">
        <v>0</v>
      </c>
      <c r="EH27" s="100">
        <v>0</v>
      </c>
      <c r="EI27" s="104">
        <v>27696</v>
      </c>
      <c r="EJ27" s="104">
        <v>0</v>
      </c>
      <c r="EK27" s="104">
        <v>75866</v>
      </c>
      <c r="EL27" s="104">
        <v>0</v>
      </c>
      <c r="EM27" s="104">
        <v>0</v>
      </c>
      <c r="EN27" s="102">
        <v>103562</v>
      </c>
      <c r="EO27" s="106">
        <v>103562</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06">
        <v>0</v>
      </c>
      <c r="FE27" s="104">
        <v>0</v>
      </c>
      <c r="FF27" s="104">
        <v>0</v>
      </c>
      <c r="FG27" s="104">
        <v>0</v>
      </c>
      <c r="FH27" s="104">
        <v>0</v>
      </c>
      <c r="FI27" s="104">
        <v>0</v>
      </c>
      <c r="FJ27" s="103">
        <v>0</v>
      </c>
      <c r="FK27" s="106">
        <v>0</v>
      </c>
      <c r="FL27" s="100">
        <v>4400</v>
      </c>
      <c r="FM27" s="104">
        <v>48392</v>
      </c>
      <c r="FN27" s="103">
        <v>52792</v>
      </c>
      <c r="FO27" s="100">
        <v>0</v>
      </c>
      <c r="FP27" s="104">
        <v>178488</v>
      </c>
      <c r="FQ27" s="104">
        <v>264484</v>
      </c>
      <c r="FR27" s="104">
        <v>158848</v>
      </c>
      <c r="FS27" s="104">
        <v>60896</v>
      </c>
      <c r="FT27" s="104">
        <v>69272</v>
      </c>
      <c r="FU27" s="103">
        <v>731988</v>
      </c>
      <c r="FV27" s="106">
        <v>784780</v>
      </c>
      <c r="FW27" s="105">
        <v>4400</v>
      </c>
      <c r="FX27" s="104">
        <v>48392</v>
      </c>
      <c r="FY27" s="102">
        <v>52792</v>
      </c>
      <c r="FZ27" s="101">
        <v>0</v>
      </c>
      <c r="GA27" s="104">
        <v>178488</v>
      </c>
      <c r="GB27" s="104">
        <v>238872</v>
      </c>
      <c r="GC27" s="104">
        <v>158848</v>
      </c>
      <c r="GD27" s="104">
        <v>60896</v>
      </c>
      <c r="GE27" s="104">
        <v>69272</v>
      </c>
      <c r="GF27" s="103">
        <v>706376</v>
      </c>
      <c r="GG27" s="290">
        <v>759168</v>
      </c>
      <c r="GH27" s="105">
        <v>0</v>
      </c>
      <c r="GI27" s="104">
        <v>0</v>
      </c>
      <c r="GJ27" s="102">
        <v>0</v>
      </c>
      <c r="GK27" s="101">
        <v>0</v>
      </c>
      <c r="GL27" s="104">
        <v>0</v>
      </c>
      <c r="GM27" s="104">
        <v>12812</v>
      </c>
      <c r="GN27" s="104">
        <v>0</v>
      </c>
      <c r="GO27" s="104">
        <v>0</v>
      </c>
      <c r="GP27" s="104">
        <v>0</v>
      </c>
      <c r="GQ27" s="103">
        <v>12812</v>
      </c>
      <c r="GR27" s="106">
        <v>12812</v>
      </c>
      <c r="GS27" s="100">
        <v>0</v>
      </c>
      <c r="GT27" s="104">
        <v>0</v>
      </c>
      <c r="GU27" s="103">
        <v>0</v>
      </c>
      <c r="GV27" s="100">
        <v>0</v>
      </c>
      <c r="GW27" s="104">
        <v>0</v>
      </c>
      <c r="GX27" s="104">
        <v>12800</v>
      </c>
      <c r="GY27" s="104">
        <v>0</v>
      </c>
      <c r="GZ27" s="104">
        <v>0</v>
      </c>
      <c r="HA27" s="104">
        <v>0</v>
      </c>
      <c r="HB27" s="102">
        <v>12800</v>
      </c>
      <c r="HC27" s="106">
        <v>12800</v>
      </c>
      <c r="HD27" s="100">
        <v>0</v>
      </c>
      <c r="HE27" s="104">
        <v>100252</v>
      </c>
      <c r="HF27" s="102">
        <v>100252</v>
      </c>
      <c r="HG27" s="101">
        <v>0</v>
      </c>
      <c r="HH27" s="104">
        <v>969274</v>
      </c>
      <c r="HI27" s="104">
        <v>680960</v>
      </c>
      <c r="HJ27" s="104">
        <v>400719</v>
      </c>
      <c r="HK27" s="104">
        <v>417408</v>
      </c>
      <c r="HL27" s="104">
        <v>238318</v>
      </c>
      <c r="HM27" s="103">
        <v>2706679</v>
      </c>
      <c r="HN27" s="99">
        <v>2806931</v>
      </c>
      <c r="HO27" s="456">
        <v>0</v>
      </c>
      <c r="HP27" s="457">
        <v>0</v>
      </c>
      <c r="HQ27" s="458">
        <v>0</v>
      </c>
      <c r="HR27" s="459">
        <v>0</v>
      </c>
      <c r="HS27" s="457">
        <v>0</v>
      </c>
      <c r="HT27" s="457">
        <v>0</v>
      </c>
      <c r="HU27" s="457">
        <v>0</v>
      </c>
      <c r="HV27" s="457">
        <v>0</v>
      </c>
      <c r="HW27" s="457">
        <v>0</v>
      </c>
      <c r="HX27" s="460">
        <v>0</v>
      </c>
      <c r="HY27" s="461">
        <v>0</v>
      </c>
      <c r="HZ27" s="118">
        <v>0</v>
      </c>
      <c r="IA27" s="119">
        <v>0</v>
      </c>
      <c r="IB27" s="120">
        <v>0</v>
      </c>
      <c r="IC27" s="131">
        <v>0</v>
      </c>
      <c r="ID27" s="119">
        <v>553758</v>
      </c>
      <c r="IE27" s="132">
        <v>957296</v>
      </c>
      <c r="IF27" s="120">
        <v>786371</v>
      </c>
      <c r="IG27" s="119">
        <v>936712</v>
      </c>
      <c r="IH27" s="120">
        <v>0</v>
      </c>
      <c r="II27" s="133">
        <v>3234137</v>
      </c>
      <c r="IJ27" s="126">
        <v>3234137</v>
      </c>
      <c r="IK27" s="215">
        <v>0</v>
      </c>
      <c r="IL27" s="219">
        <v>0</v>
      </c>
      <c r="IM27" s="220">
        <v>0</v>
      </c>
      <c r="IN27" s="470">
        <v>0</v>
      </c>
      <c r="IO27" s="109">
        <v>0</v>
      </c>
      <c r="IP27" s="109">
        <v>205360</v>
      </c>
      <c r="IQ27" s="109">
        <v>0</v>
      </c>
      <c r="IR27" s="109">
        <v>0</v>
      </c>
      <c r="IS27" s="109">
        <v>0</v>
      </c>
      <c r="IT27" s="128">
        <v>205360</v>
      </c>
      <c r="IU27" s="292">
        <v>205360</v>
      </c>
      <c r="IV27" s="129">
        <v>0</v>
      </c>
      <c r="IW27" s="109">
        <v>0</v>
      </c>
      <c r="IX27" s="110">
        <v>0</v>
      </c>
      <c r="IY27" s="470">
        <v>0</v>
      </c>
      <c r="IZ27" s="109">
        <v>0</v>
      </c>
      <c r="JA27" s="109">
        <v>0</v>
      </c>
      <c r="JB27" s="109">
        <v>0</v>
      </c>
      <c r="JC27" s="109">
        <v>0</v>
      </c>
      <c r="JD27" s="109">
        <v>0</v>
      </c>
      <c r="JE27" s="110">
        <v>0</v>
      </c>
      <c r="JF27" s="111">
        <v>0</v>
      </c>
      <c r="JG27" s="129">
        <v>0</v>
      </c>
      <c r="JH27" s="109">
        <v>0</v>
      </c>
      <c r="JI27" s="128">
        <v>0</v>
      </c>
      <c r="JJ27" s="108">
        <v>0</v>
      </c>
      <c r="JK27" s="109">
        <v>146832</v>
      </c>
      <c r="JL27" s="109">
        <v>179136</v>
      </c>
      <c r="JM27" s="109">
        <v>33320</v>
      </c>
      <c r="JN27" s="109">
        <v>181032</v>
      </c>
      <c r="JO27" s="109">
        <v>0</v>
      </c>
      <c r="JP27" s="110">
        <v>540320</v>
      </c>
      <c r="JQ27" s="292">
        <v>540320</v>
      </c>
      <c r="JR27" s="129">
        <v>0</v>
      </c>
      <c r="JS27" s="109">
        <v>0</v>
      </c>
      <c r="JT27" s="128">
        <v>0</v>
      </c>
      <c r="JU27" s="108">
        <v>0</v>
      </c>
      <c r="JV27" s="109">
        <v>0</v>
      </c>
      <c r="JW27" s="109">
        <v>0</v>
      </c>
      <c r="JX27" s="109">
        <v>274088</v>
      </c>
      <c r="JY27" s="109">
        <v>0</v>
      </c>
      <c r="JZ27" s="109">
        <v>0</v>
      </c>
      <c r="KA27" s="110">
        <v>274088</v>
      </c>
      <c r="KB27" s="292">
        <v>274088</v>
      </c>
      <c r="KC27" s="217">
        <v>0</v>
      </c>
      <c r="KD27" s="213">
        <v>0</v>
      </c>
      <c r="KE27" s="110">
        <v>0</v>
      </c>
      <c r="KF27" s="108">
        <v>0</v>
      </c>
      <c r="KG27" s="109">
        <v>176408</v>
      </c>
      <c r="KH27" s="109">
        <v>325936</v>
      </c>
      <c r="KI27" s="109">
        <v>0</v>
      </c>
      <c r="KJ27" s="109">
        <v>0</v>
      </c>
      <c r="KK27" s="109">
        <v>0</v>
      </c>
      <c r="KL27" s="110">
        <v>502344</v>
      </c>
      <c r="KM27" s="130">
        <v>502344</v>
      </c>
      <c r="KN27" s="215">
        <v>0</v>
      </c>
      <c r="KO27" s="219">
        <v>0</v>
      </c>
      <c r="KP27" s="220">
        <v>0</v>
      </c>
      <c r="KQ27" s="470">
        <v>0</v>
      </c>
      <c r="KR27" s="109">
        <v>230518</v>
      </c>
      <c r="KS27" s="109">
        <v>246864</v>
      </c>
      <c r="KT27" s="109">
        <v>247683</v>
      </c>
      <c r="KU27" s="109">
        <v>249136</v>
      </c>
      <c r="KV27" s="109">
        <v>0</v>
      </c>
      <c r="KW27" s="110">
        <v>974201</v>
      </c>
      <c r="KX27" s="292">
        <v>974201</v>
      </c>
      <c r="KY27" s="129">
        <v>0</v>
      </c>
      <c r="KZ27" s="109">
        <v>0</v>
      </c>
      <c r="LA27" s="110">
        <v>0</v>
      </c>
      <c r="LB27" s="470">
        <v>0</v>
      </c>
      <c r="LC27" s="109">
        <v>0</v>
      </c>
      <c r="LD27" s="109">
        <v>0</v>
      </c>
      <c r="LE27" s="109">
        <v>0</v>
      </c>
      <c r="LF27" s="109">
        <v>0</v>
      </c>
      <c r="LG27" s="109">
        <v>0</v>
      </c>
      <c r="LH27" s="110">
        <v>0</v>
      </c>
      <c r="LI27" s="111">
        <v>0</v>
      </c>
      <c r="LJ27" s="129">
        <v>0</v>
      </c>
      <c r="LK27" s="109">
        <v>0</v>
      </c>
      <c r="LL27" s="110">
        <v>0</v>
      </c>
      <c r="LM27" s="470">
        <v>0</v>
      </c>
      <c r="LN27" s="109">
        <v>0</v>
      </c>
      <c r="LO27" s="109">
        <v>0</v>
      </c>
      <c r="LP27" s="109">
        <v>231280</v>
      </c>
      <c r="LQ27" s="109">
        <v>506544</v>
      </c>
      <c r="LR27" s="109">
        <v>0</v>
      </c>
      <c r="LS27" s="110">
        <v>737824</v>
      </c>
      <c r="LT27" s="292">
        <v>737824</v>
      </c>
      <c r="LU27" s="129">
        <v>0</v>
      </c>
      <c r="LV27" s="109">
        <v>0</v>
      </c>
      <c r="LW27" s="110">
        <v>0</v>
      </c>
      <c r="LX27" s="470">
        <v>0</v>
      </c>
      <c r="LY27" s="109">
        <v>0</v>
      </c>
      <c r="LZ27" s="109">
        <v>0</v>
      </c>
      <c r="MA27" s="109">
        <v>0</v>
      </c>
      <c r="MB27" s="109">
        <v>0</v>
      </c>
      <c r="MC27" s="109">
        <v>0</v>
      </c>
      <c r="MD27" s="110">
        <v>0</v>
      </c>
      <c r="ME27" s="111">
        <v>0</v>
      </c>
      <c r="MF27" s="129">
        <v>0</v>
      </c>
      <c r="MG27" s="109">
        <v>0</v>
      </c>
      <c r="MH27" s="110">
        <v>0</v>
      </c>
      <c r="MI27" s="470">
        <v>0</v>
      </c>
      <c r="MJ27" s="109">
        <v>239120</v>
      </c>
      <c r="MK27" s="109">
        <v>265070</v>
      </c>
      <c r="ML27" s="109">
        <v>1682405</v>
      </c>
      <c r="MM27" s="109">
        <v>1364620</v>
      </c>
      <c r="MN27" s="109">
        <v>823583</v>
      </c>
      <c r="MO27" s="110">
        <v>4374798</v>
      </c>
      <c r="MP27" s="130">
        <v>4374798</v>
      </c>
      <c r="MQ27" s="129">
        <v>0</v>
      </c>
      <c r="MR27" s="109">
        <v>0</v>
      </c>
      <c r="MS27" s="110">
        <v>0</v>
      </c>
      <c r="MT27" s="470">
        <v>0</v>
      </c>
      <c r="MU27" s="109">
        <v>0</v>
      </c>
      <c r="MV27" s="109">
        <v>0</v>
      </c>
      <c r="MW27" s="109">
        <v>1390032</v>
      </c>
      <c r="MX27" s="109">
        <v>1283516</v>
      </c>
      <c r="MY27" s="109">
        <v>517106</v>
      </c>
      <c r="MZ27" s="110">
        <v>3190654</v>
      </c>
      <c r="NA27" s="130">
        <v>3190654</v>
      </c>
      <c r="NB27" s="129">
        <v>0</v>
      </c>
      <c r="NC27" s="109">
        <v>0</v>
      </c>
      <c r="ND27" s="110">
        <v>0</v>
      </c>
      <c r="NE27" s="470">
        <v>0</v>
      </c>
      <c r="NF27" s="109">
        <v>239120</v>
      </c>
      <c r="NG27" s="109">
        <v>265070</v>
      </c>
      <c r="NH27" s="109">
        <v>292373</v>
      </c>
      <c r="NI27" s="109">
        <v>81104</v>
      </c>
      <c r="NJ27" s="109">
        <v>306477</v>
      </c>
      <c r="NK27" s="110">
        <v>1184144</v>
      </c>
      <c r="NL27" s="292">
        <v>1184144</v>
      </c>
      <c r="NM27" s="129">
        <v>0</v>
      </c>
      <c r="NN27" s="109">
        <v>0</v>
      </c>
      <c r="NO27" s="110">
        <v>0</v>
      </c>
      <c r="NP27" s="470">
        <v>0</v>
      </c>
      <c r="NQ27" s="109">
        <v>0</v>
      </c>
      <c r="NR27" s="109">
        <v>0</v>
      </c>
      <c r="NS27" s="109">
        <v>0</v>
      </c>
      <c r="NT27" s="109">
        <v>0</v>
      </c>
      <c r="NU27" s="109">
        <v>0</v>
      </c>
      <c r="NV27" s="110">
        <v>0</v>
      </c>
      <c r="NW27" s="111">
        <v>0</v>
      </c>
      <c r="NX27" s="129">
        <v>0</v>
      </c>
      <c r="NY27" s="109">
        <v>0</v>
      </c>
      <c r="NZ27" s="110">
        <v>0</v>
      </c>
      <c r="OA27" s="470">
        <v>0</v>
      </c>
      <c r="OB27" s="109">
        <v>0</v>
      </c>
      <c r="OC27" s="109">
        <v>0</v>
      </c>
      <c r="OD27" s="109">
        <v>0</v>
      </c>
      <c r="OE27" s="109">
        <v>0</v>
      </c>
      <c r="OF27" s="109">
        <v>0</v>
      </c>
      <c r="OG27" s="110">
        <v>0</v>
      </c>
      <c r="OH27" s="111">
        <v>0</v>
      </c>
      <c r="OI27" s="129">
        <v>35984</v>
      </c>
      <c r="OJ27" s="109">
        <v>216173</v>
      </c>
      <c r="OK27" s="128">
        <v>252157</v>
      </c>
      <c r="OL27" s="108">
        <v>0</v>
      </c>
      <c r="OM27" s="109">
        <v>4117112</v>
      </c>
      <c r="ON27" s="109">
        <v>3428717</v>
      </c>
      <c r="OO27" s="109">
        <v>4149814</v>
      </c>
      <c r="OP27" s="109">
        <v>3328649</v>
      </c>
      <c r="OQ27" s="109">
        <v>1470648</v>
      </c>
      <c r="OR27" s="110">
        <v>16494940</v>
      </c>
      <c r="OS27" s="130">
        <v>16747097</v>
      </c>
    </row>
    <row r="28" spans="2:409" ht="21" customHeight="1" x14ac:dyDescent="0.2">
      <c r="B28" s="437" t="s">
        <v>23</v>
      </c>
      <c r="C28" s="100">
        <v>500370</v>
      </c>
      <c r="D28" s="104">
        <v>244826</v>
      </c>
      <c r="E28" s="103">
        <v>745196</v>
      </c>
      <c r="F28" s="99">
        <v>0</v>
      </c>
      <c r="G28" s="104">
        <v>2630357</v>
      </c>
      <c r="H28" s="104">
        <v>2844615</v>
      </c>
      <c r="I28" s="104">
        <v>1817100</v>
      </c>
      <c r="J28" s="104">
        <v>2020482</v>
      </c>
      <c r="K28" s="104">
        <v>1416357</v>
      </c>
      <c r="L28" s="156">
        <v>10728911</v>
      </c>
      <c r="M28" s="106">
        <v>11474107</v>
      </c>
      <c r="N28" s="100">
        <v>147051</v>
      </c>
      <c r="O28" s="104">
        <v>96362</v>
      </c>
      <c r="P28" s="103">
        <v>243413</v>
      </c>
      <c r="Q28" s="100">
        <v>0</v>
      </c>
      <c r="R28" s="104">
        <v>459093</v>
      </c>
      <c r="S28" s="104">
        <v>1379384</v>
      </c>
      <c r="T28" s="104">
        <v>785547</v>
      </c>
      <c r="U28" s="104">
        <v>560713</v>
      </c>
      <c r="V28" s="104">
        <v>414322</v>
      </c>
      <c r="W28" s="103">
        <v>3599059</v>
      </c>
      <c r="X28" s="106">
        <v>3842472</v>
      </c>
      <c r="Y28" s="100">
        <v>0</v>
      </c>
      <c r="Z28" s="104">
        <v>0</v>
      </c>
      <c r="AA28" s="103">
        <v>0</v>
      </c>
      <c r="AB28" s="100">
        <v>0</v>
      </c>
      <c r="AC28" s="104">
        <v>160056</v>
      </c>
      <c r="AD28" s="104">
        <v>781858</v>
      </c>
      <c r="AE28" s="104">
        <v>451430</v>
      </c>
      <c r="AF28" s="104">
        <v>106998</v>
      </c>
      <c r="AG28" s="104">
        <v>173500</v>
      </c>
      <c r="AH28" s="103">
        <v>1673842</v>
      </c>
      <c r="AI28" s="106">
        <v>1673842</v>
      </c>
      <c r="AJ28" s="100">
        <v>0</v>
      </c>
      <c r="AK28" s="104">
        <v>0</v>
      </c>
      <c r="AL28" s="103">
        <v>0</v>
      </c>
      <c r="AM28" s="100">
        <v>0</v>
      </c>
      <c r="AN28" s="104">
        <v>0</v>
      </c>
      <c r="AO28" s="104">
        <v>0</v>
      </c>
      <c r="AP28" s="104">
        <v>0</v>
      </c>
      <c r="AQ28" s="104">
        <v>142122</v>
      </c>
      <c r="AR28" s="104">
        <v>0</v>
      </c>
      <c r="AS28" s="103">
        <v>142122</v>
      </c>
      <c r="AT28" s="106">
        <v>142122</v>
      </c>
      <c r="AU28" s="100">
        <v>90891</v>
      </c>
      <c r="AV28" s="104">
        <v>71709</v>
      </c>
      <c r="AW28" s="103">
        <v>162600</v>
      </c>
      <c r="AX28" s="100">
        <v>0</v>
      </c>
      <c r="AY28" s="104">
        <v>69021</v>
      </c>
      <c r="AZ28" s="104">
        <v>506854</v>
      </c>
      <c r="BA28" s="104">
        <v>234317</v>
      </c>
      <c r="BB28" s="104">
        <v>132625</v>
      </c>
      <c r="BC28" s="104">
        <v>146550</v>
      </c>
      <c r="BD28" s="103">
        <v>1089367</v>
      </c>
      <c r="BE28" s="106">
        <v>1251967</v>
      </c>
      <c r="BF28" s="100">
        <v>0</v>
      </c>
      <c r="BG28" s="104">
        <v>21133</v>
      </c>
      <c r="BH28" s="102">
        <v>21133</v>
      </c>
      <c r="BI28" s="101">
        <v>0</v>
      </c>
      <c r="BJ28" s="104">
        <v>0</v>
      </c>
      <c r="BK28" s="104">
        <v>0</v>
      </c>
      <c r="BL28" s="104">
        <v>0</v>
      </c>
      <c r="BM28" s="104">
        <v>0</v>
      </c>
      <c r="BN28" s="104">
        <v>0</v>
      </c>
      <c r="BO28" s="103">
        <v>0</v>
      </c>
      <c r="BP28" s="106">
        <v>21133</v>
      </c>
      <c r="BQ28" s="100">
        <v>56160</v>
      </c>
      <c r="BR28" s="104">
        <v>3520</v>
      </c>
      <c r="BS28" s="103">
        <v>59680</v>
      </c>
      <c r="BT28" s="100">
        <v>0</v>
      </c>
      <c r="BU28" s="104">
        <v>230016</v>
      </c>
      <c r="BV28" s="104">
        <v>90672</v>
      </c>
      <c r="BW28" s="104">
        <v>99800</v>
      </c>
      <c r="BX28" s="104">
        <v>178968</v>
      </c>
      <c r="BY28" s="104">
        <v>94272</v>
      </c>
      <c r="BZ28" s="103">
        <v>693728</v>
      </c>
      <c r="CA28" s="106">
        <v>753408</v>
      </c>
      <c r="CB28" s="100">
        <v>0</v>
      </c>
      <c r="CC28" s="104">
        <v>0</v>
      </c>
      <c r="CD28" s="103">
        <v>0</v>
      </c>
      <c r="CE28" s="100">
        <v>0</v>
      </c>
      <c r="CF28" s="104">
        <v>779635</v>
      </c>
      <c r="CG28" s="104">
        <v>677988</v>
      </c>
      <c r="CH28" s="104">
        <v>762427</v>
      </c>
      <c r="CI28" s="104">
        <v>407281</v>
      </c>
      <c r="CJ28" s="104">
        <v>200856</v>
      </c>
      <c r="CK28" s="103">
        <v>2828187</v>
      </c>
      <c r="CL28" s="106">
        <v>2828187</v>
      </c>
      <c r="CM28" s="100">
        <v>0</v>
      </c>
      <c r="CN28" s="104">
        <v>0</v>
      </c>
      <c r="CO28" s="103">
        <v>0</v>
      </c>
      <c r="CP28" s="101">
        <v>0</v>
      </c>
      <c r="CQ28" s="104">
        <v>543522</v>
      </c>
      <c r="CR28" s="104">
        <v>616784</v>
      </c>
      <c r="CS28" s="104">
        <v>494401</v>
      </c>
      <c r="CT28" s="104">
        <v>282841</v>
      </c>
      <c r="CU28" s="104">
        <v>200856</v>
      </c>
      <c r="CV28" s="103">
        <v>2138404</v>
      </c>
      <c r="CW28" s="106">
        <v>2138404</v>
      </c>
      <c r="CX28" s="100">
        <v>0</v>
      </c>
      <c r="CY28" s="104">
        <v>0</v>
      </c>
      <c r="CZ28" s="103">
        <v>0</v>
      </c>
      <c r="DA28" s="100">
        <v>0</v>
      </c>
      <c r="DB28" s="104">
        <v>236113</v>
      </c>
      <c r="DC28" s="104">
        <v>61204</v>
      </c>
      <c r="DD28" s="104">
        <v>268026</v>
      </c>
      <c r="DE28" s="104">
        <v>124440</v>
      </c>
      <c r="DF28" s="104">
        <v>0</v>
      </c>
      <c r="DG28" s="103">
        <v>689783</v>
      </c>
      <c r="DH28" s="106">
        <v>689783</v>
      </c>
      <c r="DI28" s="100">
        <v>23156</v>
      </c>
      <c r="DJ28" s="104">
        <v>0</v>
      </c>
      <c r="DK28" s="102">
        <v>23156</v>
      </c>
      <c r="DL28" s="101">
        <v>0</v>
      </c>
      <c r="DM28" s="104">
        <v>31608</v>
      </c>
      <c r="DN28" s="104">
        <v>186168</v>
      </c>
      <c r="DO28" s="104">
        <v>116782</v>
      </c>
      <c r="DP28" s="104">
        <v>71444</v>
      </c>
      <c r="DQ28" s="104">
        <v>20998</v>
      </c>
      <c r="DR28" s="103">
        <v>427000</v>
      </c>
      <c r="DS28" s="106">
        <v>450156</v>
      </c>
      <c r="DT28" s="100">
        <v>0</v>
      </c>
      <c r="DU28" s="104">
        <v>0</v>
      </c>
      <c r="DV28" s="103">
        <v>0</v>
      </c>
      <c r="DW28" s="100">
        <v>0</v>
      </c>
      <c r="DX28" s="104">
        <v>0</v>
      </c>
      <c r="DY28" s="104">
        <v>186168</v>
      </c>
      <c r="DZ28" s="104">
        <v>116782</v>
      </c>
      <c r="EA28" s="104">
        <v>71444</v>
      </c>
      <c r="EB28" s="104">
        <v>20998</v>
      </c>
      <c r="EC28" s="103">
        <v>395392</v>
      </c>
      <c r="ED28" s="106">
        <v>395392</v>
      </c>
      <c r="EE28" s="100">
        <v>23156</v>
      </c>
      <c r="EF28" s="102">
        <v>0</v>
      </c>
      <c r="EG28" s="103">
        <v>23156</v>
      </c>
      <c r="EH28" s="100">
        <v>0</v>
      </c>
      <c r="EI28" s="104">
        <v>31608</v>
      </c>
      <c r="EJ28" s="104">
        <v>0</v>
      </c>
      <c r="EK28" s="104">
        <v>0</v>
      </c>
      <c r="EL28" s="104">
        <v>0</v>
      </c>
      <c r="EM28" s="104">
        <v>0</v>
      </c>
      <c r="EN28" s="102">
        <v>31608</v>
      </c>
      <c r="EO28" s="106">
        <v>54764</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06">
        <v>0</v>
      </c>
      <c r="FE28" s="104">
        <v>0</v>
      </c>
      <c r="FF28" s="104">
        <v>0</v>
      </c>
      <c r="FG28" s="104">
        <v>0</v>
      </c>
      <c r="FH28" s="104">
        <v>0</v>
      </c>
      <c r="FI28" s="104">
        <v>0</v>
      </c>
      <c r="FJ28" s="103">
        <v>0</v>
      </c>
      <c r="FK28" s="106">
        <v>0</v>
      </c>
      <c r="FL28" s="100">
        <v>163461</v>
      </c>
      <c r="FM28" s="104">
        <v>148464</v>
      </c>
      <c r="FN28" s="103">
        <v>311925</v>
      </c>
      <c r="FO28" s="100">
        <v>0</v>
      </c>
      <c r="FP28" s="104">
        <v>27936</v>
      </c>
      <c r="FQ28" s="104">
        <v>350736</v>
      </c>
      <c r="FR28" s="104">
        <v>152344</v>
      </c>
      <c r="FS28" s="104">
        <v>176832</v>
      </c>
      <c r="FT28" s="104">
        <v>57696</v>
      </c>
      <c r="FU28" s="103">
        <v>765544</v>
      </c>
      <c r="FV28" s="106">
        <v>1077469</v>
      </c>
      <c r="FW28" s="105">
        <v>20752</v>
      </c>
      <c r="FX28" s="104">
        <v>106744</v>
      </c>
      <c r="FY28" s="102">
        <v>127496</v>
      </c>
      <c r="FZ28" s="101">
        <v>0</v>
      </c>
      <c r="GA28" s="104">
        <v>27936</v>
      </c>
      <c r="GB28" s="104">
        <v>350736</v>
      </c>
      <c r="GC28" s="104">
        <v>152344</v>
      </c>
      <c r="GD28" s="104">
        <v>176832</v>
      </c>
      <c r="GE28" s="104">
        <v>57696</v>
      </c>
      <c r="GF28" s="103">
        <v>765544</v>
      </c>
      <c r="GG28" s="290">
        <v>893040</v>
      </c>
      <c r="GH28" s="105">
        <v>0</v>
      </c>
      <c r="GI28" s="104">
        <v>41720</v>
      </c>
      <c r="GJ28" s="102">
        <v>41720</v>
      </c>
      <c r="GK28" s="101">
        <v>0</v>
      </c>
      <c r="GL28" s="104">
        <v>0</v>
      </c>
      <c r="GM28" s="104">
        <v>0</v>
      </c>
      <c r="GN28" s="104">
        <v>0</v>
      </c>
      <c r="GO28" s="104">
        <v>0</v>
      </c>
      <c r="GP28" s="104">
        <v>0</v>
      </c>
      <c r="GQ28" s="103">
        <v>0</v>
      </c>
      <c r="GR28" s="106">
        <v>41720</v>
      </c>
      <c r="GS28" s="100">
        <v>142709</v>
      </c>
      <c r="GT28" s="104">
        <v>0</v>
      </c>
      <c r="GU28" s="103">
        <v>142709</v>
      </c>
      <c r="GV28" s="100">
        <v>0</v>
      </c>
      <c r="GW28" s="104">
        <v>0</v>
      </c>
      <c r="GX28" s="104">
        <v>0</v>
      </c>
      <c r="GY28" s="104">
        <v>0</v>
      </c>
      <c r="GZ28" s="104">
        <v>0</v>
      </c>
      <c r="HA28" s="104">
        <v>0</v>
      </c>
      <c r="HB28" s="102">
        <v>0</v>
      </c>
      <c r="HC28" s="106">
        <v>142709</v>
      </c>
      <c r="HD28" s="100">
        <v>166702</v>
      </c>
      <c r="HE28" s="104">
        <v>0</v>
      </c>
      <c r="HF28" s="102">
        <v>166702</v>
      </c>
      <c r="HG28" s="101">
        <v>0</v>
      </c>
      <c r="HH28" s="104">
        <v>1332085</v>
      </c>
      <c r="HI28" s="104">
        <v>250339</v>
      </c>
      <c r="HJ28" s="104">
        <v>0</v>
      </c>
      <c r="HK28" s="104">
        <v>804212</v>
      </c>
      <c r="HL28" s="104">
        <v>722485</v>
      </c>
      <c r="HM28" s="103">
        <v>3109121</v>
      </c>
      <c r="HN28" s="99">
        <v>3275823</v>
      </c>
      <c r="HO28" s="456">
        <v>0</v>
      </c>
      <c r="HP28" s="457">
        <v>0</v>
      </c>
      <c r="HQ28" s="458">
        <v>0</v>
      </c>
      <c r="HR28" s="459">
        <v>0</v>
      </c>
      <c r="HS28" s="457">
        <v>0</v>
      </c>
      <c r="HT28" s="457">
        <v>0</v>
      </c>
      <c r="HU28" s="457">
        <v>0</v>
      </c>
      <c r="HV28" s="457">
        <v>0</v>
      </c>
      <c r="HW28" s="457">
        <v>0</v>
      </c>
      <c r="HX28" s="460">
        <v>0</v>
      </c>
      <c r="HY28" s="461">
        <v>0</v>
      </c>
      <c r="HZ28" s="135">
        <v>0</v>
      </c>
      <c r="IA28" s="122">
        <v>0</v>
      </c>
      <c r="IB28" s="135">
        <v>0</v>
      </c>
      <c r="IC28" s="121">
        <v>0</v>
      </c>
      <c r="ID28" s="122">
        <v>599278</v>
      </c>
      <c r="IE28" s="123">
        <v>365939</v>
      </c>
      <c r="IF28" s="124">
        <v>1311667</v>
      </c>
      <c r="IG28" s="122">
        <v>323807</v>
      </c>
      <c r="IH28" s="124">
        <v>0</v>
      </c>
      <c r="II28" s="125">
        <v>2600691</v>
      </c>
      <c r="IJ28" s="135">
        <v>2600691</v>
      </c>
      <c r="IK28" s="215">
        <v>0</v>
      </c>
      <c r="IL28" s="219">
        <v>0</v>
      </c>
      <c r="IM28" s="220">
        <v>0</v>
      </c>
      <c r="IN28" s="470">
        <v>0</v>
      </c>
      <c r="IO28" s="109">
        <v>0</v>
      </c>
      <c r="IP28" s="109">
        <v>0</v>
      </c>
      <c r="IQ28" s="109">
        <v>0</v>
      </c>
      <c r="IR28" s="109">
        <v>0</v>
      </c>
      <c r="IS28" s="109">
        <v>0</v>
      </c>
      <c r="IT28" s="128">
        <v>0</v>
      </c>
      <c r="IU28" s="292">
        <v>0</v>
      </c>
      <c r="IV28" s="129">
        <v>0</v>
      </c>
      <c r="IW28" s="109">
        <v>0</v>
      </c>
      <c r="IX28" s="110">
        <v>0</v>
      </c>
      <c r="IY28" s="470">
        <v>0</v>
      </c>
      <c r="IZ28" s="109">
        <v>0</v>
      </c>
      <c r="JA28" s="109">
        <v>0</v>
      </c>
      <c r="JB28" s="109">
        <v>0</v>
      </c>
      <c r="JC28" s="109">
        <v>0</v>
      </c>
      <c r="JD28" s="109">
        <v>0</v>
      </c>
      <c r="JE28" s="110">
        <v>0</v>
      </c>
      <c r="JF28" s="111">
        <v>0</v>
      </c>
      <c r="JG28" s="129">
        <v>0</v>
      </c>
      <c r="JH28" s="109">
        <v>0</v>
      </c>
      <c r="JI28" s="128">
        <v>0</v>
      </c>
      <c r="JJ28" s="108">
        <v>0</v>
      </c>
      <c r="JK28" s="109">
        <v>119533</v>
      </c>
      <c r="JL28" s="109">
        <v>108778</v>
      </c>
      <c r="JM28" s="109">
        <v>309753</v>
      </c>
      <c r="JN28" s="109">
        <v>0</v>
      </c>
      <c r="JO28" s="109">
        <v>0</v>
      </c>
      <c r="JP28" s="110">
        <v>538064</v>
      </c>
      <c r="JQ28" s="292">
        <v>538064</v>
      </c>
      <c r="JR28" s="129">
        <v>0</v>
      </c>
      <c r="JS28" s="109">
        <v>0</v>
      </c>
      <c r="JT28" s="128">
        <v>0</v>
      </c>
      <c r="JU28" s="108">
        <v>0</v>
      </c>
      <c r="JV28" s="109">
        <v>0</v>
      </c>
      <c r="JW28" s="109">
        <v>0</v>
      </c>
      <c r="JX28" s="109">
        <v>0</v>
      </c>
      <c r="JY28" s="109">
        <v>0</v>
      </c>
      <c r="JZ28" s="109">
        <v>0</v>
      </c>
      <c r="KA28" s="110">
        <v>0</v>
      </c>
      <c r="KB28" s="292">
        <v>0</v>
      </c>
      <c r="KC28" s="217">
        <v>0</v>
      </c>
      <c r="KD28" s="213">
        <v>0</v>
      </c>
      <c r="KE28" s="110">
        <v>0</v>
      </c>
      <c r="KF28" s="108">
        <v>0</v>
      </c>
      <c r="KG28" s="109">
        <v>0</v>
      </c>
      <c r="KH28" s="109">
        <v>0</v>
      </c>
      <c r="KI28" s="109">
        <v>228968</v>
      </c>
      <c r="KJ28" s="109">
        <v>0</v>
      </c>
      <c r="KK28" s="109">
        <v>0</v>
      </c>
      <c r="KL28" s="110">
        <v>228968</v>
      </c>
      <c r="KM28" s="130">
        <v>228968</v>
      </c>
      <c r="KN28" s="215">
        <v>0</v>
      </c>
      <c r="KO28" s="219">
        <v>0</v>
      </c>
      <c r="KP28" s="220">
        <v>0</v>
      </c>
      <c r="KQ28" s="470">
        <v>0</v>
      </c>
      <c r="KR28" s="109">
        <v>479745</v>
      </c>
      <c r="KS28" s="109">
        <v>257161</v>
      </c>
      <c r="KT28" s="109">
        <v>772946</v>
      </c>
      <c r="KU28" s="109">
        <v>323807</v>
      </c>
      <c r="KV28" s="109">
        <v>0</v>
      </c>
      <c r="KW28" s="110">
        <v>1833659</v>
      </c>
      <c r="KX28" s="292">
        <v>1833659</v>
      </c>
      <c r="KY28" s="129">
        <v>0</v>
      </c>
      <c r="KZ28" s="109">
        <v>0</v>
      </c>
      <c r="LA28" s="110">
        <v>0</v>
      </c>
      <c r="LB28" s="470">
        <v>0</v>
      </c>
      <c r="LC28" s="109">
        <v>0</v>
      </c>
      <c r="LD28" s="109">
        <v>0</v>
      </c>
      <c r="LE28" s="109">
        <v>0</v>
      </c>
      <c r="LF28" s="109">
        <v>0</v>
      </c>
      <c r="LG28" s="109">
        <v>0</v>
      </c>
      <c r="LH28" s="110">
        <v>0</v>
      </c>
      <c r="LI28" s="111">
        <v>0</v>
      </c>
      <c r="LJ28" s="129">
        <v>0</v>
      </c>
      <c r="LK28" s="109">
        <v>0</v>
      </c>
      <c r="LL28" s="110">
        <v>0</v>
      </c>
      <c r="LM28" s="470">
        <v>0</v>
      </c>
      <c r="LN28" s="109">
        <v>0</v>
      </c>
      <c r="LO28" s="109">
        <v>0</v>
      </c>
      <c r="LP28" s="109">
        <v>0</v>
      </c>
      <c r="LQ28" s="109">
        <v>0</v>
      </c>
      <c r="LR28" s="109">
        <v>0</v>
      </c>
      <c r="LS28" s="110">
        <v>0</v>
      </c>
      <c r="LT28" s="292">
        <v>0</v>
      </c>
      <c r="LU28" s="129">
        <v>0</v>
      </c>
      <c r="LV28" s="109">
        <v>0</v>
      </c>
      <c r="LW28" s="110">
        <v>0</v>
      </c>
      <c r="LX28" s="470">
        <v>0</v>
      </c>
      <c r="LY28" s="109">
        <v>0</v>
      </c>
      <c r="LZ28" s="109">
        <v>0</v>
      </c>
      <c r="MA28" s="109">
        <v>0</v>
      </c>
      <c r="MB28" s="109">
        <v>0</v>
      </c>
      <c r="MC28" s="109">
        <v>0</v>
      </c>
      <c r="MD28" s="110">
        <v>0</v>
      </c>
      <c r="ME28" s="111">
        <v>0</v>
      </c>
      <c r="MF28" s="129">
        <v>0</v>
      </c>
      <c r="MG28" s="109">
        <v>0</v>
      </c>
      <c r="MH28" s="110">
        <v>0</v>
      </c>
      <c r="MI28" s="470">
        <v>0</v>
      </c>
      <c r="MJ28" s="109">
        <v>127446</v>
      </c>
      <c r="MK28" s="109">
        <v>245117</v>
      </c>
      <c r="ML28" s="109">
        <v>2098188</v>
      </c>
      <c r="MM28" s="109">
        <v>1550242</v>
      </c>
      <c r="MN28" s="109">
        <v>681256</v>
      </c>
      <c r="MO28" s="110">
        <v>4702249</v>
      </c>
      <c r="MP28" s="130">
        <v>4702249</v>
      </c>
      <c r="MQ28" s="129">
        <v>0</v>
      </c>
      <c r="MR28" s="109">
        <v>0</v>
      </c>
      <c r="MS28" s="110">
        <v>0</v>
      </c>
      <c r="MT28" s="470">
        <v>0</v>
      </c>
      <c r="MU28" s="109">
        <v>92678</v>
      </c>
      <c r="MV28" s="109">
        <v>0</v>
      </c>
      <c r="MW28" s="109">
        <v>1536937</v>
      </c>
      <c r="MX28" s="109">
        <v>960934</v>
      </c>
      <c r="MY28" s="109">
        <v>0</v>
      </c>
      <c r="MZ28" s="110">
        <v>2590549</v>
      </c>
      <c r="NA28" s="130">
        <v>2590549</v>
      </c>
      <c r="NB28" s="129">
        <v>0</v>
      </c>
      <c r="NC28" s="109">
        <v>0</v>
      </c>
      <c r="ND28" s="110">
        <v>0</v>
      </c>
      <c r="NE28" s="470">
        <v>0</v>
      </c>
      <c r="NF28" s="109">
        <v>34768</v>
      </c>
      <c r="NG28" s="109">
        <v>245117</v>
      </c>
      <c r="NH28" s="109">
        <v>561251</v>
      </c>
      <c r="NI28" s="109">
        <v>589308</v>
      </c>
      <c r="NJ28" s="109">
        <v>681256</v>
      </c>
      <c r="NK28" s="110">
        <v>2111700</v>
      </c>
      <c r="NL28" s="292">
        <v>2111700</v>
      </c>
      <c r="NM28" s="129">
        <v>0</v>
      </c>
      <c r="NN28" s="109">
        <v>0</v>
      </c>
      <c r="NO28" s="110">
        <v>0</v>
      </c>
      <c r="NP28" s="470">
        <v>0</v>
      </c>
      <c r="NQ28" s="109">
        <v>0</v>
      </c>
      <c r="NR28" s="109">
        <v>0</v>
      </c>
      <c r="NS28" s="109">
        <v>0</v>
      </c>
      <c r="NT28" s="109">
        <v>0</v>
      </c>
      <c r="NU28" s="109">
        <v>0</v>
      </c>
      <c r="NV28" s="110">
        <v>0</v>
      </c>
      <c r="NW28" s="111">
        <v>0</v>
      </c>
      <c r="NX28" s="129">
        <v>0</v>
      </c>
      <c r="NY28" s="109">
        <v>0</v>
      </c>
      <c r="NZ28" s="110">
        <v>0</v>
      </c>
      <c r="OA28" s="470">
        <v>0</v>
      </c>
      <c r="OB28" s="109">
        <v>0</v>
      </c>
      <c r="OC28" s="109">
        <v>0</v>
      </c>
      <c r="OD28" s="109">
        <v>0</v>
      </c>
      <c r="OE28" s="109">
        <v>0</v>
      </c>
      <c r="OF28" s="109">
        <v>0</v>
      </c>
      <c r="OG28" s="110">
        <v>0</v>
      </c>
      <c r="OH28" s="111">
        <v>0</v>
      </c>
      <c r="OI28" s="129">
        <v>500370</v>
      </c>
      <c r="OJ28" s="109">
        <v>244826</v>
      </c>
      <c r="OK28" s="128">
        <v>745196</v>
      </c>
      <c r="OL28" s="108">
        <v>0</v>
      </c>
      <c r="OM28" s="109">
        <v>3357081</v>
      </c>
      <c r="ON28" s="109">
        <v>3455671</v>
      </c>
      <c r="OO28" s="109">
        <v>5226955</v>
      </c>
      <c r="OP28" s="109">
        <v>3894531</v>
      </c>
      <c r="OQ28" s="109">
        <v>2097613</v>
      </c>
      <c r="OR28" s="110">
        <v>18031851</v>
      </c>
      <c r="OS28" s="130">
        <v>18777047</v>
      </c>
    </row>
    <row r="29" spans="2:409" ht="21" customHeight="1" x14ac:dyDescent="0.2">
      <c r="B29" s="437" t="s">
        <v>24</v>
      </c>
      <c r="C29" s="100">
        <v>313396</v>
      </c>
      <c r="D29" s="104">
        <v>159683</v>
      </c>
      <c r="E29" s="103">
        <v>473079</v>
      </c>
      <c r="F29" s="99">
        <v>0</v>
      </c>
      <c r="G29" s="104">
        <v>2466158</v>
      </c>
      <c r="H29" s="104">
        <v>2363658</v>
      </c>
      <c r="I29" s="104">
        <v>2153320</v>
      </c>
      <c r="J29" s="104">
        <v>1777202</v>
      </c>
      <c r="K29" s="104">
        <v>1816732</v>
      </c>
      <c r="L29" s="156">
        <v>10577070</v>
      </c>
      <c r="M29" s="106">
        <v>11050149</v>
      </c>
      <c r="N29" s="100">
        <v>70212</v>
      </c>
      <c r="O29" s="104">
        <v>124627</v>
      </c>
      <c r="P29" s="103">
        <v>194839</v>
      </c>
      <c r="Q29" s="100">
        <v>0</v>
      </c>
      <c r="R29" s="104">
        <v>975393</v>
      </c>
      <c r="S29" s="104">
        <v>549150</v>
      </c>
      <c r="T29" s="104">
        <v>586786</v>
      </c>
      <c r="U29" s="104">
        <v>1119772</v>
      </c>
      <c r="V29" s="104">
        <v>809388</v>
      </c>
      <c r="W29" s="103">
        <v>4040489</v>
      </c>
      <c r="X29" s="106">
        <v>4235328</v>
      </c>
      <c r="Y29" s="100">
        <v>0</v>
      </c>
      <c r="Z29" s="104">
        <v>0</v>
      </c>
      <c r="AA29" s="103">
        <v>0</v>
      </c>
      <c r="AB29" s="100">
        <v>0</v>
      </c>
      <c r="AC29" s="104">
        <v>448627</v>
      </c>
      <c r="AD29" s="104">
        <v>141977</v>
      </c>
      <c r="AE29" s="104">
        <v>364045</v>
      </c>
      <c r="AF29" s="104">
        <v>569442</v>
      </c>
      <c r="AG29" s="104">
        <v>439477</v>
      </c>
      <c r="AH29" s="103">
        <v>1963568</v>
      </c>
      <c r="AI29" s="106">
        <v>1963568</v>
      </c>
      <c r="AJ29" s="100">
        <v>0</v>
      </c>
      <c r="AK29" s="104">
        <v>0</v>
      </c>
      <c r="AL29" s="103">
        <v>0</v>
      </c>
      <c r="AM29" s="100">
        <v>0</v>
      </c>
      <c r="AN29" s="104">
        <v>0</v>
      </c>
      <c r="AO29" s="104">
        <v>0</v>
      </c>
      <c r="AP29" s="104">
        <v>0</v>
      </c>
      <c r="AQ29" s="104">
        <v>141355</v>
      </c>
      <c r="AR29" s="104">
        <v>165596</v>
      </c>
      <c r="AS29" s="103">
        <v>306951</v>
      </c>
      <c r="AT29" s="106">
        <v>306951</v>
      </c>
      <c r="AU29" s="100">
        <v>13220</v>
      </c>
      <c r="AV29" s="104">
        <v>119859</v>
      </c>
      <c r="AW29" s="103">
        <v>133079</v>
      </c>
      <c r="AX29" s="100">
        <v>0</v>
      </c>
      <c r="AY29" s="104">
        <v>344306</v>
      </c>
      <c r="AZ29" s="104">
        <v>258636</v>
      </c>
      <c r="BA29" s="104">
        <v>63002</v>
      </c>
      <c r="BB29" s="104">
        <v>301479</v>
      </c>
      <c r="BC29" s="104">
        <v>87235</v>
      </c>
      <c r="BD29" s="103">
        <v>1054658</v>
      </c>
      <c r="BE29" s="106">
        <v>1187737</v>
      </c>
      <c r="BF29" s="100">
        <v>0</v>
      </c>
      <c r="BG29" s="104">
        <v>0</v>
      </c>
      <c r="BH29" s="102">
        <v>0</v>
      </c>
      <c r="BI29" s="101">
        <v>0</v>
      </c>
      <c r="BJ29" s="104">
        <v>27860</v>
      </c>
      <c r="BK29" s="104">
        <v>48841</v>
      </c>
      <c r="BL29" s="104">
        <v>42267</v>
      </c>
      <c r="BM29" s="104">
        <v>0</v>
      </c>
      <c r="BN29" s="104">
        <v>0</v>
      </c>
      <c r="BO29" s="103">
        <v>118968</v>
      </c>
      <c r="BP29" s="106">
        <v>118968</v>
      </c>
      <c r="BQ29" s="100">
        <v>56992</v>
      </c>
      <c r="BR29" s="104">
        <v>4768</v>
      </c>
      <c r="BS29" s="103">
        <v>61760</v>
      </c>
      <c r="BT29" s="100">
        <v>0</v>
      </c>
      <c r="BU29" s="104">
        <v>154600</v>
      </c>
      <c r="BV29" s="104">
        <v>99696</v>
      </c>
      <c r="BW29" s="104">
        <v>117472</v>
      </c>
      <c r="BX29" s="104">
        <v>107496</v>
      </c>
      <c r="BY29" s="104">
        <v>117080</v>
      </c>
      <c r="BZ29" s="103">
        <v>596344</v>
      </c>
      <c r="CA29" s="106">
        <v>658104</v>
      </c>
      <c r="CB29" s="100">
        <v>39854</v>
      </c>
      <c r="CC29" s="104">
        <v>0</v>
      </c>
      <c r="CD29" s="103">
        <v>39854</v>
      </c>
      <c r="CE29" s="100">
        <v>0</v>
      </c>
      <c r="CF29" s="104">
        <v>691617</v>
      </c>
      <c r="CG29" s="104">
        <v>969391</v>
      </c>
      <c r="CH29" s="104">
        <v>870695</v>
      </c>
      <c r="CI29" s="104">
        <v>119137</v>
      </c>
      <c r="CJ29" s="104">
        <v>21755</v>
      </c>
      <c r="CK29" s="103">
        <v>2672595</v>
      </c>
      <c r="CL29" s="106">
        <v>2712449</v>
      </c>
      <c r="CM29" s="100">
        <v>0</v>
      </c>
      <c r="CN29" s="104">
        <v>0</v>
      </c>
      <c r="CO29" s="103">
        <v>0</v>
      </c>
      <c r="CP29" s="101">
        <v>0</v>
      </c>
      <c r="CQ29" s="104">
        <v>582757</v>
      </c>
      <c r="CR29" s="104">
        <v>673759</v>
      </c>
      <c r="CS29" s="104">
        <v>255372</v>
      </c>
      <c r="CT29" s="104">
        <v>34333</v>
      </c>
      <c r="CU29" s="104">
        <v>21755</v>
      </c>
      <c r="CV29" s="103">
        <v>1567976</v>
      </c>
      <c r="CW29" s="106">
        <v>1567976</v>
      </c>
      <c r="CX29" s="100">
        <v>39854</v>
      </c>
      <c r="CY29" s="104">
        <v>0</v>
      </c>
      <c r="CZ29" s="103">
        <v>39854</v>
      </c>
      <c r="DA29" s="100">
        <v>0</v>
      </c>
      <c r="DB29" s="104">
        <v>108860</v>
      </c>
      <c r="DC29" s="104">
        <v>295632</v>
      </c>
      <c r="DD29" s="104">
        <v>615323</v>
      </c>
      <c r="DE29" s="104">
        <v>84804</v>
      </c>
      <c r="DF29" s="104">
        <v>0</v>
      </c>
      <c r="DG29" s="103">
        <v>1104619</v>
      </c>
      <c r="DH29" s="106">
        <v>1144473</v>
      </c>
      <c r="DI29" s="100">
        <v>0</v>
      </c>
      <c r="DJ29" s="104">
        <v>0</v>
      </c>
      <c r="DK29" s="102">
        <v>0</v>
      </c>
      <c r="DL29" s="101">
        <v>0</v>
      </c>
      <c r="DM29" s="104">
        <v>35363</v>
      </c>
      <c r="DN29" s="104">
        <v>101176</v>
      </c>
      <c r="DO29" s="104">
        <v>0</v>
      </c>
      <c r="DP29" s="104">
        <v>0</v>
      </c>
      <c r="DQ29" s="104">
        <v>175808</v>
      </c>
      <c r="DR29" s="103">
        <v>312347</v>
      </c>
      <c r="DS29" s="106">
        <v>312347</v>
      </c>
      <c r="DT29" s="100">
        <v>0</v>
      </c>
      <c r="DU29" s="104">
        <v>0</v>
      </c>
      <c r="DV29" s="103">
        <v>0</v>
      </c>
      <c r="DW29" s="100">
        <v>0</v>
      </c>
      <c r="DX29" s="104">
        <v>0</v>
      </c>
      <c r="DY29" s="104">
        <v>73332</v>
      </c>
      <c r="DZ29" s="104">
        <v>0</v>
      </c>
      <c r="EA29" s="104">
        <v>0</v>
      </c>
      <c r="EB29" s="104">
        <v>175808</v>
      </c>
      <c r="EC29" s="103">
        <v>249140</v>
      </c>
      <c r="ED29" s="106">
        <v>249140</v>
      </c>
      <c r="EE29" s="100">
        <v>0</v>
      </c>
      <c r="EF29" s="102">
        <v>0</v>
      </c>
      <c r="EG29" s="103">
        <v>0</v>
      </c>
      <c r="EH29" s="100">
        <v>0</v>
      </c>
      <c r="EI29" s="104">
        <v>35363</v>
      </c>
      <c r="EJ29" s="104">
        <v>27844</v>
      </c>
      <c r="EK29" s="104">
        <v>0</v>
      </c>
      <c r="EL29" s="104">
        <v>0</v>
      </c>
      <c r="EM29" s="104">
        <v>0</v>
      </c>
      <c r="EN29" s="102">
        <v>63207</v>
      </c>
      <c r="EO29" s="106">
        <v>63207</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06">
        <v>0</v>
      </c>
      <c r="FE29" s="104">
        <v>0</v>
      </c>
      <c r="FF29" s="104">
        <v>0</v>
      </c>
      <c r="FG29" s="104">
        <v>0</v>
      </c>
      <c r="FH29" s="104">
        <v>0</v>
      </c>
      <c r="FI29" s="104">
        <v>0</v>
      </c>
      <c r="FJ29" s="103">
        <v>0</v>
      </c>
      <c r="FK29" s="106">
        <v>0</v>
      </c>
      <c r="FL29" s="100">
        <v>41280</v>
      </c>
      <c r="FM29" s="104">
        <v>35056</v>
      </c>
      <c r="FN29" s="103">
        <v>76336</v>
      </c>
      <c r="FO29" s="100">
        <v>0</v>
      </c>
      <c r="FP29" s="104">
        <v>73552</v>
      </c>
      <c r="FQ29" s="104">
        <v>209848</v>
      </c>
      <c r="FR29" s="104">
        <v>86952</v>
      </c>
      <c r="FS29" s="104">
        <v>96048</v>
      </c>
      <c r="FT29" s="104">
        <v>36856</v>
      </c>
      <c r="FU29" s="103">
        <v>503256</v>
      </c>
      <c r="FV29" s="106">
        <v>579592</v>
      </c>
      <c r="FW29" s="105">
        <v>29840</v>
      </c>
      <c r="FX29" s="104">
        <v>35056</v>
      </c>
      <c r="FY29" s="102">
        <v>64896</v>
      </c>
      <c r="FZ29" s="101">
        <v>0</v>
      </c>
      <c r="GA29" s="104">
        <v>73552</v>
      </c>
      <c r="GB29" s="104">
        <v>195328</v>
      </c>
      <c r="GC29" s="104">
        <v>86952</v>
      </c>
      <c r="GD29" s="104">
        <v>96048</v>
      </c>
      <c r="GE29" s="104">
        <v>36856</v>
      </c>
      <c r="GF29" s="103">
        <v>488736</v>
      </c>
      <c r="GG29" s="290">
        <v>553632</v>
      </c>
      <c r="GH29" s="105">
        <v>11440</v>
      </c>
      <c r="GI29" s="104">
        <v>0</v>
      </c>
      <c r="GJ29" s="102">
        <v>11440</v>
      </c>
      <c r="GK29" s="101">
        <v>0</v>
      </c>
      <c r="GL29" s="104">
        <v>0</v>
      </c>
      <c r="GM29" s="104">
        <v>14520</v>
      </c>
      <c r="GN29" s="104">
        <v>0</v>
      </c>
      <c r="GO29" s="104">
        <v>0</v>
      </c>
      <c r="GP29" s="104">
        <v>0</v>
      </c>
      <c r="GQ29" s="103">
        <v>14520</v>
      </c>
      <c r="GR29" s="106">
        <v>25960</v>
      </c>
      <c r="GS29" s="100">
        <v>0</v>
      </c>
      <c r="GT29" s="104">
        <v>0</v>
      </c>
      <c r="GU29" s="103">
        <v>0</v>
      </c>
      <c r="GV29" s="100">
        <v>0</v>
      </c>
      <c r="GW29" s="104">
        <v>0</v>
      </c>
      <c r="GX29" s="104">
        <v>0</v>
      </c>
      <c r="GY29" s="104">
        <v>0</v>
      </c>
      <c r="GZ29" s="104">
        <v>0</v>
      </c>
      <c r="HA29" s="104">
        <v>0</v>
      </c>
      <c r="HB29" s="102">
        <v>0</v>
      </c>
      <c r="HC29" s="106">
        <v>0</v>
      </c>
      <c r="HD29" s="100">
        <v>162050</v>
      </c>
      <c r="HE29" s="104">
        <v>0</v>
      </c>
      <c r="HF29" s="102">
        <v>162050</v>
      </c>
      <c r="HG29" s="101">
        <v>0</v>
      </c>
      <c r="HH29" s="104">
        <v>690233</v>
      </c>
      <c r="HI29" s="104">
        <v>534093</v>
      </c>
      <c r="HJ29" s="104">
        <v>608887</v>
      </c>
      <c r="HK29" s="104">
        <v>442245</v>
      </c>
      <c r="HL29" s="104">
        <v>772925</v>
      </c>
      <c r="HM29" s="103">
        <v>3048383</v>
      </c>
      <c r="HN29" s="99">
        <v>3210433</v>
      </c>
      <c r="HO29" s="456">
        <v>0</v>
      </c>
      <c r="HP29" s="457">
        <v>0</v>
      </c>
      <c r="HQ29" s="458">
        <v>0</v>
      </c>
      <c r="HR29" s="459">
        <v>0</v>
      </c>
      <c r="HS29" s="457">
        <v>0</v>
      </c>
      <c r="HT29" s="457">
        <v>0</v>
      </c>
      <c r="HU29" s="457">
        <v>0</v>
      </c>
      <c r="HV29" s="457">
        <v>0</v>
      </c>
      <c r="HW29" s="457">
        <v>0</v>
      </c>
      <c r="HX29" s="460">
        <v>0</v>
      </c>
      <c r="HY29" s="461">
        <v>0</v>
      </c>
      <c r="HZ29" s="118">
        <v>49228</v>
      </c>
      <c r="IA29" s="119">
        <v>0</v>
      </c>
      <c r="IB29" s="120">
        <v>49228</v>
      </c>
      <c r="IC29" s="131">
        <v>0</v>
      </c>
      <c r="ID29" s="119">
        <v>27309</v>
      </c>
      <c r="IE29" s="132">
        <v>289291</v>
      </c>
      <c r="IF29" s="120">
        <v>659387</v>
      </c>
      <c r="IG29" s="119">
        <v>198338</v>
      </c>
      <c r="IH29" s="120">
        <v>251656</v>
      </c>
      <c r="II29" s="133">
        <v>1425981</v>
      </c>
      <c r="IJ29" s="126">
        <v>1475209</v>
      </c>
      <c r="IK29" s="215">
        <v>0</v>
      </c>
      <c r="IL29" s="219">
        <v>0</v>
      </c>
      <c r="IM29" s="220">
        <v>0</v>
      </c>
      <c r="IN29" s="470">
        <v>0</v>
      </c>
      <c r="IO29" s="109">
        <v>0</v>
      </c>
      <c r="IP29" s="109">
        <v>0</v>
      </c>
      <c r="IQ29" s="109">
        <v>0</v>
      </c>
      <c r="IR29" s="109">
        <v>198338</v>
      </c>
      <c r="IS29" s="109">
        <v>0</v>
      </c>
      <c r="IT29" s="128">
        <v>198338</v>
      </c>
      <c r="IU29" s="292">
        <v>198338</v>
      </c>
      <c r="IV29" s="129">
        <v>0</v>
      </c>
      <c r="IW29" s="109">
        <v>0</v>
      </c>
      <c r="IX29" s="110">
        <v>0</v>
      </c>
      <c r="IY29" s="470">
        <v>0</v>
      </c>
      <c r="IZ29" s="109">
        <v>0</v>
      </c>
      <c r="JA29" s="109">
        <v>0</v>
      </c>
      <c r="JB29" s="109">
        <v>0</v>
      </c>
      <c r="JC29" s="109">
        <v>0</v>
      </c>
      <c r="JD29" s="109">
        <v>0</v>
      </c>
      <c r="JE29" s="110">
        <v>0</v>
      </c>
      <c r="JF29" s="111">
        <v>0</v>
      </c>
      <c r="JG29" s="129">
        <v>0</v>
      </c>
      <c r="JH29" s="109">
        <v>0</v>
      </c>
      <c r="JI29" s="128">
        <v>0</v>
      </c>
      <c r="JJ29" s="108">
        <v>0</v>
      </c>
      <c r="JK29" s="109">
        <v>27309</v>
      </c>
      <c r="JL29" s="109">
        <v>55325</v>
      </c>
      <c r="JM29" s="109">
        <v>37555</v>
      </c>
      <c r="JN29" s="109">
        <v>0</v>
      </c>
      <c r="JO29" s="109">
        <v>0</v>
      </c>
      <c r="JP29" s="110">
        <v>120189</v>
      </c>
      <c r="JQ29" s="292">
        <v>120189</v>
      </c>
      <c r="JR29" s="129">
        <v>0</v>
      </c>
      <c r="JS29" s="109">
        <v>0</v>
      </c>
      <c r="JT29" s="128">
        <v>0</v>
      </c>
      <c r="JU29" s="108">
        <v>0</v>
      </c>
      <c r="JV29" s="109">
        <v>0</v>
      </c>
      <c r="JW29" s="109">
        <v>0</v>
      </c>
      <c r="JX29" s="109">
        <v>137992</v>
      </c>
      <c r="JY29" s="109">
        <v>0</v>
      </c>
      <c r="JZ29" s="109">
        <v>0</v>
      </c>
      <c r="KA29" s="110">
        <v>137992</v>
      </c>
      <c r="KB29" s="292">
        <v>137992</v>
      </c>
      <c r="KC29" s="217">
        <v>49228</v>
      </c>
      <c r="KD29" s="213">
        <v>0</v>
      </c>
      <c r="KE29" s="110">
        <v>49228</v>
      </c>
      <c r="KF29" s="108">
        <v>0</v>
      </c>
      <c r="KG29" s="109">
        <v>0</v>
      </c>
      <c r="KH29" s="109">
        <v>0</v>
      </c>
      <c r="KI29" s="109">
        <v>0</v>
      </c>
      <c r="KJ29" s="109">
        <v>0</v>
      </c>
      <c r="KK29" s="109">
        <v>0</v>
      </c>
      <c r="KL29" s="110">
        <v>0</v>
      </c>
      <c r="KM29" s="130">
        <v>49228</v>
      </c>
      <c r="KN29" s="215">
        <v>0</v>
      </c>
      <c r="KO29" s="219">
        <v>0</v>
      </c>
      <c r="KP29" s="220">
        <v>0</v>
      </c>
      <c r="KQ29" s="470">
        <v>0</v>
      </c>
      <c r="KR29" s="109">
        <v>0</v>
      </c>
      <c r="KS29" s="109">
        <v>233966</v>
      </c>
      <c r="KT29" s="109">
        <v>483840</v>
      </c>
      <c r="KU29" s="109">
        <v>0</v>
      </c>
      <c r="KV29" s="109">
        <v>251656</v>
      </c>
      <c r="KW29" s="110">
        <v>969462</v>
      </c>
      <c r="KX29" s="292">
        <v>969462</v>
      </c>
      <c r="KY29" s="129">
        <v>0</v>
      </c>
      <c r="KZ29" s="109">
        <v>0</v>
      </c>
      <c r="LA29" s="110">
        <v>0</v>
      </c>
      <c r="LB29" s="470">
        <v>0</v>
      </c>
      <c r="LC29" s="109">
        <v>0</v>
      </c>
      <c r="LD29" s="109">
        <v>0</v>
      </c>
      <c r="LE29" s="109">
        <v>0</v>
      </c>
      <c r="LF29" s="109">
        <v>0</v>
      </c>
      <c r="LG29" s="109">
        <v>0</v>
      </c>
      <c r="LH29" s="110">
        <v>0</v>
      </c>
      <c r="LI29" s="111">
        <v>0</v>
      </c>
      <c r="LJ29" s="129">
        <v>0</v>
      </c>
      <c r="LK29" s="109">
        <v>0</v>
      </c>
      <c r="LL29" s="110">
        <v>0</v>
      </c>
      <c r="LM29" s="470">
        <v>0</v>
      </c>
      <c r="LN29" s="109">
        <v>0</v>
      </c>
      <c r="LO29" s="109">
        <v>0</v>
      </c>
      <c r="LP29" s="109">
        <v>0</v>
      </c>
      <c r="LQ29" s="109">
        <v>0</v>
      </c>
      <c r="LR29" s="109">
        <v>0</v>
      </c>
      <c r="LS29" s="110">
        <v>0</v>
      </c>
      <c r="LT29" s="292">
        <v>0</v>
      </c>
      <c r="LU29" s="129">
        <v>0</v>
      </c>
      <c r="LV29" s="109">
        <v>0</v>
      </c>
      <c r="LW29" s="110">
        <v>0</v>
      </c>
      <c r="LX29" s="470">
        <v>0</v>
      </c>
      <c r="LY29" s="109">
        <v>0</v>
      </c>
      <c r="LZ29" s="109">
        <v>0</v>
      </c>
      <c r="MA29" s="109">
        <v>0</v>
      </c>
      <c r="MB29" s="109">
        <v>0</v>
      </c>
      <c r="MC29" s="109">
        <v>0</v>
      </c>
      <c r="MD29" s="110">
        <v>0</v>
      </c>
      <c r="ME29" s="111">
        <v>0</v>
      </c>
      <c r="MF29" s="129">
        <v>0</v>
      </c>
      <c r="MG29" s="109">
        <v>0</v>
      </c>
      <c r="MH29" s="110">
        <v>0</v>
      </c>
      <c r="MI29" s="470">
        <v>0</v>
      </c>
      <c r="MJ29" s="109">
        <v>0</v>
      </c>
      <c r="MK29" s="109">
        <v>499408</v>
      </c>
      <c r="ML29" s="109">
        <v>740974</v>
      </c>
      <c r="MM29" s="109">
        <v>2016647</v>
      </c>
      <c r="MN29" s="109">
        <v>813800</v>
      </c>
      <c r="MO29" s="110">
        <v>4070829</v>
      </c>
      <c r="MP29" s="130">
        <v>4070829</v>
      </c>
      <c r="MQ29" s="129">
        <v>0</v>
      </c>
      <c r="MR29" s="109">
        <v>0</v>
      </c>
      <c r="MS29" s="110">
        <v>0</v>
      </c>
      <c r="MT29" s="470">
        <v>0</v>
      </c>
      <c r="MU29" s="109">
        <v>0</v>
      </c>
      <c r="MV29" s="109">
        <v>0</v>
      </c>
      <c r="MW29" s="109">
        <v>248360</v>
      </c>
      <c r="MX29" s="109">
        <v>1150128</v>
      </c>
      <c r="MY29" s="109">
        <v>813800</v>
      </c>
      <c r="MZ29" s="110">
        <v>2212288</v>
      </c>
      <c r="NA29" s="130">
        <v>2212288</v>
      </c>
      <c r="NB29" s="129">
        <v>0</v>
      </c>
      <c r="NC29" s="109">
        <v>0</v>
      </c>
      <c r="ND29" s="110">
        <v>0</v>
      </c>
      <c r="NE29" s="470">
        <v>0</v>
      </c>
      <c r="NF29" s="109">
        <v>0</v>
      </c>
      <c r="NG29" s="109">
        <v>499408</v>
      </c>
      <c r="NH29" s="109">
        <v>492614</v>
      </c>
      <c r="NI29" s="109">
        <v>866519</v>
      </c>
      <c r="NJ29" s="109">
        <v>0</v>
      </c>
      <c r="NK29" s="110">
        <v>1858541</v>
      </c>
      <c r="NL29" s="292">
        <v>1858541</v>
      </c>
      <c r="NM29" s="129">
        <v>0</v>
      </c>
      <c r="NN29" s="109">
        <v>0</v>
      </c>
      <c r="NO29" s="110">
        <v>0</v>
      </c>
      <c r="NP29" s="470">
        <v>0</v>
      </c>
      <c r="NQ29" s="109">
        <v>0</v>
      </c>
      <c r="NR29" s="109">
        <v>0</v>
      </c>
      <c r="NS29" s="109">
        <v>0</v>
      </c>
      <c r="NT29" s="109">
        <v>0</v>
      </c>
      <c r="NU29" s="109">
        <v>0</v>
      </c>
      <c r="NV29" s="110">
        <v>0</v>
      </c>
      <c r="NW29" s="111">
        <v>0</v>
      </c>
      <c r="NX29" s="129">
        <v>0</v>
      </c>
      <c r="NY29" s="109">
        <v>0</v>
      </c>
      <c r="NZ29" s="110">
        <v>0</v>
      </c>
      <c r="OA29" s="470">
        <v>0</v>
      </c>
      <c r="OB29" s="109">
        <v>0</v>
      </c>
      <c r="OC29" s="109">
        <v>0</v>
      </c>
      <c r="OD29" s="109">
        <v>0</v>
      </c>
      <c r="OE29" s="109">
        <v>0</v>
      </c>
      <c r="OF29" s="109">
        <v>0</v>
      </c>
      <c r="OG29" s="110">
        <v>0</v>
      </c>
      <c r="OH29" s="111">
        <v>0</v>
      </c>
      <c r="OI29" s="129">
        <v>362624</v>
      </c>
      <c r="OJ29" s="109">
        <v>159683</v>
      </c>
      <c r="OK29" s="128">
        <v>522307</v>
      </c>
      <c r="OL29" s="108">
        <v>0</v>
      </c>
      <c r="OM29" s="109">
        <v>2493467</v>
      </c>
      <c r="ON29" s="109">
        <v>3152357</v>
      </c>
      <c r="OO29" s="109">
        <v>3553681</v>
      </c>
      <c r="OP29" s="109">
        <v>3992187</v>
      </c>
      <c r="OQ29" s="109">
        <v>2882188</v>
      </c>
      <c r="OR29" s="110">
        <v>16073880</v>
      </c>
      <c r="OS29" s="130">
        <v>16596187</v>
      </c>
    </row>
    <row r="30" spans="2:409" ht="21" customHeight="1" x14ac:dyDescent="0.2">
      <c r="B30" s="437" t="s">
        <v>25</v>
      </c>
      <c r="C30" s="100">
        <v>64006</v>
      </c>
      <c r="D30" s="104">
        <v>397107</v>
      </c>
      <c r="E30" s="103">
        <v>461113</v>
      </c>
      <c r="F30" s="99">
        <v>0</v>
      </c>
      <c r="G30" s="104">
        <v>1904495</v>
      </c>
      <c r="H30" s="104">
        <v>1049602</v>
      </c>
      <c r="I30" s="104">
        <v>1459504</v>
      </c>
      <c r="J30" s="104">
        <v>1147866</v>
      </c>
      <c r="K30" s="104">
        <v>418179</v>
      </c>
      <c r="L30" s="156">
        <v>5979646</v>
      </c>
      <c r="M30" s="106">
        <v>6440759</v>
      </c>
      <c r="N30" s="100">
        <v>7704</v>
      </c>
      <c r="O30" s="104">
        <v>172198</v>
      </c>
      <c r="P30" s="103">
        <v>179902</v>
      </c>
      <c r="Q30" s="100">
        <v>0</v>
      </c>
      <c r="R30" s="104">
        <v>680189</v>
      </c>
      <c r="S30" s="104">
        <v>390582</v>
      </c>
      <c r="T30" s="104">
        <v>547257</v>
      </c>
      <c r="U30" s="104">
        <v>347921</v>
      </c>
      <c r="V30" s="104">
        <v>78401</v>
      </c>
      <c r="W30" s="103">
        <v>2044350</v>
      </c>
      <c r="X30" s="106">
        <v>2224252</v>
      </c>
      <c r="Y30" s="100">
        <v>0</v>
      </c>
      <c r="Z30" s="104">
        <v>0</v>
      </c>
      <c r="AA30" s="103">
        <v>0</v>
      </c>
      <c r="AB30" s="100">
        <v>0</v>
      </c>
      <c r="AC30" s="104">
        <v>546895</v>
      </c>
      <c r="AD30" s="104">
        <v>164571</v>
      </c>
      <c r="AE30" s="104">
        <v>159343</v>
      </c>
      <c r="AF30" s="104">
        <v>44193</v>
      </c>
      <c r="AG30" s="104">
        <v>6531</v>
      </c>
      <c r="AH30" s="103">
        <v>921533</v>
      </c>
      <c r="AI30" s="106">
        <v>921533</v>
      </c>
      <c r="AJ30" s="100">
        <v>0</v>
      </c>
      <c r="AK30" s="104">
        <v>0</v>
      </c>
      <c r="AL30" s="103">
        <v>0</v>
      </c>
      <c r="AM30" s="100">
        <v>0</v>
      </c>
      <c r="AN30" s="104">
        <v>0</v>
      </c>
      <c r="AO30" s="104">
        <v>0</v>
      </c>
      <c r="AP30" s="104">
        <v>70619</v>
      </c>
      <c r="AQ30" s="104">
        <v>158162</v>
      </c>
      <c r="AR30" s="104">
        <v>0</v>
      </c>
      <c r="AS30" s="103">
        <v>228781</v>
      </c>
      <c r="AT30" s="106">
        <v>228781</v>
      </c>
      <c r="AU30" s="100">
        <v>7704</v>
      </c>
      <c r="AV30" s="104">
        <v>91846</v>
      </c>
      <c r="AW30" s="103">
        <v>99550</v>
      </c>
      <c r="AX30" s="100">
        <v>0</v>
      </c>
      <c r="AY30" s="104">
        <v>80894</v>
      </c>
      <c r="AZ30" s="104">
        <v>216611</v>
      </c>
      <c r="BA30" s="104">
        <v>178559</v>
      </c>
      <c r="BB30" s="104">
        <v>86822</v>
      </c>
      <c r="BC30" s="104">
        <v>67726</v>
      </c>
      <c r="BD30" s="103">
        <v>630612</v>
      </c>
      <c r="BE30" s="106">
        <v>730162</v>
      </c>
      <c r="BF30" s="100">
        <v>0</v>
      </c>
      <c r="BG30" s="104">
        <v>62320</v>
      </c>
      <c r="BH30" s="102">
        <v>62320</v>
      </c>
      <c r="BI30" s="101">
        <v>0</v>
      </c>
      <c r="BJ30" s="104">
        <v>0</v>
      </c>
      <c r="BK30" s="104">
        <v>0</v>
      </c>
      <c r="BL30" s="104">
        <v>0</v>
      </c>
      <c r="BM30" s="104">
        <v>0</v>
      </c>
      <c r="BN30" s="104">
        <v>0</v>
      </c>
      <c r="BO30" s="103">
        <v>0</v>
      </c>
      <c r="BP30" s="106">
        <v>62320</v>
      </c>
      <c r="BQ30" s="100">
        <v>0</v>
      </c>
      <c r="BR30" s="104">
        <v>18032</v>
      </c>
      <c r="BS30" s="103">
        <v>18032</v>
      </c>
      <c r="BT30" s="100">
        <v>0</v>
      </c>
      <c r="BU30" s="104">
        <v>52400</v>
      </c>
      <c r="BV30" s="104">
        <v>9400</v>
      </c>
      <c r="BW30" s="104">
        <v>138736</v>
      </c>
      <c r="BX30" s="104">
        <v>58744</v>
      </c>
      <c r="BY30" s="104">
        <v>4144</v>
      </c>
      <c r="BZ30" s="103">
        <v>263424</v>
      </c>
      <c r="CA30" s="106">
        <v>281456</v>
      </c>
      <c r="CB30" s="100">
        <v>39262</v>
      </c>
      <c r="CC30" s="104">
        <v>75698</v>
      </c>
      <c r="CD30" s="103">
        <v>114960</v>
      </c>
      <c r="CE30" s="100">
        <v>0</v>
      </c>
      <c r="CF30" s="104">
        <v>447627</v>
      </c>
      <c r="CG30" s="104">
        <v>436629</v>
      </c>
      <c r="CH30" s="104">
        <v>422378</v>
      </c>
      <c r="CI30" s="104">
        <v>224558</v>
      </c>
      <c r="CJ30" s="104">
        <v>91421</v>
      </c>
      <c r="CK30" s="103">
        <v>1622613</v>
      </c>
      <c r="CL30" s="106">
        <v>1737573</v>
      </c>
      <c r="CM30" s="100">
        <v>0</v>
      </c>
      <c r="CN30" s="104">
        <v>0</v>
      </c>
      <c r="CO30" s="103">
        <v>0</v>
      </c>
      <c r="CP30" s="101">
        <v>0</v>
      </c>
      <c r="CQ30" s="104">
        <v>353876</v>
      </c>
      <c r="CR30" s="104">
        <v>153646</v>
      </c>
      <c r="CS30" s="104">
        <v>86072</v>
      </c>
      <c r="CT30" s="104">
        <v>19519</v>
      </c>
      <c r="CU30" s="104">
        <v>0</v>
      </c>
      <c r="CV30" s="103">
        <v>613113</v>
      </c>
      <c r="CW30" s="106">
        <v>613113</v>
      </c>
      <c r="CX30" s="100">
        <v>39262</v>
      </c>
      <c r="CY30" s="104">
        <v>75698</v>
      </c>
      <c r="CZ30" s="103">
        <v>114960</v>
      </c>
      <c r="DA30" s="100">
        <v>0</v>
      </c>
      <c r="DB30" s="104">
        <v>93751</v>
      </c>
      <c r="DC30" s="104">
        <v>282983</v>
      </c>
      <c r="DD30" s="104">
        <v>336306</v>
      </c>
      <c r="DE30" s="104">
        <v>205039</v>
      </c>
      <c r="DF30" s="104">
        <v>91421</v>
      </c>
      <c r="DG30" s="103">
        <v>1009500</v>
      </c>
      <c r="DH30" s="106">
        <v>1124460</v>
      </c>
      <c r="DI30" s="100">
        <v>0</v>
      </c>
      <c r="DJ30" s="104">
        <v>0</v>
      </c>
      <c r="DK30" s="102">
        <v>0</v>
      </c>
      <c r="DL30" s="101">
        <v>0</v>
      </c>
      <c r="DM30" s="104">
        <v>266985</v>
      </c>
      <c r="DN30" s="104">
        <v>83647</v>
      </c>
      <c r="DO30" s="104">
        <v>0</v>
      </c>
      <c r="DP30" s="104">
        <v>0</v>
      </c>
      <c r="DQ30" s="104">
        <v>0</v>
      </c>
      <c r="DR30" s="103">
        <v>350632</v>
      </c>
      <c r="DS30" s="106">
        <v>350632</v>
      </c>
      <c r="DT30" s="100">
        <v>0</v>
      </c>
      <c r="DU30" s="104">
        <v>0</v>
      </c>
      <c r="DV30" s="103">
        <v>0</v>
      </c>
      <c r="DW30" s="100">
        <v>0</v>
      </c>
      <c r="DX30" s="104">
        <v>266985</v>
      </c>
      <c r="DY30" s="104">
        <v>83647</v>
      </c>
      <c r="DZ30" s="104">
        <v>0</v>
      </c>
      <c r="EA30" s="104">
        <v>0</v>
      </c>
      <c r="EB30" s="104">
        <v>0</v>
      </c>
      <c r="EC30" s="103">
        <v>350632</v>
      </c>
      <c r="ED30" s="106">
        <v>350632</v>
      </c>
      <c r="EE30" s="100">
        <v>0</v>
      </c>
      <c r="EF30" s="102">
        <v>0</v>
      </c>
      <c r="EG30" s="103">
        <v>0</v>
      </c>
      <c r="EH30" s="100">
        <v>0</v>
      </c>
      <c r="EI30" s="104">
        <v>0</v>
      </c>
      <c r="EJ30" s="104">
        <v>0</v>
      </c>
      <c r="EK30" s="104">
        <v>0</v>
      </c>
      <c r="EL30" s="104">
        <v>0</v>
      </c>
      <c r="EM30" s="104">
        <v>0</v>
      </c>
      <c r="EN30" s="102">
        <v>0</v>
      </c>
      <c r="EO30" s="106">
        <v>0</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06">
        <v>0</v>
      </c>
      <c r="FE30" s="104">
        <v>0</v>
      </c>
      <c r="FF30" s="104">
        <v>0</v>
      </c>
      <c r="FG30" s="104">
        <v>0</v>
      </c>
      <c r="FH30" s="104">
        <v>0</v>
      </c>
      <c r="FI30" s="104">
        <v>0</v>
      </c>
      <c r="FJ30" s="103">
        <v>0</v>
      </c>
      <c r="FK30" s="106">
        <v>0</v>
      </c>
      <c r="FL30" s="100">
        <v>17040</v>
      </c>
      <c r="FM30" s="104">
        <v>57360</v>
      </c>
      <c r="FN30" s="103">
        <v>74400</v>
      </c>
      <c r="FO30" s="100">
        <v>0</v>
      </c>
      <c r="FP30" s="104">
        <v>31632</v>
      </c>
      <c r="FQ30" s="104">
        <v>138744</v>
      </c>
      <c r="FR30" s="104">
        <v>87056</v>
      </c>
      <c r="FS30" s="104">
        <v>132192</v>
      </c>
      <c r="FT30" s="104">
        <v>13960</v>
      </c>
      <c r="FU30" s="103">
        <v>403584</v>
      </c>
      <c r="FV30" s="106">
        <v>477984</v>
      </c>
      <c r="FW30" s="105">
        <v>17040</v>
      </c>
      <c r="FX30" s="104">
        <v>57360</v>
      </c>
      <c r="FY30" s="102">
        <v>74400</v>
      </c>
      <c r="FZ30" s="101">
        <v>0</v>
      </c>
      <c r="GA30" s="104">
        <v>31632</v>
      </c>
      <c r="GB30" s="104">
        <v>138744</v>
      </c>
      <c r="GC30" s="104">
        <v>87056</v>
      </c>
      <c r="GD30" s="104">
        <v>132192</v>
      </c>
      <c r="GE30" s="104">
        <v>13960</v>
      </c>
      <c r="GF30" s="103">
        <v>403584</v>
      </c>
      <c r="GG30" s="290">
        <v>477984</v>
      </c>
      <c r="GH30" s="105">
        <v>0</v>
      </c>
      <c r="GI30" s="104">
        <v>0</v>
      </c>
      <c r="GJ30" s="102">
        <v>0</v>
      </c>
      <c r="GK30" s="101">
        <v>0</v>
      </c>
      <c r="GL30" s="104">
        <v>0</v>
      </c>
      <c r="GM30" s="104">
        <v>0</v>
      </c>
      <c r="GN30" s="104">
        <v>0</v>
      </c>
      <c r="GO30" s="104">
        <v>0</v>
      </c>
      <c r="GP30" s="104">
        <v>0</v>
      </c>
      <c r="GQ30" s="103">
        <v>0</v>
      </c>
      <c r="GR30" s="106">
        <v>0</v>
      </c>
      <c r="GS30" s="100">
        <v>0</v>
      </c>
      <c r="GT30" s="104">
        <v>0</v>
      </c>
      <c r="GU30" s="103">
        <v>0</v>
      </c>
      <c r="GV30" s="100">
        <v>0</v>
      </c>
      <c r="GW30" s="104">
        <v>0</v>
      </c>
      <c r="GX30" s="104">
        <v>0</v>
      </c>
      <c r="GY30" s="104">
        <v>0</v>
      </c>
      <c r="GZ30" s="104">
        <v>0</v>
      </c>
      <c r="HA30" s="104">
        <v>0</v>
      </c>
      <c r="HB30" s="102">
        <v>0</v>
      </c>
      <c r="HC30" s="106">
        <v>0</v>
      </c>
      <c r="HD30" s="100">
        <v>0</v>
      </c>
      <c r="HE30" s="104">
        <v>91851</v>
      </c>
      <c r="HF30" s="102">
        <v>91851</v>
      </c>
      <c r="HG30" s="101">
        <v>0</v>
      </c>
      <c r="HH30" s="104">
        <v>478062</v>
      </c>
      <c r="HI30" s="104">
        <v>0</v>
      </c>
      <c r="HJ30" s="104">
        <v>402813</v>
      </c>
      <c r="HK30" s="104">
        <v>443195</v>
      </c>
      <c r="HL30" s="104">
        <v>234397</v>
      </c>
      <c r="HM30" s="103">
        <v>1558467</v>
      </c>
      <c r="HN30" s="99">
        <v>1650318</v>
      </c>
      <c r="HO30" s="456">
        <v>0</v>
      </c>
      <c r="HP30" s="457">
        <v>0</v>
      </c>
      <c r="HQ30" s="458">
        <v>0</v>
      </c>
      <c r="HR30" s="459">
        <v>0</v>
      </c>
      <c r="HS30" s="457">
        <v>0</v>
      </c>
      <c r="HT30" s="457">
        <v>0</v>
      </c>
      <c r="HU30" s="457">
        <v>0</v>
      </c>
      <c r="HV30" s="457">
        <v>0</v>
      </c>
      <c r="HW30" s="457">
        <v>0</v>
      </c>
      <c r="HX30" s="460">
        <v>0</v>
      </c>
      <c r="HY30" s="461">
        <v>0</v>
      </c>
      <c r="HZ30" s="135">
        <v>41280</v>
      </c>
      <c r="IA30" s="122">
        <v>0</v>
      </c>
      <c r="IB30" s="135">
        <v>41280</v>
      </c>
      <c r="IC30" s="121">
        <v>0</v>
      </c>
      <c r="ID30" s="122">
        <v>287216</v>
      </c>
      <c r="IE30" s="123">
        <v>51136</v>
      </c>
      <c r="IF30" s="124">
        <v>0</v>
      </c>
      <c r="IG30" s="122">
        <v>0</v>
      </c>
      <c r="IH30" s="124">
        <v>0</v>
      </c>
      <c r="II30" s="125">
        <v>338352</v>
      </c>
      <c r="IJ30" s="135">
        <v>379632</v>
      </c>
      <c r="IK30" s="215">
        <v>0</v>
      </c>
      <c r="IL30" s="219">
        <v>0</v>
      </c>
      <c r="IM30" s="220">
        <v>0</v>
      </c>
      <c r="IN30" s="470">
        <v>0</v>
      </c>
      <c r="IO30" s="109">
        <v>0</v>
      </c>
      <c r="IP30" s="109">
        <v>0</v>
      </c>
      <c r="IQ30" s="109">
        <v>0</v>
      </c>
      <c r="IR30" s="109">
        <v>0</v>
      </c>
      <c r="IS30" s="109">
        <v>0</v>
      </c>
      <c r="IT30" s="128">
        <v>0</v>
      </c>
      <c r="IU30" s="292">
        <v>0</v>
      </c>
      <c r="IV30" s="129">
        <v>0</v>
      </c>
      <c r="IW30" s="109">
        <v>0</v>
      </c>
      <c r="IX30" s="110">
        <v>0</v>
      </c>
      <c r="IY30" s="470">
        <v>0</v>
      </c>
      <c r="IZ30" s="109">
        <v>0</v>
      </c>
      <c r="JA30" s="109">
        <v>0</v>
      </c>
      <c r="JB30" s="109">
        <v>0</v>
      </c>
      <c r="JC30" s="109">
        <v>0</v>
      </c>
      <c r="JD30" s="109">
        <v>0</v>
      </c>
      <c r="JE30" s="110">
        <v>0</v>
      </c>
      <c r="JF30" s="111">
        <v>0</v>
      </c>
      <c r="JG30" s="129">
        <v>0</v>
      </c>
      <c r="JH30" s="109">
        <v>0</v>
      </c>
      <c r="JI30" s="128">
        <v>0</v>
      </c>
      <c r="JJ30" s="108">
        <v>0</v>
      </c>
      <c r="JK30" s="109">
        <v>287216</v>
      </c>
      <c r="JL30" s="109">
        <v>51136</v>
      </c>
      <c r="JM30" s="109">
        <v>0</v>
      </c>
      <c r="JN30" s="109">
        <v>0</v>
      </c>
      <c r="JO30" s="109">
        <v>0</v>
      </c>
      <c r="JP30" s="110">
        <v>338352</v>
      </c>
      <c r="JQ30" s="292">
        <v>338352</v>
      </c>
      <c r="JR30" s="129">
        <v>0</v>
      </c>
      <c r="JS30" s="109">
        <v>0</v>
      </c>
      <c r="JT30" s="128">
        <v>0</v>
      </c>
      <c r="JU30" s="108">
        <v>0</v>
      </c>
      <c r="JV30" s="109">
        <v>0</v>
      </c>
      <c r="JW30" s="109">
        <v>0</v>
      </c>
      <c r="JX30" s="109">
        <v>0</v>
      </c>
      <c r="JY30" s="109">
        <v>0</v>
      </c>
      <c r="JZ30" s="109">
        <v>0</v>
      </c>
      <c r="KA30" s="110">
        <v>0</v>
      </c>
      <c r="KB30" s="292">
        <v>0</v>
      </c>
      <c r="KC30" s="217">
        <v>41280</v>
      </c>
      <c r="KD30" s="213">
        <v>0</v>
      </c>
      <c r="KE30" s="110">
        <v>41280</v>
      </c>
      <c r="KF30" s="108">
        <v>0</v>
      </c>
      <c r="KG30" s="109">
        <v>0</v>
      </c>
      <c r="KH30" s="109">
        <v>0</v>
      </c>
      <c r="KI30" s="109">
        <v>0</v>
      </c>
      <c r="KJ30" s="109">
        <v>0</v>
      </c>
      <c r="KK30" s="109">
        <v>0</v>
      </c>
      <c r="KL30" s="110">
        <v>0</v>
      </c>
      <c r="KM30" s="130">
        <v>41280</v>
      </c>
      <c r="KN30" s="215">
        <v>0</v>
      </c>
      <c r="KO30" s="219">
        <v>0</v>
      </c>
      <c r="KP30" s="220">
        <v>0</v>
      </c>
      <c r="KQ30" s="470">
        <v>0</v>
      </c>
      <c r="KR30" s="109">
        <v>0</v>
      </c>
      <c r="KS30" s="109">
        <v>0</v>
      </c>
      <c r="KT30" s="109">
        <v>0</v>
      </c>
      <c r="KU30" s="109">
        <v>0</v>
      </c>
      <c r="KV30" s="109">
        <v>0</v>
      </c>
      <c r="KW30" s="110">
        <v>0</v>
      </c>
      <c r="KX30" s="292">
        <v>0</v>
      </c>
      <c r="KY30" s="129">
        <v>0</v>
      </c>
      <c r="KZ30" s="109">
        <v>0</v>
      </c>
      <c r="LA30" s="110">
        <v>0</v>
      </c>
      <c r="LB30" s="470">
        <v>0</v>
      </c>
      <c r="LC30" s="109">
        <v>0</v>
      </c>
      <c r="LD30" s="109">
        <v>0</v>
      </c>
      <c r="LE30" s="109">
        <v>0</v>
      </c>
      <c r="LF30" s="109">
        <v>0</v>
      </c>
      <c r="LG30" s="109">
        <v>0</v>
      </c>
      <c r="LH30" s="110">
        <v>0</v>
      </c>
      <c r="LI30" s="111">
        <v>0</v>
      </c>
      <c r="LJ30" s="129">
        <v>0</v>
      </c>
      <c r="LK30" s="109">
        <v>0</v>
      </c>
      <c r="LL30" s="110">
        <v>0</v>
      </c>
      <c r="LM30" s="470">
        <v>0</v>
      </c>
      <c r="LN30" s="109">
        <v>0</v>
      </c>
      <c r="LO30" s="109">
        <v>0</v>
      </c>
      <c r="LP30" s="109">
        <v>0</v>
      </c>
      <c r="LQ30" s="109">
        <v>0</v>
      </c>
      <c r="LR30" s="109">
        <v>0</v>
      </c>
      <c r="LS30" s="110">
        <v>0</v>
      </c>
      <c r="LT30" s="292">
        <v>0</v>
      </c>
      <c r="LU30" s="129">
        <v>0</v>
      </c>
      <c r="LV30" s="109">
        <v>0</v>
      </c>
      <c r="LW30" s="110">
        <v>0</v>
      </c>
      <c r="LX30" s="470">
        <v>0</v>
      </c>
      <c r="LY30" s="109">
        <v>0</v>
      </c>
      <c r="LZ30" s="109">
        <v>0</v>
      </c>
      <c r="MA30" s="109">
        <v>0</v>
      </c>
      <c r="MB30" s="109">
        <v>0</v>
      </c>
      <c r="MC30" s="109">
        <v>0</v>
      </c>
      <c r="MD30" s="110">
        <v>0</v>
      </c>
      <c r="ME30" s="111">
        <v>0</v>
      </c>
      <c r="MF30" s="129">
        <v>0</v>
      </c>
      <c r="MG30" s="109">
        <v>0</v>
      </c>
      <c r="MH30" s="110">
        <v>0</v>
      </c>
      <c r="MI30" s="470">
        <v>0</v>
      </c>
      <c r="MJ30" s="109">
        <v>264292</v>
      </c>
      <c r="MK30" s="109">
        <v>452191</v>
      </c>
      <c r="ML30" s="109">
        <v>718232</v>
      </c>
      <c r="MM30" s="109">
        <v>753158</v>
      </c>
      <c r="MN30" s="109">
        <v>646878</v>
      </c>
      <c r="MO30" s="110">
        <v>2834751</v>
      </c>
      <c r="MP30" s="130">
        <v>2834751</v>
      </c>
      <c r="MQ30" s="129">
        <v>0</v>
      </c>
      <c r="MR30" s="109">
        <v>0</v>
      </c>
      <c r="MS30" s="110">
        <v>0</v>
      </c>
      <c r="MT30" s="470">
        <v>0</v>
      </c>
      <c r="MU30" s="109">
        <v>0</v>
      </c>
      <c r="MV30" s="109">
        <v>208531</v>
      </c>
      <c r="MW30" s="109">
        <v>718232</v>
      </c>
      <c r="MX30" s="109">
        <v>278880</v>
      </c>
      <c r="MY30" s="109">
        <v>264568</v>
      </c>
      <c r="MZ30" s="110">
        <v>1470211</v>
      </c>
      <c r="NA30" s="130">
        <v>1470211</v>
      </c>
      <c r="NB30" s="129">
        <v>0</v>
      </c>
      <c r="NC30" s="109">
        <v>0</v>
      </c>
      <c r="ND30" s="110">
        <v>0</v>
      </c>
      <c r="NE30" s="470">
        <v>0</v>
      </c>
      <c r="NF30" s="109">
        <v>264292</v>
      </c>
      <c r="NG30" s="109">
        <v>243660</v>
      </c>
      <c r="NH30" s="109">
        <v>0</v>
      </c>
      <c r="NI30" s="109">
        <v>474278</v>
      </c>
      <c r="NJ30" s="109">
        <v>382310</v>
      </c>
      <c r="NK30" s="110">
        <v>1364540</v>
      </c>
      <c r="NL30" s="292">
        <v>1364540</v>
      </c>
      <c r="NM30" s="129">
        <v>0</v>
      </c>
      <c r="NN30" s="109">
        <v>0</v>
      </c>
      <c r="NO30" s="110">
        <v>0</v>
      </c>
      <c r="NP30" s="470">
        <v>0</v>
      </c>
      <c r="NQ30" s="109">
        <v>0</v>
      </c>
      <c r="NR30" s="109">
        <v>0</v>
      </c>
      <c r="NS30" s="109">
        <v>0</v>
      </c>
      <c r="NT30" s="109">
        <v>0</v>
      </c>
      <c r="NU30" s="109">
        <v>0</v>
      </c>
      <c r="NV30" s="110">
        <v>0</v>
      </c>
      <c r="NW30" s="111">
        <v>0</v>
      </c>
      <c r="NX30" s="129">
        <v>0</v>
      </c>
      <c r="NY30" s="109">
        <v>0</v>
      </c>
      <c r="NZ30" s="110">
        <v>0</v>
      </c>
      <c r="OA30" s="470">
        <v>0</v>
      </c>
      <c r="OB30" s="109">
        <v>0</v>
      </c>
      <c r="OC30" s="109">
        <v>0</v>
      </c>
      <c r="OD30" s="109">
        <v>0</v>
      </c>
      <c r="OE30" s="109">
        <v>0</v>
      </c>
      <c r="OF30" s="109">
        <v>0</v>
      </c>
      <c r="OG30" s="110">
        <v>0</v>
      </c>
      <c r="OH30" s="111">
        <v>0</v>
      </c>
      <c r="OI30" s="129">
        <v>105286</v>
      </c>
      <c r="OJ30" s="109">
        <v>397107</v>
      </c>
      <c r="OK30" s="128">
        <v>502393</v>
      </c>
      <c r="OL30" s="108">
        <v>0</v>
      </c>
      <c r="OM30" s="109">
        <v>2456003</v>
      </c>
      <c r="ON30" s="109">
        <v>1552929</v>
      </c>
      <c r="OO30" s="109">
        <v>2177736</v>
      </c>
      <c r="OP30" s="109">
        <v>1901024</v>
      </c>
      <c r="OQ30" s="109">
        <v>1065057</v>
      </c>
      <c r="OR30" s="110">
        <v>9152749</v>
      </c>
      <c r="OS30" s="130">
        <v>9655142</v>
      </c>
    </row>
    <row r="31" spans="2:409" ht="21" customHeight="1" x14ac:dyDescent="0.2">
      <c r="B31" s="437" t="s">
        <v>26</v>
      </c>
      <c r="C31" s="100">
        <v>136883</v>
      </c>
      <c r="D31" s="104">
        <v>38000</v>
      </c>
      <c r="E31" s="103">
        <v>174883</v>
      </c>
      <c r="F31" s="99">
        <v>0</v>
      </c>
      <c r="G31" s="104">
        <v>1306858</v>
      </c>
      <c r="H31" s="104">
        <v>1045645</v>
      </c>
      <c r="I31" s="104">
        <v>1314482</v>
      </c>
      <c r="J31" s="104">
        <v>896823</v>
      </c>
      <c r="K31" s="104">
        <v>678645</v>
      </c>
      <c r="L31" s="156">
        <v>5242453</v>
      </c>
      <c r="M31" s="106">
        <v>5417336</v>
      </c>
      <c r="N31" s="100">
        <v>16741</v>
      </c>
      <c r="O31" s="104">
        <v>0</v>
      </c>
      <c r="P31" s="103">
        <v>16741</v>
      </c>
      <c r="Q31" s="100">
        <v>0</v>
      </c>
      <c r="R31" s="104">
        <v>447272</v>
      </c>
      <c r="S31" s="104">
        <v>237337</v>
      </c>
      <c r="T31" s="104">
        <v>383320</v>
      </c>
      <c r="U31" s="104">
        <v>519723</v>
      </c>
      <c r="V31" s="104">
        <v>436281</v>
      </c>
      <c r="W31" s="103">
        <v>2023933</v>
      </c>
      <c r="X31" s="106">
        <v>2040674</v>
      </c>
      <c r="Y31" s="100">
        <v>0</v>
      </c>
      <c r="Z31" s="104">
        <v>0</v>
      </c>
      <c r="AA31" s="103">
        <v>0</v>
      </c>
      <c r="AB31" s="100">
        <v>0</v>
      </c>
      <c r="AC31" s="104">
        <v>320297</v>
      </c>
      <c r="AD31" s="104">
        <v>142625</v>
      </c>
      <c r="AE31" s="104">
        <v>271060</v>
      </c>
      <c r="AF31" s="104">
        <v>111634</v>
      </c>
      <c r="AG31" s="104">
        <v>231534</v>
      </c>
      <c r="AH31" s="103">
        <v>1077150</v>
      </c>
      <c r="AI31" s="106">
        <v>1077150</v>
      </c>
      <c r="AJ31" s="100">
        <v>0</v>
      </c>
      <c r="AK31" s="104">
        <v>0</v>
      </c>
      <c r="AL31" s="103">
        <v>0</v>
      </c>
      <c r="AM31" s="100">
        <v>0</v>
      </c>
      <c r="AN31" s="104">
        <v>0</v>
      </c>
      <c r="AO31" s="104">
        <v>0</v>
      </c>
      <c r="AP31" s="104">
        <v>0</v>
      </c>
      <c r="AQ31" s="104">
        <v>192264</v>
      </c>
      <c r="AR31" s="104">
        <v>0</v>
      </c>
      <c r="AS31" s="103">
        <v>192264</v>
      </c>
      <c r="AT31" s="106">
        <v>192264</v>
      </c>
      <c r="AU31" s="100">
        <v>8485</v>
      </c>
      <c r="AV31" s="104">
        <v>0</v>
      </c>
      <c r="AW31" s="103">
        <v>8485</v>
      </c>
      <c r="AX31" s="100">
        <v>0</v>
      </c>
      <c r="AY31" s="104">
        <v>95519</v>
      </c>
      <c r="AZ31" s="104">
        <v>49440</v>
      </c>
      <c r="BA31" s="104">
        <v>37732</v>
      </c>
      <c r="BB31" s="104">
        <v>138993</v>
      </c>
      <c r="BC31" s="104">
        <v>168171</v>
      </c>
      <c r="BD31" s="103">
        <v>489855</v>
      </c>
      <c r="BE31" s="106">
        <v>498340</v>
      </c>
      <c r="BF31" s="100">
        <v>0</v>
      </c>
      <c r="BG31" s="104">
        <v>0</v>
      </c>
      <c r="BH31" s="102">
        <v>0</v>
      </c>
      <c r="BI31" s="101">
        <v>0</v>
      </c>
      <c r="BJ31" s="104">
        <v>0</v>
      </c>
      <c r="BK31" s="104">
        <v>31600</v>
      </c>
      <c r="BL31" s="104">
        <v>0</v>
      </c>
      <c r="BM31" s="104">
        <v>0</v>
      </c>
      <c r="BN31" s="104">
        <v>0</v>
      </c>
      <c r="BO31" s="103">
        <v>31600</v>
      </c>
      <c r="BP31" s="106">
        <v>31600</v>
      </c>
      <c r="BQ31" s="100">
        <v>8256</v>
      </c>
      <c r="BR31" s="104">
        <v>0</v>
      </c>
      <c r="BS31" s="103">
        <v>8256</v>
      </c>
      <c r="BT31" s="100">
        <v>0</v>
      </c>
      <c r="BU31" s="104">
        <v>31456</v>
      </c>
      <c r="BV31" s="104">
        <v>13672</v>
      </c>
      <c r="BW31" s="104">
        <v>74528</v>
      </c>
      <c r="BX31" s="104">
        <v>76832</v>
      </c>
      <c r="BY31" s="104">
        <v>36576</v>
      </c>
      <c r="BZ31" s="103">
        <v>233064</v>
      </c>
      <c r="CA31" s="106">
        <v>241320</v>
      </c>
      <c r="CB31" s="100">
        <v>0</v>
      </c>
      <c r="CC31" s="104">
        <v>0</v>
      </c>
      <c r="CD31" s="103">
        <v>0</v>
      </c>
      <c r="CE31" s="100">
        <v>0</v>
      </c>
      <c r="CF31" s="104">
        <v>457319</v>
      </c>
      <c r="CG31" s="104">
        <v>457966</v>
      </c>
      <c r="CH31" s="104">
        <v>369824</v>
      </c>
      <c r="CI31" s="104">
        <v>149444</v>
      </c>
      <c r="CJ31" s="104">
        <v>0</v>
      </c>
      <c r="CK31" s="103">
        <v>1434553</v>
      </c>
      <c r="CL31" s="106">
        <v>1434553</v>
      </c>
      <c r="CM31" s="100">
        <v>0</v>
      </c>
      <c r="CN31" s="104">
        <v>0</v>
      </c>
      <c r="CO31" s="103">
        <v>0</v>
      </c>
      <c r="CP31" s="101">
        <v>0</v>
      </c>
      <c r="CQ31" s="104">
        <v>298041</v>
      </c>
      <c r="CR31" s="104">
        <v>350824</v>
      </c>
      <c r="CS31" s="104">
        <v>369824</v>
      </c>
      <c r="CT31" s="104">
        <v>81469</v>
      </c>
      <c r="CU31" s="104">
        <v>0</v>
      </c>
      <c r="CV31" s="103">
        <v>1100158</v>
      </c>
      <c r="CW31" s="106">
        <v>1100158</v>
      </c>
      <c r="CX31" s="100">
        <v>0</v>
      </c>
      <c r="CY31" s="104">
        <v>0</v>
      </c>
      <c r="CZ31" s="103">
        <v>0</v>
      </c>
      <c r="DA31" s="100">
        <v>0</v>
      </c>
      <c r="DB31" s="104">
        <v>159278</v>
      </c>
      <c r="DC31" s="104">
        <v>107142</v>
      </c>
      <c r="DD31" s="104">
        <v>0</v>
      </c>
      <c r="DE31" s="104">
        <v>67975</v>
      </c>
      <c r="DF31" s="104">
        <v>0</v>
      </c>
      <c r="DG31" s="103">
        <v>334395</v>
      </c>
      <c r="DH31" s="106">
        <v>334395</v>
      </c>
      <c r="DI31" s="100">
        <v>0</v>
      </c>
      <c r="DJ31" s="104">
        <v>0</v>
      </c>
      <c r="DK31" s="102">
        <v>0</v>
      </c>
      <c r="DL31" s="101">
        <v>0</v>
      </c>
      <c r="DM31" s="104">
        <v>114655</v>
      </c>
      <c r="DN31" s="104">
        <v>174462</v>
      </c>
      <c r="DO31" s="104">
        <v>97836</v>
      </c>
      <c r="DP31" s="104">
        <v>107136</v>
      </c>
      <c r="DQ31" s="104">
        <v>32172</v>
      </c>
      <c r="DR31" s="103">
        <v>526261</v>
      </c>
      <c r="DS31" s="106">
        <v>526261</v>
      </c>
      <c r="DT31" s="100">
        <v>0</v>
      </c>
      <c r="DU31" s="104">
        <v>0</v>
      </c>
      <c r="DV31" s="103">
        <v>0</v>
      </c>
      <c r="DW31" s="100">
        <v>0</v>
      </c>
      <c r="DX31" s="104">
        <v>114655</v>
      </c>
      <c r="DY31" s="104">
        <v>174462</v>
      </c>
      <c r="DZ31" s="104">
        <v>0</v>
      </c>
      <c r="EA31" s="104">
        <v>0</v>
      </c>
      <c r="EB31" s="104">
        <v>32172</v>
      </c>
      <c r="EC31" s="103">
        <v>321289</v>
      </c>
      <c r="ED31" s="106">
        <v>321289</v>
      </c>
      <c r="EE31" s="100">
        <v>0</v>
      </c>
      <c r="EF31" s="102">
        <v>0</v>
      </c>
      <c r="EG31" s="103">
        <v>0</v>
      </c>
      <c r="EH31" s="100">
        <v>0</v>
      </c>
      <c r="EI31" s="104">
        <v>0</v>
      </c>
      <c r="EJ31" s="104">
        <v>0</v>
      </c>
      <c r="EK31" s="104">
        <v>97836</v>
      </c>
      <c r="EL31" s="104">
        <v>107136</v>
      </c>
      <c r="EM31" s="104">
        <v>0</v>
      </c>
      <c r="EN31" s="102">
        <v>204972</v>
      </c>
      <c r="EO31" s="106">
        <v>204972</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06">
        <v>0</v>
      </c>
      <c r="FE31" s="104">
        <v>0</v>
      </c>
      <c r="FF31" s="104">
        <v>0</v>
      </c>
      <c r="FG31" s="104">
        <v>0</v>
      </c>
      <c r="FH31" s="104">
        <v>0</v>
      </c>
      <c r="FI31" s="104">
        <v>0</v>
      </c>
      <c r="FJ31" s="103">
        <v>0</v>
      </c>
      <c r="FK31" s="106">
        <v>0</v>
      </c>
      <c r="FL31" s="100">
        <v>66112</v>
      </c>
      <c r="FM31" s="104">
        <v>38000</v>
      </c>
      <c r="FN31" s="103">
        <v>104112</v>
      </c>
      <c r="FO31" s="100">
        <v>0</v>
      </c>
      <c r="FP31" s="104">
        <v>130400</v>
      </c>
      <c r="FQ31" s="104">
        <v>175880</v>
      </c>
      <c r="FR31" s="104">
        <v>65784</v>
      </c>
      <c r="FS31" s="104">
        <v>120520</v>
      </c>
      <c r="FT31" s="104">
        <v>210192</v>
      </c>
      <c r="FU31" s="103">
        <v>702776</v>
      </c>
      <c r="FV31" s="106">
        <v>806888</v>
      </c>
      <c r="FW31" s="105">
        <v>22112</v>
      </c>
      <c r="FX31" s="104">
        <v>38000</v>
      </c>
      <c r="FY31" s="102">
        <v>60112</v>
      </c>
      <c r="FZ31" s="101">
        <v>0</v>
      </c>
      <c r="GA31" s="104">
        <v>130400</v>
      </c>
      <c r="GB31" s="104">
        <v>123480</v>
      </c>
      <c r="GC31" s="104">
        <v>65784</v>
      </c>
      <c r="GD31" s="104">
        <v>120520</v>
      </c>
      <c r="GE31" s="104">
        <v>59008</v>
      </c>
      <c r="GF31" s="103">
        <v>499192</v>
      </c>
      <c r="GG31" s="290">
        <v>559304</v>
      </c>
      <c r="GH31" s="105">
        <v>0</v>
      </c>
      <c r="GI31" s="104">
        <v>0</v>
      </c>
      <c r="GJ31" s="102">
        <v>0</v>
      </c>
      <c r="GK31" s="101">
        <v>0</v>
      </c>
      <c r="GL31" s="104">
        <v>0</v>
      </c>
      <c r="GM31" s="104">
        <v>0</v>
      </c>
      <c r="GN31" s="104">
        <v>0</v>
      </c>
      <c r="GO31" s="104">
        <v>0</v>
      </c>
      <c r="GP31" s="104">
        <v>0</v>
      </c>
      <c r="GQ31" s="103">
        <v>0</v>
      </c>
      <c r="GR31" s="106">
        <v>0</v>
      </c>
      <c r="GS31" s="100">
        <v>44000</v>
      </c>
      <c r="GT31" s="104">
        <v>0</v>
      </c>
      <c r="GU31" s="103">
        <v>44000</v>
      </c>
      <c r="GV31" s="100">
        <v>0</v>
      </c>
      <c r="GW31" s="104">
        <v>0</v>
      </c>
      <c r="GX31" s="104">
        <v>52400</v>
      </c>
      <c r="GY31" s="104">
        <v>0</v>
      </c>
      <c r="GZ31" s="104">
        <v>0</v>
      </c>
      <c r="HA31" s="104">
        <v>151184</v>
      </c>
      <c r="HB31" s="102">
        <v>203584</v>
      </c>
      <c r="HC31" s="106">
        <v>247584</v>
      </c>
      <c r="HD31" s="100">
        <v>54030</v>
      </c>
      <c r="HE31" s="104">
        <v>0</v>
      </c>
      <c r="HF31" s="102">
        <v>54030</v>
      </c>
      <c r="HG31" s="101">
        <v>0</v>
      </c>
      <c r="HH31" s="104">
        <v>157212</v>
      </c>
      <c r="HI31" s="104">
        <v>0</v>
      </c>
      <c r="HJ31" s="104">
        <v>397718</v>
      </c>
      <c r="HK31" s="104">
        <v>0</v>
      </c>
      <c r="HL31" s="104">
        <v>0</v>
      </c>
      <c r="HM31" s="103">
        <v>554930</v>
      </c>
      <c r="HN31" s="99">
        <v>608960</v>
      </c>
      <c r="HO31" s="456">
        <v>0</v>
      </c>
      <c r="HP31" s="457">
        <v>0</v>
      </c>
      <c r="HQ31" s="458">
        <v>0</v>
      </c>
      <c r="HR31" s="459">
        <v>0</v>
      </c>
      <c r="HS31" s="457">
        <v>0</v>
      </c>
      <c r="HT31" s="457">
        <v>0</v>
      </c>
      <c r="HU31" s="457">
        <v>0</v>
      </c>
      <c r="HV31" s="457">
        <v>0</v>
      </c>
      <c r="HW31" s="457">
        <v>0</v>
      </c>
      <c r="HX31" s="460">
        <v>0</v>
      </c>
      <c r="HY31" s="461">
        <v>0</v>
      </c>
      <c r="HZ31" s="118">
        <v>0</v>
      </c>
      <c r="IA31" s="119">
        <v>0</v>
      </c>
      <c r="IB31" s="120">
        <v>0</v>
      </c>
      <c r="IC31" s="131">
        <v>0</v>
      </c>
      <c r="ID31" s="119">
        <v>307917</v>
      </c>
      <c r="IE31" s="132">
        <v>159503</v>
      </c>
      <c r="IF31" s="120">
        <v>433980</v>
      </c>
      <c r="IG31" s="119">
        <v>561661</v>
      </c>
      <c r="IH31" s="120">
        <v>345953</v>
      </c>
      <c r="II31" s="133">
        <v>1809014</v>
      </c>
      <c r="IJ31" s="126">
        <v>1809014</v>
      </c>
      <c r="IK31" s="215">
        <v>0</v>
      </c>
      <c r="IL31" s="219">
        <v>0</v>
      </c>
      <c r="IM31" s="220">
        <v>0</v>
      </c>
      <c r="IN31" s="470">
        <v>0</v>
      </c>
      <c r="IO31" s="109">
        <v>0</v>
      </c>
      <c r="IP31" s="109">
        <v>0</v>
      </c>
      <c r="IQ31" s="109">
        <v>0</v>
      </c>
      <c r="IR31" s="109">
        <v>0</v>
      </c>
      <c r="IS31" s="109">
        <v>0</v>
      </c>
      <c r="IT31" s="128">
        <v>0</v>
      </c>
      <c r="IU31" s="292">
        <v>0</v>
      </c>
      <c r="IV31" s="129">
        <v>0</v>
      </c>
      <c r="IW31" s="109">
        <v>0</v>
      </c>
      <c r="IX31" s="110">
        <v>0</v>
      </c>
      <c r="IY31" s="470">
        <v>0</v>
      </c>
      <c r="IZ31" s="109">
        <v>0</v>
      </c>
      <c r="JA31" s="109">
        <v>0</v>
      </c>
      <c r="JB31" s="109">
        <v>0</v>
      </c>
      <c r="JC31" s="109">
        <v>0</v>
      </c>
      <c r="JD31" s="109">
        <v>0</v>
      </c>
      <c r="JE31" s="110">
        <v>0</v>
      </c>
      <c r="JF31" s="111">
        <v>0</v>
      </c>
      <c r="JG31" s="129">
        <v>0</v>
      </c>
      <c r="JH31" s="109">
        <v>0</v>
      </c>
      <c r="JI31" s="128">
        <v>0</v>
      </c>
      <c r="JJ31" s="108">
        <v>0</v>
      </c>
      <c r="JK31" s="109">
        <v>307917</v>
      </c>
      <c r="JL31" s="109">
        <v>159503</v>
      </c>
      <c r="JM31" s="109">
        <v>46510</v>
      </c>
      <c r="JN31" s="109">
        <v>43791</v>
      </c>
      <c r="JO31" s="109">
        <v>55375</v>
      </c>
      <c r="JP31" s="110">
        <v>613096</v>
      </c>
      <c r="JQ31" s="292">
        <v>613096</v>
      </c>
      <c r="JR31" s="129">
        <v>0</v>
      </c>
      <c r="JS31" s="109">
        <v>0</v>
      </c>
      <c r="JT31" s="128">
        <v>0</v>
      </c>
      <c r="JU31" s="108">
        <v>0</v>
      </c>
      <c r="JV31" s="109">
        <v>0</v>
      </c>
      <c r="JW31" s="109">
        <v>0</v>
      </c>
      <c r="JX31" s="109">
        <v>139372</v>
      </c>
      <c r="JY31" s="109">
        <v>0</v>
      </c>
      <c r="JZ31" s="109">
        <v>0</v>
      </c>
      <c r="KA31" s="110">
        <v>139372</v>
      </c>
      <c r="KB31" s="292">
        <v>139372</v>
      </c>
      <c r="KC31" s="217">
        <v>0</v>
      </c>
      <c r="KD31" s="213">
        <v>0</v>
      </c>
      <c r="KE31" s="110">
        <v>0</v>
      </c>
      <c r="KF31" s="108">
        <v>0</v>
      </c>
      <c r="KG31" s="109">
        <v>0</v>
      </c>
      <c r="KH31" s="109">
        <v>0</v>
      </c>
      <c r="KI31" s="109">
        <v>0</v>
      </c>
      <c r="KJ31" s="109">
        <v>0</v>
      </c>
      <c r="KK31" s="109">
        <v>290578</v>
      </c>
      <c r="KL31" s="110">
        <v>290578</v>
      </c>
      <c r="KM31" s="130">
        <v>290578</v>
      </c>
      <c r="KN31" s="215">
        <v>0</v>
      </c>
      <c r="KO31" s="219">
        <v>0</v>
      </c>
      <c r="KP31" s="220">
        <v>0</v>
      </c>
      <c r="KQ31" s="470">
        <v>0</v>
      </c>
      <c r="KR31" s="109">
        <v>0</v>
      </c>
      <c r="KS31" s="109">
        <v>0</v>
      </c>
      <c r="KT31" s="109">
        <v>248098</v>
      </c>
      <c r="KU31" s="109">
        <v>517870</v>
      </c>
      <c r="KV31" s="109">
        <v>0</v>
      </c>
      <c r="KW31" s="110">
        <v>765968</v>
      </c>
      <c r="KX31" s="292">
        <v>765968</v>
      </c>
      <c r="KY31" s="129">
        <v>0</v>
      </c>
      <c r="KZ31" s="109">
        <v>0</v>
      </c>
      <c r="LA31" s="110">
        <v>0</v>
      </c>
      <c r="LB31" s="470">
        <v>0</v>
      </c>
      <c r="LC31" s="109">
        <v>0</v>
      </c>
      <c r="LD31" s="109">
        <v>0</v>
      </c>
      <c r="LE31" s="109">
        <v>0</v>
      </c>
      <c r="LF31" s="109">
        <v>0</v>
      </c>
      <c r="LG31" s="109">
        <v>0</v>
      </c>
      <c r="LH31" s="110">
        <v>0</v>
      </c>
      <c r="LI31" s="111">
        <v>0</v>
      </c>
      <c r="LJ31" s="129">
        <v>0</v>
      </c>
      <c r="LK31" s="109">
        <v>0</v>
      </c>
      <c r="LL31" s="110">
        <v>0</v>
      </c>
      <c r="LM31" s="470">
        <v>0</v>
      </c>
      <c r="LN31" s="109">
        <v>0</v>
      </c>
      <c r="LO31" s="109">
        <v>0</v>
      </c>
      <c r="LP31" s="109">
        <v>0</v>
      </c>
      <c r="LQ31" s="109">
        <v>0</v>
      </c>
      <c r="LR31" s="109">
        <v>0</v>
      </c>
      <c r="LS31" s="110">
        <v>0</v>
      </c>
      <c r="LT31" s="292">
        <v>0</v>
      </c>
      <c r="LU31" s="129">
        <v>0</v>
      </c>
      <c r="LV31" s="109">
        <v>0</v>
      </c>
      <c r="LW31" s="110">
        <v>0</v>
      </c>
      <c r="LX31" s="470">
        <v>0</v>
      </c>
      <c r="LY31" s="109">
        <v>0</v>
      </c>
      <c r="LZ31" s="109">
        <v>0</v>
      </c>
      <c r="MA31" s="109">
        <v>0</v>
      </c>
      <c r="MB31" s="109">
        <v>0</v>
      </c>
      <c r="MC31" s="109">
        <v>0</v>
      </c>
      <c r="MD31" s="110">
        <v>0</v>
      </c>
      <c r="ME31" s="111">
        <v>0</v>
      </c>
      <c r="MF31" s="129">
        <v>0</v>
      </c>
      <c r="MG31" s="109">
        <v>0</v>
      </c>
      <c r="MH31" s="110">
        <v>0</v>
      </c>
      <c r="MI31" s="470">
        <v>0</v>
      </c>
      <c r="MJ31" s="109">
        <v>0</v>
      </c>
      <c r="MK31" s="109">
        <v>148224</v>
      </c>
      <c r="ML31" s="109">
        <v>1000844</v>
      </c>
      <c r="MM31" s="109">
        <v>809109</v>
      </c>
      <c r="MN31" s="109">
        <v>271661</v>
      </c>
      <c r="MO31" s="110">
        <v>2229838</v>
      </c>
      <c r="MP31" s="130">
        <v>2229838</v>
      </c>
      <c r="MQ31" s="129">
        <v>0</v>
      </c>
      <c r="MR31" s="109">
        <v>0</v>
      </c>
      <c r="MS31" s="110">
        <v>0</v>
      </c>
      <c r="MT31" s="470">
        <v>0</v>
      </c>
      <c r="MU31" s="109">
        <v>0</v>
      </c>
      <c r="MV31" s="109">
        <v>0</v>
      </c>
      <c r="MW31" s="109">
        <v>489466</v>
      </c>
      <c r="MX31" s="109">
        <v>809109</v>
      </c>
      <c r="MY31" s="109">
        <v>271661</v>
      </c>
      <c r="MZ31" s="110">
        <v>1570236</v>
      </c>
      <c r="NA31" s="130">
        <v>1570236</v>
      </c>
      <c r="NB31" s="129">
        <v>0</v>
      </c>
      <c r="NC31" s="109">
        <v>0</v>
      </c>
      <c r="ND31" s="110">
        <v>0</v>
      </c>
      <c r="NE31" s="470">
        <v>0</v>
      </c>
      <c r="NF31" s="109">
        <v>0</v>
      </c>
      <c r="NG31" s="109">
        <v>148224</v>
      </c>
      <c r="NH31" s="109">
        <v>511378</v>
      </c>
      <c r="NI31" s="109">
        <v>0</v>
      </c>
      <c r="NJ31" s="109">
        <v>0</v>
      </c>
      <c r="NK31" s="110">
        <v>659602</v>
      </c>
      <c r="NL31" s="292">
        <v>659602</v>
      </c>
      <c r="NM31" s="129">
        <v>0</v>
      </c>
      <c r="NN31" s="109">
        <v>0</v>
      </c>
      <c r="NO31" s="110">
        <v>0</v>
      </c>
      <c r="NP31" s="470">
        <v>0</v>
      </c>
      <c r="NQ31" s="109">
        <v>0</v>
      </c>
      <c r="NR31" s="109">
        <v>0</v>
      </c>
      <c r="NS31" s="109">
        <v>0</v>
      </c>
      <c r="NT31" s="109">
        <v>0</v>
      </c>
      <c r="NU31" s="109">
        <v>0</v>
      </c>
      <c r="NV31" s="110">
        <v>0</v>
      </c>
      <c r="NW31" s="111">
        <v>0</v>
      </c>
      <c r="NX31" s="129">
        <v>0</v>
      </c>
      <c r="NY31" s="109">
        <v>0</v>
      </c>
      <c r="NZ31" s="110">
        <v>0</v>
      </c>
      <c r="OA31" s="470">
        <v>0</v>
      </c>
      <c r="OB31" s="109">
        <v>0</v>
      </c>
      <c r="OC31" s="109">
        <v>0</v>
      </c>
      <c r="OD31" s="109">
        <v>0</v>
      </c>
      <c r="OE31" s="109">
        <v>0</v>
      </c>
      <c r="OF31" s="109">
        <v>0</v>
      </c>
      <c r="OG31" s="110">
        <v>0</v>
      </c>
      <c r="OH31" s="111">
        <v>0</v>
      </c>
      <c r="OI31" s="129">
        <v>136883</v>
      </c>
      <c r="OJ31" s="109">
        <v>38000</v>
      </c>
      <c r="OK31" s="128">
        <v>174883</v>
      </c>
      <c r="OL31" s="108">
        <v>0</v>
      </c>
      <c r="OM31" s="109">
        <v>1614775</v>
      </c>
      <c r="ON31" s="109">
        <v>1353372</v>
      </c>
      <c r="OO31" s="109">
        <v>2749306</v>
      </c>
      <c r="OP31" s="109">
        <v>2267593</v>
      </c>
      <c r="OQ31" s="109">
        <v>1296259</v>
      </c>
      <c r="OR31" s="110">
        <v>9281305</v>
      </c>
      <c r="OS31" s="130">
        <v>9456188</v>
      </c>
    </row>
    <row r="32" spans="2:409" ht="21" customHeight="1" x14ac:dyDescent="0.2">
      <c r="B32" s="437" t="s">
        <v>27</v>
      </c>
      <c r="C32" s="100">
        <v>105461</v>
      </c>
      <c r="D32" s="104">
        <v>293234</v>
      </c>
      <c r="E32" s="103">
        <v>398695</v>
      </c>
      <c r="F32" s="99">
        <v>0</v>
      </c>
      <c r="G32" s="104">
        <v>1270607</v>
      </c>
      <c r="H32" s="104">
        <v>1390471</v>
      </c>
      <c r="I32" s="104">
        <v>1146464</v>
      </c>
      <c r="J32" s="104">
        <v>1851837</v>
      </c>
      <c r="K32" s="104">
        <v>758677</v>
      </c>
      <c r="L32" s="156">
        <v>6418056</v>
      </c>
      <c r="M32" s="106">
        <v>6816751</v>
      </c>
      <c r="N32" s="100">
        <v>37212</v>
      </c>
      <c r="O32" s="104">
        <v>142432</v>
      </c>
      <c r="P32" s="103">
        <v>179644</v>
      </c>
      <c r="Q32" s="100">
        <v>0</v>
      </c>
      <c r="R32" s="104">
        <v>329390</v>
      </c>
      <c r="S32" s="104">
        <v>505530</v>
      </c>
      <c r="T32" s="104">
        <v>439613</v>
      </c>
      <c r="U32" s="104">
        <v>483331</v>
      </c>
      <c r="V32" s="104">
        <v>735669</v>
      </c>
      <c r="W32" s="103">
        <v>2493533</v>
      </c>
      <c r="X32" s="106">
        <v>2673177</v>
      </c>
      <c r="Y32" s="100">
        <v>0</v>
      </c>
      <c r="Z32" s="104">
        <v>0</v>
      </c>
      <c r="AA32" s="103">
        <v>0</v>
      </c>
      <c r="AB32" s="100">
        <v>0</v>
      </c>
      <c r="AC32" s="104">
        <v>63418</v>
      </c>
      <c r="AD32" s="104">
        <v>193227</v>
      </c>
      <c r="AE32" s="104">
        <v>350743</v>
      </c>
      <c r="AF32" s="104">
        <v>239259</v>
      </c>
      <c r="AG32" s="104">
        <v>561636</v>
      </c>
      <c r="AH32" s="103">
        <v>1408283</v>
      </c>
      <c r="AI32" s="106">
        <v>1408283</v>
      </c>
      <c r="AJ32" s="100">
        <v>0</v>
      </c>
      <c r="AK32" s="104">
        <v>0</v>
      </c>
      <c r="AL32" s="103">
        <v>0</v>
      </c>
      <c r="AM32" s="100">
        <v>0</v>
      </c>
      <c r="AN32" s="104">
        <v>0</v>
      </c>
      <c r="AO32" s="104">
        <v>0</v>
      </c>
      <c r="AP32" s="104">
        <v>0</v>
      </c>
      <c r="AQ32" s="104">
        <v>0</v>
      </c>
      <c r="AR32" s="104">
        <v>0</v>
      </c>
      <c r="AS32" s="103">
        <v>0</v>
      </c>
      <c r="AT32" s="106">
        <v>0</v>
      </c>
      <c r="AU32" s="100">
        <v>22156</v>
      </c>
      <c r="AV32" s="104">
        <v>137320</v>
      </c>
      <c r="AW32" s="103">
        <v>159476</v>
      </c>
      <c r="AX32" s="100">
        <v>0</v>
      </c>
      <c r="AY32" s="104">
        <v>213908</v>
      </c>
      <c r="AZ32" s="104">
        <v>222239</v>
      </c>
      <c r="BA32" s="104">
        <v>38694</v>
      </c>
      <c r="BB32" s="104">
        <v>178400</v>
      </c>
      <c r="BC32" s="104">
        <v>149633</v>
      </c>
      <c r="BD32" s="103">
        <v>802874</v>
      </c>
      <c r="BE32" s="106">
        <v>962350</v>
      </c>
      <c r="BF32" s="100">
        <v>0</v>
      </c>
      <c r="BG32" s="104">
        <v>0</v>
      </c>
      <c r="BH32" s="102">
        <v>0</v>
      </c>
      <c r="BI32" s="101">
        <v>0</v>
      </c>
      <c r="BJ32" s="104">
        <v>0</v>
      </c>
      <c r="BK32" s="104">
        <v>31600</v>
      </c>
      <c r="BL32" s="104">
        <v>0</v>
      </c>
      <c r="BM32" s="104">
        <v>0</v>
      </c>
      <c r="BN32" s="104">
        <v>0</v>
      </c>
      <c r="BO32" s="103">
        <v>31600</v>
      </c>
      <c r="BP32" s="106">
        <v>31600</v>
      </c>
      <c r="BQ32" s="100">
        <v>15056</v>
      </c>
      <c r="BR32" s="104">
        <v>5112</v>
      </c>
      <c r="BS32" s="103">
        <v>20168</v>
      </c>
      <c r="BT32" s="100">
        <v>0</v>
      </c>
      <c r="BU32" s="104">
        <v>52064</v>
      </c>
      <c r="BV32" s="104">
        <v>58464</v>
      </c>
      <c r="BW32" s="104">
        <v>50176</v>
      </c>
      <c r="BX32" s="104">
        <v>65672</v>
      </c>
      <c r="BY32" s="104">
        <v>24400</v>
      </c>
      <c r="BZ32" s="103">
        <v>250776</v>
      </c>
      <c r="CA32" s="106">
        <v>270944</v>
      </c>
      <c r="CB32" s="100">
        <v>0</v>
      </c>
      <c r="CC32" s="104">
        <v>79762</v>
      </c>
      <c r="CD32" s="103">
        <v>79762</v>
      </c>
      <c r="CE32" s="100">
        <v>0</v>
      </c>
      <c r="CF32" s="104">
        <v>577739</v>
      </c>
      <c r="CG32" s="104">
        <v>693093</v>
      </c>
      <c r="CH32" s="104">
        <v>511855</v>
      </c>
      <c r="CI32" s="104">
        <v>372844</v>
      </c>
      <c r="CJ32" s="104">
        <v>0</v>
      </c>
      <c r="CK32" s="103">
        <v>2155531</v>
      </c>
      <c r="CL32" s="106">
        <v>2235293</v>
      </c>
      <c r="CM32" s="100">
        <v>0</v>
      </c>
      <c r="CN32" s="104">
        <v>0</v>
      </c>
      <c r="CO32" s="103">
        <v>0</v>
      </c>
      <c r="CP32" s="101">
        <v>0</v>
      </c>
      <c r="CQ32" s="104">
        <v>425078</v>
      </c>
      <c r="CR32" s="104">
        <v>537319</v>
      </c>
      <c r="CS32" s="104">
        <v>436670</v>
      </c>
      <c r="CT32" s="104">
        <v>372844</v>
      </c>
      <c r="CU32" s="104">
        <v>0</v>
      </c>
      <c r="CV32" s="103">
        <v>1771911</v>
      </c>
      <c r="CW32" s="106">
        <v>1771911</v>
      </c>
      <c r="CX32" s="100">
        <v>0</v>
      </c>
      <c r="CY32" s="104">
        <v>79762</v>
      </c>
      <c r="CZ32" s="103">
        <v>79762</v>
      </c>
      <c r="DA32" s="100">
        <v>0</v>
      </c>
      <c r="DB32" s="104">
        <v>152661</v>
      </c>
      <c r="DC32" s="104">
        <v>155774</v>
      </c>
      <c r="DD32" s="104">
        <v>75185</v>
      </c>
      <c r="DE32" s="104">
        <v>0</v>
      </c>
      <c r="DF32" s="104">
        <v>0</v>
      </c>
      <c r="DG32" s="103">
        <v>383620</v>
      </c>
      <c r="DH32" s="106">
        <v>463382</v>
      </c>
      <c r="DI32" s="100">
        <v>0</v>
      </c>
      <c r="DJ32" s="104">
        <v>0</v>
      </c>
      <c r="DK32" s="102">
        <v>0</v>
      </c>
      <c r="DL32" s="101">
        <v>0</v>
      </c>
      <c r="DM32" s="104">
        <v>20154</v>
      </c>
      <c r="DN32" s="104">
        <v>0</v>
      </c>
      <c r="DO32" s="104">
        <v>87060</v>
      </c>
      <c r="DP32" s="104">
        <v>127059</v>
      </c>
      <c r="DQ32" s="104">
        <v>0</v>
      </c>
      <c r="DR32" s="103">
        <v>234273</v>
      </c>
      <c r="DS32" s="106">
        <v>234273</v>
      </c>
      <c r="DT32" s="100">
        <v>0</v>
      </c>
      <c r="DU32" s="104">
        <v>0</v>
      </c>
      <c r="DV32" s="103">
        <v>0</v>
      </c>
      <c r="DW32" s="100">
        <v>0</v>
      </c>
      <c r="DX32" s="104">
        <v>20154</v>
      </c>
      <c r="DY32" s="104">
        <v>0</v>
      </c>
      <c r="DZ32" s="104">
        <v>87060</v>
      </c>
      <c r="EA32" s="104">
        <v>127059</v>
      </c>
      <c r="EB32" s="104">
        <v>0</v>
      </c>
      <c r="EC32" s="103">
        <v>234273</v>
      </c>
      <c r="ED32" s="106">
        <v>234273</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06">
        <v>0</v>
      </c>
      <c r="FE32" s="104">
        <v>0</v>
      </c>
      <c r="FF32" s="104">
        <v>0</v>
      </c>
      <c r="FG32" s="104">
        <v>0</v>
      </c>
      <c r="FH32" s="104">
        <v>0</v>
      </c>
      <c r="FI32" s="104">
        <v>0</v>
      </c>
      <c r="FJ32" s="103">
        <v>0</v>
      </c>
      <c r="FK32" s="106">
        <v>0</v>
      </c>
      <c r="FL32" s="100">
        <v>15840</v>
      </c>
      <c r="FM32" s="104">
        <v>71040</v>
      </c>
      <c r="FN32" s="103">
        <v>86880</v>
      </c>
      <c r="FO32" s="100">
        <v>0</v>
      </c>
      <c r="FP32" s="104">
        <v>24400</v>
      </c>
      <c r="FQ32" s="104">
        <v>191848</v>
      </c>
      <c r="FR32" s="104">
        <v>107936</v>
      </c>
      <c r="FS32" s="104">
        <v>60360</v>
      </c>
      <c r="FT32" s="104">
        <v>23008</v>
      </c>
      <c r="FU32" s="103">
        <v>407552</v>
      </c>
      <c r="FV32" s="106">
        <v>494432</v>
      </c>
      <c r="FW32" s="105">
        <v>15840</v>
      </c>
      <c r="FX32" s="104">
        <v>71040</v>
      </c>
      <c r="FY32" s="102">
        <v>86880</v>
      </c>
      <c r="FZ32" s="101">
        <v>0</v>
      </c>
      <c r="GA32" s="104">
        <v>24400</v>
      </c>
      <c r="GB32" s="104">
        <v>191848</v>
      </c>
      <c r="GC32" s="104">
        <v>107936</v>
      </c>
      <c r="GD32" s="104">
        <v>60360</v>
      </c>
      <c r="GE32" s="104">
        <v>23008</v>
      </c>
      <c r="GF32" s="103">
        <v>407552</v>
      </c>
      <c r="GG32" s="290">
        <v>494432</v>
      </c>
      <c r="GH32" s="105">
        <v>0</v>
      </c>
      <c r="GI32" s="104">
        <v>0</v>
      </c>
      <c r="GJ32" s="102">
        <v>0</v>
      </c>
      <c r="GK32" s="101">
        <v>0</v>
      </c>
      <c r="GL32" s="104">
        <v>0</v>
      </c>
      <c r="GM32" s="104">
        <v>0</v>
      </c>
      <c r="GN32" s="104">
        <v>0</v>
      </c>
      <c r="GO32" s="104">
        <v>0</v>
      </c>
      <c r="GP32" s="104">
        <v>0</v>
      </c>
      <c r="GQ32" s="103">
        <v>0</v>
      </c>
      <c r="GR32" s="106">
        <v>0</v>
      </c>
      <c r="GS32" s="100">
        <v>0</v>
      </c>
      <c r="GT32" s="104">
        <v>0</v>
      </c>
      <c r="GU32" s="103">
        <v>0</v>
      </c>
      <c r="GV32" s="100">
        <v>0</v>
      </c>
      <c r="GW32" s="104">
        <v>0</v>
      </c>
      <c r="GX32" s="104">
        <v>0</v>
      </c>
      <c r="GY32" s="104">
        <v>0</v>
      </c>
      <c r="GZ32" s="104">
        <v>0</v>
      </c>
      <c r="HA32" s="104">
        <v>0</v>
      </c>
      <c r="HB32" s="102">
        <v>0</v>
      </c>
      <c r="HC32" s="106">
        <v>0</v>
      </c>
      <c r="HD32" s="100">
        <v>52409</v>
      </c>
      <c r="HE32" s="104">
        <v>0</v>
      </c>
      <c r="HF32" s="102">
        <v>52409</v>
      </c>
      <c r="HG32" s="101">
        <v>0</v>
      </c>
      <c r="HH32" s="104">
        <v>318924</v>
      </c>
      <c r="HI32" s="104">
        <v>0</v>
      </c>
      <c r="HJ32" s="104">
        <v>0</v>
      </c>
      <c r="HK32" s="104">
        <v>808243</v>
      </c>
      <c r="HL32" s="104">
        <v>0</v>
      </c>
      <c r="HM32" s="103">
        <v>1127167</v>
      </c>
      <c r="HN32" s="99">
        <v>1179576</v>
      </c>
      <c r="HO32" s="456">
        <v>0</v>
      </c>
      <c r="HP32" s="457">
        <v>0</v>
      </c>
      <c r="HQ32" s="458">
        <v>0</v>
      </c>
      <c r="HR32" s="459">
        <v>0</v>
      </c>
      <c r="HS32" s="457">
        <v>0</v>
      </c>
      <c r="HT32" s="457">
        <v>0</v>
      </c>
      <c r="HU32" s="457">
        <v>0</v>
      </c>
      <c r="HV32" s="457">
        <v>0</v>
      </c>
      <c r="HW32" s="457">
        <v>0</v>
      </c>
      <c r="HX32" s="460">
        <v>0</v>
      </c>
      <c r="HY32" s="461">
        <v>0</v>
      </c>
      <c r="HZ32" s="135">
        <v>0</v>
      </c>
      <c r="IA32" s="122">
        <v>0</v>
      </c>
      <c r="IB32" s="135">
        <v>0</v>
      </c>
      <c r="IC32" s="121">
        <v>0</v>
      </c>
      <c r="ID32" s="122">
        <v>0</v>
      </c>
      <c r="IE32" s="123">
        <v>171532</v>
      </c>
      <c r="IF32" s="124">
        <v>909939</v>
      </c>
      <c r="IG32" s="122">
        <v>241200</v>
      </c>
      <c r="IH32" s="124">
        <v>0</v>
      </c>
      <c r="II32" s="125">
        <v>1322671</v>
      </c>
      <c r="IJ32" s="135">
        <v>1322671</v>
      </c>
      <c r="IK32" s="215">
        <v>0</v>
      </c>
      <c r="IL32" s="219">
        <v>0</v>
      </c>
      <c r="IM32" s="220">
        <v>0</v>
      </c>
      <c r="IN32" s="470">
        <v>0</v>
      </c>
      <c r="IO32" s="109">
        <v>0</v>
      </c>
      <c r="IP32" s="109">
        <v>0</v>
      </c>
      <c r="IQ32" s="109">
        <v>175496</v>
      </c>
      <c r="IR32" s="109">
        <v>0</v>
      </c>
      <c r="IS32" s="109">
        <v>0</v>
      </c>
      <c r="IT32" s="128">
        <v>175496</v>
      </c>
      <c r="IU32" s="292">
        <v>175496</v>
      </c>
      <c r="IV32" s="129">
        <v>0</v>
      </c>
      <c r="IW32" s="109">
        <v>0</v>
      </c>
      <c r="IX32" s="110">
        <v>0</v>
      </c>
      <c r="IY32" s="470">
        <v>0</v>
      </c>
      <c r="IZ32" s="109">
        <v>0</v>
      </c>
      <c r="JA32" s="109">
        <v>0</v>
      </c>
      <c r="JB32" s="109">
        <v>0</v>
      </c>
      <c r="JC32" s="109">
        <v>0</v>
      </c>
      <c r="JD32" s="109">
        <v>0</v>
      </c>
      <c r="JE32" s="110">
        <v>0</v>
      </c>
      <c r="JF32" s="111">
        <v>0</v>
      </c>
      <c r="JG32" s="129">
        <v>0</v>
      </c>
      <c r="JH32" s="109">
        <v>0</v>
      </c>
      <c r="JI32" s="128">
        <v>0</v>
      </c>
      <c r="JJ32" s="108">
        <v>0</v>
      </c>
      <c r="JK32" s="109">
        <v>0</v>
      </c>
      <c r="JL32" s="109">
        <v>30070</v>
      </c>
      <c r="JM32" s="109">
        <v>0</v>
      </c>
      <c r="JN32" s="109">
        <v>0</v>
      </c>
      <c r="JO32" s="109">
        <v>0</v>
      </c>
      <c r="JP32" s="110">
        <v>30070</v>
      </c>
      <c r="JQ32" s="292">
        <v>30070</v>
      </c>
      <c r="JR32" s="129">
        <v>0</v>
      </c>
      <c r="JS32" s="109">
        <v>0</v>
      </c>
      <c r="JT32" s="128">
        <v>0</v>
      </c>
      <c r="JU32" s="108">
        <v>0</v>
      </c>
      <c r="JV32" s="109">
        <v>0</v>
      </c>
      <c r="JW32" s="109">
        <v>0</v>
      </c>
      <c r="JX32" s="109">
        <v>0</v>
      </c>
      <c r="JY32" s="109">
        <v>241200</v>
      </c>
      <c r="JZ32" s="109">
        <v>0</v>
      </c>
      <c r="KA32" s="110">
        <v>241200</v>
      </c>
      <c r="KB32" s="292">
        <v>241200</v>
      </c>
      <c r="KC32" s="217">
        <v>0</v>
      </c>
      <c r="KD32" s="213">
        <v>0</v>
      </c>
      <c r="KE32" s="110">
        <v>0</v>
      </c>
      <c r="KF32" s="108">
        <v>0</v>
      </c>
      <c r="KG32" s="109">
        <v>0</v>
      </c>
      <c r="KH32" s="109">
        <v>141462</v>
      </c>
      <c r="KI32" s="109">
        <v>0</v>
      </c>
      <c r="KJ32" s="109">
        <v>0</v>
      </c>
      <c r="KK32" s="109">
        <v>0</v>
      </c>
      <c r="KL32" s="110">
        <v>141462</v>
      </c>
      <c r="KM32" s="130">
        <v>141462</v>
      </c>
      <c r="KN32" s="215">
        <v>0</v>
      </c>
      <c r="KO32" s="219">
        <v>0</v>
      </c>
      <c r="KP32" s="220">
        <v>0</v>
      </c>
      <c r="KQ32" s="470">
        <v>0</v>
      </c>
      <c r="KR32" s="109">
        <v>0</v>
      </c>
      <c r="KS32" s="109">
        <v>0</v>
      </c>
      <c r="KT32" s="109">
        <v>504478</v>
      </c>
      <c r="KU32" s="109">
        <v>0</v>
      </c>
      <c r="KV32" s="109">
        <v>0</v>
      </c>
      <c r="KW32" s="110">
        <v>504478</v>
      </c>
      <c r="KX32" s="292">
        <v>504478</v>
      </c>
      <c r="KY32" s="129">
        <v>0</v>
      </c>
      <c r="KZ32" s="109">
        <v>0</v>
      </c>
      <c r="LA32" s="110">
        <v>0</v>
      </c>
      <c r="LB32" s="470">
        <v>0</v>
      </c>
      <c r="LC32" s="109">
        <v>0</v>
      </c>
      <c r="LD32" s="109">
        <v>0</v>
      </c>
      <c r="LE32" s="109">
        <v>0</v>
      </c>
      <c r="LF32" s="109">
        <v>0</v>
      </c>
      <c r="LG32" s="109">
        <v>0</v>
      </c>
      <c r="LH32" s="110">
        <v>0</v>
      </c>
      <c r="LI32" s="111">
        <v>0</v>
      </c>
      <c r="LJ32" s="129">
        <v>0</v>
      </c>
      <c r="LK32" s="109">
        <v>0</v>
      </c>
      <c r="LL32" s="110">
        <v>0</v>
      </c>
      <c r="LM32" s="470">
        <v>0</v>
      </c>
      <c r="LN32" s="109">
        <v>0</v>
      </c>
      <c r="LO32" s="109">
        <v>0</v>
      </c>
      <c r="LP32" s="109">
        <v>229965</v>
      </c>
      <c r="LQ32" s="109">
        <v>0</v>
      </c>
      <c r="LR32" s="109">
        <v>0</v>
      </c>
      <c r="LS32" s="110">
        <v>229965</v>
      </c>
      <c r="LT32" s="292">
        <v>229965</v>
      </c>
      <c r="LU32" s="129">
        <v>0</v>
      </c>
      <c r="LV32" s="109">
        <v>0</v>
      </c>
      <c r="LW32" s="110">
        <v>0</v>
      </c>
      <c r="LX32" s="470">
        <v>0</v>
      </c>
      <c r="LY32" s="109">
        <v>0</v>
      </c>
      <c r="LZ32" s="109">
        <v>0</v>
      </c>
      <c r="MA32" s="109">
        <v>0</v>
      </c>
      <c r="MB32" s="109">
        <v>0</v>
      </c>
      <c r="MC32" s="109">
        <v>0</v>
      </c>
      <c r="MD32" s="110">
        <v>0</v>
      </c>
      <c r="ME32" s="111">
        <v>0</v>
      </c>
      <c r="MF32" s="129">
        <v>0</v>
      </c>
      <c r="MG32" s="109">
        <v>0</v>
      </c>
      <c r="MH32" s="110">
        <v>0</v>
      </c>
      <c r="MI32" s="470">
        <v>0</v>
      </c>
      <c r="MJ32" s="109">
        <v>0</v>
      </c>
      <c r="MK32" s="109">
        <v>483449</v>
      </c>
      <c r="ML32" s="109">
        <v>477002</v>
      </c>
      <c r="MM32" s="109">
        <v>1067185</v>
      </c>
      <c r="MN32" s="109">
        <v>592505</v>
      </c>
      <c r="MO32" s="110">
        <v>2620141</v>
      </c>
      <c r="MP32" s="130">
        <v>2620141</v>
      </c>
      <c r="MQ32" s="129">
        <v>0</v>
      </c>
      <c r="MR32" s="109">
        <v>0</v>
      </c>
      <c r="MS32" s="110">
        <v>0</v>
      </c>
      <c r="MT32" s="470">
        <v>0</v>
      </c>
      <c r="MU32" s="109">
        <v>0</v>
      </c>
      <c r="MV32" s="109">
        <v>234623</v>
      </c>
      <c r="MW32" s="109">
        <v>211840</v>
      </c>
      <c r="MX32" s="109">
        <v>0</v>
      </c>
      <c r="MY32" s="109">
        <v>296278</v>
      </c>
      <c r="MZ32" s="110">
        <v>742741</v>
      </c>
      <c r="NA32" s="130">
        <v>742741</v>
      </c>
      <c r="NB32" s="129">
        <v>0</v>
      </c>
      <c r="NC32" s="109">
        <v>0</v>
      </c>
      <c r="ND32" s="110">
        <v>0</v>
      </c>
      <c r="NE32" s="470">
        <v>0</v>
      </c>
      <c r="NF32" s="109">
        <v>0</v>
      </c>
      <c r="NG32" s="109">
        <v>248826</v>
      </c>
      <c r="NH32" s="109">
        <v>265162</v>
      </c>
      <c r="NI32" s="109">
        <v>1067185</v>
      </c>
      <c r="NJ32" s="109">
        <v>296227</v>
      </c>
      <c r="NK32" s="110">
        <v>1877400</v>
      </c>
      <c r="NL32" s="292">
        <v>1877400</v>
      </c>
      <c r="NM32" s="129">
        <v>0</v>
      </c>
      <c r="NN32" s="109">
        <v>0</v>
      </c>
      <c r="NO32" s="110">
        <v>0</v>
      </c>
      <c r="NP32" s="470">
        <v>0</v>
      </c>
      <c r="NQ32" s="109">
        <v>0</v>
      </c>
      <c r="NR32" s="109">
        <v>0</v>
      </c>
      <c r="NS32" s="109">
        <v>0</v>
      </c>
      <c r="NT32" s="109">
        <v>0</v>
      </c>
      <c r="NU32" s="109">
        <v>0</v>
      </c>
      <c r="NV32" s="110">
        <v>0</v>
      </c>
      <c r="NW32" s="111">
        <v>0</v>
      </c>
      <c r="NX32" s="129">
        <v>0</v>
      </c>
      <c r="NY32" s="109">
        <v>0</v>
      </c>
      <c r="NZ32" s="110">
        <v>0</v>
      </c>
      <c r="OA32" s="470">
        <v>0</v>
      </c>
      <c r="OB32" s="109">
        <v>0</v>
      </c>
      <c r="OC32" s="109">
        <v>0</v>
      </c>
      <c r="OD32" s="109">
        <v>0</v>
      </c>
      <c r="OE32" s="109">
        <v>0</v>
      </c>
      <c r="OF32" s="109">
        <v>0</v>
      </c>
      <c r="OG32" s="110">
        <v>0</v>
      </c>
      <c r="OH32" s="111">
        <v>0</v>
      </c>
      <c r="OI32" s="129">
        <v>105461</v>
      </c>
      <c r="OJ32" s="109">
        <v>293234</v>
      </c>
      <c r="OK32" s="128">
        <v>398695</v>
      </c>
      <c r="OL32" s="108">
        <v>0</v>
      </c>
      <c r="OM32" s="109">
        <v>1270607</v>
      </c>
      <c r="ON32" s="109">
        <v>2045452</v>
      </c>
      <c r="OO32" s="109">
        <v>2533405</v>
      </c>
      <c r="OP32" s="109">
        <v>3160222</v>
      </c>
      <c r="OQ32" s="109">
        <v>1351182</v>
      </c>
      <c r="OR32" s="110">
        <v>10360868</v>
      </c>
      <c r="OS32" s="130">
        <v>10759563</v>
      </c>
    </row>
    <row r="33" spans="2:409" ht="21" customHeight="1" x14ac:dyDescent="0.2">
      <c r="B33" s="437" t="s">
        <v>28</v>
      </c>
      <c r="C33" s="100">
        <v>0</v>
      </c>
      <c r="D33" s="104">
        <v>0</v>
      </c>
      <c r="E33" s="103">
        <v>0</v>
      </c>
      <c r="F33" s="99">
        <v>0</v>
      </c>
      <c r="G33" s="104">
        <v>724625</v>
      </c>
      <c r="H33" s="104">
        <v>365456</v>
      </c>
      <c r="I33" s="104">
        <v>544397</v>
      </c>
      <c r="J33" s="104">
        <v>0</v>
      </c>
      <c r="K33" s="104">
        <v>10032</v>
      </c>
      <c r="L33" s="156">
        <v>1644510</v>
      </c>
      <c r="M33" s="106">
        <v>1644510</v>
      </c>
      <c r="N33" s="100">
        <v>0</v>
      </c>
      <c r="O33" s="104">
        <v>0</v>
      </c>
      <c r="P33" s="103">
        <v>0</v>
      </c>
      <c r="Q33" s="100">
        <v>0</v>
      </c>
      <c r="R33" s="104">
        <v>81920</v>
      </c>
      <c r="S33" s="104">
        <v>13040</v>
      </c>
      <c r="T33" s="104">
        <v>348902</v>
      </c>
      <c r="U33" s="104">
        <v>0</v>
      </c>
      <c r="V33" s="104">
        <v>10032</v>
      </c>
      <c r="W33" s="103">
        <v>453894</v>
      </c>
      <c r="X33" s="106">
        <v>453894</v>
      </c>
      <c r="Y33" s="100">
        <v>0</v>
      </c>
      <c r="Z33" s="104">
        <v>0</v>
      </c>
      <c r="AA33" s="103">
        <v>0</v>
      </c>
      <c r="AB33" s="100">
        <v>0</v>
      </c>
      <c r="AC33" s="104">
        <v>0</v>
      </c>
      <c r="AD33" s="104">
        <v>0</v>
      </c>
      <c r="AE33" s="104">
        <v>276312</v>
      </c>
      <c r="AF33" s="104">
        <v>0</v>
      </c>
      <c r="AG33" s="104">
        <v>0</v>
      </c>
      <c r="AH33" s="103">
        <v>276312</v>
      </c>
      <c r="AI33" s="106">
        <v>276312</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47664</v>
      </c>
      <c r="AZ33" s="104">
        <v>0</v>
      </c>
      <c r="BA33" s="104">
        <v>63678</v>
      </c>
      <c r="BB33" s="104">
        <v>0</v>
      </c>
      <c r="BC33" s="104">
        <v>0</v>
      </c>
      <c r="BD33" s="103">
        <v>111342</v>
      </c>
      <c r="BE33" s="106">
        <v>111342</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34256</v>
      </c>
      <c r="BV33" s="104">
        <v>13040</v>
      </c>
      <c r="BW33" s="104">
        <v>8912</v>
      </c>
      <c r="BX33" s="104">
        <v>0</v>
      </c>
      <c r="BY33" s="104">
        <v>10032</v>
      </c>
      <c r="BZ33" s="103">
        <v>66240</v>
      </c>
      <c r="CA33" s="106">
        <v>66240</v>
      </c>
      <c r="CB33" s="100">
        <v>0</v>
      </c>
      <c r="CC33" s="104">
        <v>0</v>
      </c>
      <c r="CD33" s="103">
        <v>0</v>
      </c>
      <c r="CE33" s="100">
        <v>0</v>
      </c>
      <c r="CF33" s="104">
        <v>75416</v>
      </c>
      <c r="CG33" s="104">
        <v>247891</v>
      </c>
      <c r="CH33" s="104">
        <v>92862</v>
      </c>
      <c r="CI33" s="104">
        <v>0</v>
      </c>
      <c r="CJ33" s="104">
        <v>0</v>
      </c>
      <c r="CK33" s="103">
        <v>416169</v>
      </c>
      <c r="CL33" s="106">
        <v>416169</v>
      </c>
      <c r="CM33" s="100">
        <v>0</v>
      </c>
      <c r="CN33" s="104">
        <v>0</v>
      </c>
      <c r="CO33" s="103">
        <v>0</v>
      </c>
      <c r="CP33" s="101">
        <v>0</v>
      </c>
      <c r="CQ33" s="104">
        <v>0</v>
      </c>
      <c r="CR33" s="104">
        <v>247891</v>
      </c>
      <c r="CS33" s="104">
        <v>0</v>
      </c>
      <c r="CT33" s="104">
        <v>0</v>
      </c>
      <c r="CU33" s="104">
        <v>0</v>
      </c>
      <c r="CV33" s="103">
        <v>247891</v>
      </c>
      <c r="CW33" s="106">
        <v>247891</v>
      </c>
      <c r="CX33" s="100">
        <v>0</v>
      </c>
      <c r="CY33" s="104">
        <v>0</v>
      </c>
      <c r="CZ33" s="103">
        <v>0</v>
      </c>
      <c r="DA33" s="100">
        <v>0</v>
      </c>
      <c r="DB33" s="104">
        <v>75416</v>
      </c>
      <c r="DC33" s="104">
        <v>0</v>
      </c>
      <c r="DD33" s="104">
        <v>92862</v>
      </c>
      <c r="DE33" s="104">
        <v>0</v>
      </c>
      <c r="DF33" s="104">
        <v>0</v>
      </c>
      <c r="DG33" s="103">
        <v>168278</v>
      </c>
      <c r="DH33" s="106">
        <v>168278</v>
      </c>
      <c r="DI33" s="100">
        <v>0</v>
      </c>
      <c r="DJ33" s="104">
        <v>0</v>
      </c>
      <c r="DK33" s="102">
        <v>0</v>
      </c>
      <c r="DL33" s="101">
        <v>0</v>
      </c>
      <c r="DM33" s="104">
        <v>0</v>
      </c>
      <c r="DN33" s="104">
        <v>41597</v>
      </c>
      <c r="DO33" s="104">
        <v>68529</v>
      </c>
      <c r="DP33" s="104">
        <v>0</v>
      </c>
      <c r="DQ33" s="104">
        <v>0</v>
      </c>
      <c r="DR33" s="103">
        <v>110126</v>
      </c>
      <c r="DS33" s="106">
        <v>110126</v>
      </c>
      <c r="DT33" s="100">
        <v>0</v>
      </c>
      <c r="DU33" s="104">
        <v>0</v>
      </c>
      <c r="DV33" s="103">
        <v>0</v>
      </c>
      <c r="DW33" s="100">
        <v>0</v>
      </c>
      <c r="DX33" s="104">
        <v>0</v>
      </c>
      <c r="DY33" s="104">
        <v>0</v>
      </c>
      <c r="DZ33" s="104">
        <v>0</v>
      </c>
      <c r="EA33" s="104">
        <v>0</v>
      </c>
      <c r="EB33" s="104">
        <v>0</v>
      </c>
      <c r="EC33" s="103">
        <v>0</v>
      </c>
      <c r="ED33" s="106">
        <v>0</v>
      </c>
      <c r="EE33" s="100">
        <v>0</v>
      </c>
      <c r="EF33" s="102">
        <v>0</v>
      </c>
      <c r="EG33" s="103">
        <v>0</v>
      </c>
      <c r="EH33" s="100">
        <v>0</v>
      </c>
      <c r="EI33" s="104">
        <v>0</v>
      </c>
      <c r="EJ33" s="104">
        <v>41597</v>
      </c>
      <c r="EK33" s="104">
        <v>68529</v>
      </c>
      <c r="EL33" s="104">
        <v>0</v>
      </c>
      <c r="EM33" s="104">
        <v>0</v>
      </c>
      <c r="EN33" s="102">
        <v>110126</v>
      </c>
      <c r="EO33" s="106">
        <v>110126</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06">
        <v>0</v>
      </c>
      <c r="FE33" s="104">
        <v>0</v>
      </c>
      <c r="FF33" s="104">
        <v>0</v>
      </c>
      <c r="FG33" s="104">
        <v>0</v>
      </c>
      <c r="FH33" s="104">
        <v>0</v>
      </c>
      <c r="FI33" s="104">
        <v>0</v>
      </c>
      <c r="FJ33" s="103">
        <v>0</v>
      </c>
      <c r="FK33" s="106">
        <v>0</v>
      </c>
      <c r="FL33" s="100">
        <v>0</v>
      </c>
      <c r="FM33" s="104">
        <v>0</v>
      </c>
      <c r="FN33" s="103">
        <v>0</v>
      </c>
      <c r="FO33" s="100">
        <v>0</v>
      </c>
      <c r="FP33" s="104">
        <v>94800</v>
      </c>
      <c r="FQ33" s="104">
        <v>62928</v>
      </c>
      <c r="FR33" s="104">
        <v>34104</v>
      </c>
      <c r="FS33" s="104">
        <v>0</v>
      </c>
      <c r="FT33" s="104">
        <v>0</v>
      </c>
      <c r="FU33" s="103">
        <v>191832</v>
      </c>
      <c r="FV33" s="106">
        <v>191832</v>
      </c>
      <c r="FW33" s="105">
        <v>0</v>
      </c>
      <c r="FX33" s="104">
        <v>0</v>
      </c>
      <c r="FY33" s="102">
        <v>0</v>
      </c>
      <c r="FZ33" s="101">
        <v>0</v>
      </c>
      <c r="GA33" s="104">
        <v>20000</v>
      </c>
      <c r="GB33" s="104">
        <v>62928</v>
      </c>
      <c r="GC33" s="104">
        <v>34104</v>
      </c>
      <c r="GD33" s="104">
        <v>0</v>
      </c>
      <c r="GE33" s="104">
        <v>0</v>
      </c>
      <c r="GF33" s="103">
        <v>117032</v>
      </c>
      <c r="GG33" s="290">
        <v>117032</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74800</v>
      </c>
      <c r="GX33" s="104">
        <v>0</v>
      </c>
      <c r="GY33" s="104">
        <v>0</v>
      </c>
      <c r="GZ33" s="104">
        <v>0</v>
      </c>
      <c r="HA33" s="104">
        <v>0</v>
      </c>
      <c r="HB33" s="102">
        <v>74800</v>
      </c>
      <c r="HC33" s="106">
        <v>74800</v>
      </c>
      <c r="HD33" s="100">
        <v>0</v>
      </c>
      <c r="HE33" s="104">
        <v>0</v>
      </c>
      <c r="HF33" s="102">
        <v>0</v>
      </c>
      <c r="HG33" s="101">
        <v>0</v>
      </c>
      <c r="HH33" s="104">
        <v>472489</v>
      </c>
      <c r="HI33" s="104">
        <v>0</v>
      </c>
      <c r="HJ33" s="104">
        <v>0</v>
      </c>
      <c r="HK33" s="104">
        <v>0</v>
      </c>
      <c r="HL33" s="104">
        <v>0</v>
      </c>
      <c r="HM33" s="103">
        <v>472489</v>
      </c>
      <c r="HN33" s="99">
        <v>472489</v>
      </c>
      <c r="HO33" s="456">
        <v>0</v>
      </c>
      <c r="HP33" s="457">
        <v>0</v>
      </c>
      <c r="HQ33" s="458">
        <v>0</v>
      </c>
      <c r="HR33" s="459">
        <v>0</v>
      </c>
      <c r="HS33" s="457">
        <v>0</v>
      </c>
      <c r="HT33" s="457">
        <v>0</v>
      </c>
      <c r="HU33" s="457">
        <v>0</v>
      </c>
      <c r="HV33" s="457">
        <v>0</v>
      </c>
      <c r="HW33" s="457">
        <v>0</v>
      </c>
      <c r="HX33" s="460">
        <v>0</v>
      </c>
      <c r="HY33" s="461">
        <v>0</v>
      </c>
      <c r="HZ33" s="118">
        <v>0</v>
      </c>
      <c r="IA33" s="119">
        <v>0</v>
      </c>
      <c r="IB33" s="120">
        <v>0</v>
      </c>
      <c r="IC33" s="131">
        <v>0</v>
      </c>
      <c r="ID33" s="119">
        <v>102480</v>
      </c>
      <c r="IE33" s="132">
        <v>0</v>
      </c>
      <c r="IF33" s="120">
        <v>0</v>
      </c>
      <c r="IG33" s="119">
        <v>0</v>
      </c>
      <c r="IH33" s="120">
        <v>261472</v>
      </c>
      <c r="II33" s="133">
        <v>363952</v>
      </c>
      <c r="IJ33" s="126">
        <v>363952</v>
      </c>
      <c r="IK33" s="215">
        <v>0</v>
      </c>
      <c r="IL33" s="219">
        <v>0</v>
      </c>
      <c r="IM33" s="220">
        <v>0</v>
      </c>
      <c r="IN33" s="470">
        <v>0</v>
      </c>
      <c r="IO33" s="109">
        <v>0</v>
      </c>
      <c r="IP33" s="109">
        <v>0</v>
      </c>
      <c r="IQ33" s="109">
        <v>0</v>
      </c>
      <c r="IR33" s="109">
        <v>0</v>
      </c>
      <c r="IS33" s="109">
        <v>0</v>
      </c>
      <c r="IT33" s="128">
        <v>0</v>
      </c>
      <c r="IU33" s="292">
        <v>0</v>
      </c>
      <c r="IV33" s="129">
        <v>0</v>
      </c>
      <c r="IW33" s="109">
        <v>0</v>
      </c>
      <c r="IX33" s="110">
        <v>0</v>
      </c>
      <c r="IY33" s="470">
        <v>0</v>
      </c>
      <c r="IZ33" s="109">
        <v>0</v>
      </c>
      <c r="JA33" s="109">
        <v>0</v>
      </c>
      <c r="JB33" s="109">
        <v>0</v>
      </c>
      <c r="JC33" s="109">
        <v>0</v>
      </c>
      <c r="JD33" s="109">
        <v>0</v>
      </c>
      <c r="JE33" s="110">
        <v>0</v>
      </c>
      <c r="JF33" s="111">
        <v>0</v>
      </c>
      <c r="JG33" s="129">
        <v>0</v>
      </c>
      <c r="JH33" s="109">
        <v>0</v>
      </c>
      <c r="JI33" s="128">
        <v>0</v>
      </c>
      <c r="JJ33" s="108">
        <v>0</v>
      </c>
      <c r="JK33" s="109">
        <v>102480</v>
      </c>
      <c r="JL33" s="109">
        <v>0</v>
      </c>
      <c r="JM33" s="109">
        <v>0</v>
      </c>
      <c r="JN33" s="109">
        <v>0</v>
      </c>
      <c r="JO33" s="109">
        <v>0</v>
      </c>
      <c r="JP33" s="110">
        <v>102480</v>
      </c>
      <c r="JQ33" s="292">
        <v>102480</v>
      </c>
      <c r="JR33" s="129">
        <v>0</v>
      </c>
      <c r="JS33" s="109">
        <v>0</v>
      </c>
      <c r="JT33" s="128">
        <v>0</v>
      </c>
      <c r="JU33" s="108">
        <v>0</v>
      </c>
      <c r="JV33" s="109">
        <v>0</v>
      </c>
      <c r="JW33" s="109">
        <v>0</v>
      </c>
      <c r="JX33" s="109">
        <v>0</v>
      </c>
      <c r="JY33" s="109">
        <v>0</v>
      </c>
      <c r="JZ33" s="109">
        <v>0</v>
      </c>
      <c r="KA33" s="110">
        <v>0</v>
      </c>
      <c r="KB33" s="292">
        <v>0</v>
      </c>
      <c r="KC33" s="217">
        <v>0</v>
      </c>
      <c r="KD33" s="213">
        <v>0</v>
      </c>
      <c r="KE33" s="110">
        <v>0</v>
      </c>
      <c r="KF33" s="108">
        <v>0</v>
      </c>
      <c r="KG33" s="109">
        <v>0</v>
      </c>
      <c r="KH33" s="109">
        <v>0</v>
      </c>
      <c r="KI33" s="109">
        <v>0</v>
      </c>
      <c r="KJ33" s="109">
        <v>0</v>
      </c>
      <c r="KK33" s="109">
        <v>0</v>
      </c>
      <c r="KL33" s="110">
        <v>0</v>
      </c>
      <c r="KM33" s="130">
        <v>0</v>
      </c>
      <c r="KN33" s="215">
        <v>0</v>
      </c>
      <c r="KO33" s="219">
        <v>0</v>
      </c>
      <c r="KP33" s="220">
        <v>0</v>
      </c>
      <c r="KQ33" s="470">
        <v>0</v>
      </c>
      <c r="KR33" s="109">
        <v>0</v>
      </c>
      <c r="KS33" s="109">
        <v>0</v>
      </c>
      <c r="KT33" s="109">
        <v>0</v>
      </c>
      <c r="KU33" s="109">
        <v>0</v>
      </c>
      <c r="KV33" s="109">
        <v>261472</v>
      </c>
      <c r="KW33" s="110">
        <v>261472</v>
      </c>
      <c r="KX33" s="292">
        <v>261472</v>
      </c>
      <c r="KY33" s="129">
        <v>0</v>
      </c>
      <c r="KZ33" s="109">
        <v>0</v>
      </c>
      <c r="LA33" s="110">
        <v>0</v>
      </c>
      <c r="LB33" s="470">
        <v>0</v>
      </c>
      <c r="LC33" s="109">
        <v>0</v>
      </c>
      <c r="LD33" s="109">
        <v>0</v>
      </c>
      <c r="LE33" s="109">
        <v>0</v>
      </c>
      <c r="LF33" s="109">
        <v>0</v>
      </c>
      <c r="LG33" s="109">
        <v>0</v>
      </c>
      <c r="LH33" s="110">
        <v>0</v>
      </c>
      <c r="LI33" s="111">
        <v>0</v>
      </c>
      <c r="LJ33" s="129">
        <v>0</v>
      </c>
      <c r="LK33" s="109">
        <v>0</v>
      </c>
      <c r="LL33" s="110">
        <v>0</v>
      </c>
      <c r="LM33" s="470">
        <v>0</v>
      </c>
      <c r="LN33" s="109">
        <v>0</v>
      </c>
      <c r="LO33" s="109">
        <v>0</v>
      </c>
      <c r="LP33" s="109">
        <v>0</v>
      </c>
      <c r="LQ33" s="109">
        <v>0</v>
      </c>
      <c r="LR33" s="109">
        <v>0</v>
      </c>
      <c r="LS33" s="110">
        <v>0</v>
      </c>
      <c r="LT33" s="292">
        <v>0</v>
      </c>
      <c r="LU33" s="129">
        <v>0</v>
      </c>
      <c r="LV33" s="109">
        <v>0</v>
      </c>
      <c r="LW33" s="110">
        <v>0</v>
      </c>
      <c r="LX33" s="470">
        <v>0</v>
      </c>
      <c r="LY33" s="109">
        <v>0</v>
      </c>
      <c r="LZ33" s="109">
        <v>0</v>
      </c>
      <c r="MA33" s="109">
        <v>0</v>
      </c>
      <c r="MB33" s="109">
        <v>0</v>
      </c>
      <c r="MC33" s="109">
        <v>0</v>
      </c>
      <c r="MD33" s="110">
        <v>0</v>
      </c>
      <c r="ME33" s="111">
        <v>0</v>
      </c>
      <c r="MF33" s="129">
        <v>0</v>
      </c>
      <c r="MG33" s="109">
        <v>0</v>
      </c>
      <c r="MH33" s="110">
        <v>0</v>
      </c>
      <c r="MI33" s="470">
        <v>0</v>
      </c>
      <c r="MJ33" s="109">
        <v>0</v>
      </c>
      <c r="MK33" s="109">
        <v>35368</v>
      </c>
      <c r="ML33" s="109">
        <v>0</v>
      </c>
      <c r="MM33" s="109">
        <v>230752</v>
      </c>
      <c r="MN33" s="109">
        <v>555608</v>
      </c>
      <c r="MO33" s="110">
        <v>821728</v>
      </c>
      <c r="MP33" s="130">
        <v>821728</v>
      </c>
      <c r="MQ33" s="129">
        <v>0</v>
      </c>
      <c r="MR33" s="109">
        <v>0</v>
      </c>
      <c r="MS33" s="110">
        <v>0</v>
      </c>
      <c r="MT33" s="470">
        <v>0</v>
      </c>
      <c r="MU33" s="109">
        <v>0</v>
      </c>
      <c r="MV33" s="109">
        <v>0</v>
      </c>
      <c r="MW33" s="109">
        <v>0</v>
      </c>
      <c r="MX33" s="109">
        <v>230752</v>
      </c>
      <c r="MY33" s="109">
        <v>249400</v>
      </c>
      <c r="MZ33" s="110">
        <v>480152</v>
      </c>
      <c r="NA33" s="130">
        <v>480152</v>
      </c>
      <c r="NB33" s="129">
        <v>0</v>
      </c>
      <c r="NC33" s="109">
        <v>0</v>
      </c>
      <c r="ND33" s="110">
        <v>0</v>
      </c>
      <c r="NE33" s="470">
        <v>0</v>
      </c>
      <c r="NF33" s="109">
        <v>0</v>
      </c>
      <c r="NG33" s="109">
        <v>35368</v>
      </c>
      <c r="NH33" s="109">
        <v>0</v>
      </c>
      <c r="NI33" s="109">
        <v>0</v>
      </c>
      <c r="NJ33" s="109">
        <v>306208</v>
      </c>
      <c r="NK33" s="110">
        <v>341576</v>
      </c>
      <c r="NL33" s="292">
        <v>341576</v>
      </c>
      <c r="NM33" s="129">
        <v>0</v>
      </c>
      <c r="NN33" s="109">
        <v>0</v>
      </c>
      <c r="NO33" s="110">
        <v>0</v>
      </c>
      <c r="NP33" s="470">
        <v>0</v>
      </c>
      <c r="NQ33" s="109">
        <v>0</v>
      </c>
      <c r="NR33" s="109">
        <v>0</v>
      </c>
      <c r="NS33" s="109">
        <v>0</v>
      </c>
      <c r="NT33" s="109">
        <v>0</v>
      </c>
      <c r="NU33" s="109">
        <v>0</v>
      </c>
      <c r="NV33" s="110">
        <v>0</v>
      </c>
      <c r="NW33" s="111">
        <v>0</v>
      </c>
      <c r="NX33" s="129">
        <v>0</v>
      </c>
      <c r="NY33" s="109">
        <v>0</v>
      </c>
      <c r="NZ33" s="110">
        <v>0</v>
      </c>
      <c r="OA33" s="470">
        <v>0</v>
      </c>
      <c r="OB33" s="109">
        <v>0</v>
      </c>
      <c r="OC33" s="109">
        <v>0</v>
      </c>
      <c r="OD33" s="109">
        <v>0</v>
      </c>
      <c r="OE33" s="109">
        <v>0</v>
      </c>
      <c r="OF33" s="109">
        <v>0</v>
      </c>
      <c r="OG33" s="110">
        <v>0</v>
      </c>
      <c r="OH33" s="111">
        <v>0</v>
      </c>
      <c r="OI33" s="129">
        <v>0</v>
      </c>
      <c r="OJ33" s="109">
        <v>0</v>
      </c>
      <c r="OK33" s="128">
        <v>0</v>
      </c>
      <c r="OL33" s="108">
        <v>0</v>
      </c>
      <c r="OM33" s="109">
        <v>827105</v>
      </c>
      <c r="ON33" s="109">
        <v>400824</v>
      </c>
      <c r="OO33" s="109">
        <v>544397</v>
      </c>
      <c r="OP33" s="109">
        <v>230752</v>
      </c>
      <c r="OQ33" s="109">
        <v>827112</v>
      </c>
      <c r="OR33" s="110">
        <v>2830190</v>
      </c>
      <c r="OS33" s="130">
        <v>2830190</v>
      </c>
    </row>
    <row r="34" spans="2:409" ht="21" customHeight="1" x14ac:dyDescent="0.2">
      <c r="B34" s="437" t="s">
        <v>29</v>
      </c>
      <c r="C34" s="100">
        <v>63042</v>
      </c>
      <c r="D34" s="104">
        <v>13888</v>
      </c>
      <c r="E34" s="103">
        <v>76930</v>
      </c>
      <c r="F34" s="99">
        <v>0</v>
      </c>
      <c r="G34" s="104">
        <v>609466</v>
      </c>
      <c r="H34" s="104">
        <v>603895</v>
      </c>
      <c r="I34" s="104">
        <v>333032</v>
      </c>
      <c r="J34" s="104">
        <v>151768</v>
      </c>
      <c r="K34" s="104">
        <v>504978</v>
      </c>
      <c r="L34" s="156">
        <v>2203139</v>
      </c>
      <c r="M34" s="106">
        <v>2280069</v>
      </c>
      <c r="N34" s="100">
        <v>0</v>
      </c>
      <c r="O34" s="104">
        <v>13888</v>
      </c>
      <c r="P34" s="103">
        <v>13888</v>
      </c>
      <c r="Q34" s="100">
        <v>0</v>
      </c>
      <c r="R34" s="104">
        <v>12328</v>
      </c>
      <c r="S34" s="104">
        <v>236674</v>
      </c>
      <c r="T34" s="104">
        <v>51856</v>
      </c>
      <c r="U34" s="104">
        <v>133368</v>
      </c>
      <c r="V34" s="104">
        <v>356048</v>
      </c>
      <c r="W34" s="103">
        <v>790274</v>
      </c>
      <c r="X34" s="106">
        <v>804162</v>
      </c>
      <c r="Y34" s="100">
        <v>0</v>
      </c>
      <c r="Z34" s="104">
        <v>0</v>
      </c>
      <c r="AA34" s="103">
        <v>0</v>
      </c>
      <c r="AB34" s="100">
        <v>0</v>
      </c>
      <c r="AC34" s="104">
        <v>0</v>
      </c>
      <c r="AD34" s="104">
        <v>130658</v>
      </c>
      <c r="AE34" s="104">
        <v>0</v>
      </c>
      <c r="AF34" s="104">
        <v>112768</v>
      </c>
      <c r="AG34" s="104">
        <v>245632</v>
      </c>
      <c r="AH34" s="103">
        <v>489058</v>
      </c>
      <c r="AI34" s="106">
        <v>489058</v>
      </c>
      <c r="AJ34" s="100">
        <v>0</v>
      </c>
      <c r="AK34" s="104">
        <v>0</v>
      </c>
      <c r="AL34" s="103">
        <v>0</v>
      </c>
      <c r="AM34" s="100">
        <v>0</v>
      </c>
      <c r="AN34" s="104">
        <v>0</v>
      </c>
      <c r="AO34" s="104">
        <v>0</v>
      </c>
      <c r="AP34" s="104">
        <v>0</v>
      </c>
      <c r="AQ34" s="104">
        <v>0</v>
      </c>
      <c r="AR34" s="104">
        <v>90968</v>
      </c>
      <c r="AS34" s="103">
        <v>90968</v>
      </c>
      <c r="AT34" s="106">
        <v>90968</v>
      </c>
      <c r="AU34" s="100">
        <v>0</v>
      </c>
      <c r="AV34" s="104">
        <v>13888</v>
      </c>
      <c r="AW34" s="103">
        <v>13888</v>
      </c>
      <c r="AX34" s="100">
        <v>0</v>
      </c>
      <c r="AY34" s="104">
        <v>0</v>
      </c>
      <c r="AZ34" s="104">
        <v>47168</v>
      </c>
      <c r="BA34" s="104">
        <v>28224</v>
      </c>
      <c r="BB34" s="104">
        <v>14080</v>
      </c>
      <c r="BC34" s="104">
        <v>0</v>
      </c>
      <c r="BD34" s="103">
        <v>89472</v>
      </c>
      <c r="BE34" s="106">
        <v>103360</v>
      </c>
      <c r="BF34" s="100">
        <v>0</v>
      </c>
      <c r="BG34" s="104">
        <v>0</v>
      </c>
      <c r="BH34" s="102">
        <v>0</v>
      </c>
      <c r="BI34" s="101">
        <v>0</v>
      </c>
      <c r="BJ34" s="104">
        <v>0</v>
      </c>
      <c r="BK34" s="104">
        <v>30592</v>
      </c>
      <c r="BL34" s="104">
        <v>0</v>
      </c>
      <c r="BM34" s="104">
        <v>0</v>
      </c>
      <c r="BN34" s="104">
        <v>0</v>
      </c>
      <c r="BO34" s="103">
        <v>30592</v>
      </c>
      <c r="BP34" s="106">
        <v>30592</v>
      </c>
      <c r="BQ34" s="100">
        <v>0</v>
      </c>
      <c r="BR34" s="104">
        <v>0</v>
      </c>
      <c r="BS34" s="103">
        <v>0</v>
      </c>
      <c r="BT34" s="100">
        <v>0</v>
      </c>
      <c r="BU34" s="104">
        <v>12328</v>
      </c>
      <c r="BV34" s="104">
        <v>28256</v>
      </c>
      <c r="BW34" s="104">
        <v>23632</v>
      </c>
      <c r="BX34" s="104">
        <v>6520</v>
      </c>
      <c r="BY34" s="104">
        <v>19448</v>
      </c>
      <c r="BZ34" s="103">
        <v>90184</v>
      </c>
      <c r="CA34" s="106">
        <v>90184</v>
      </c>
      <c r="CB34" s="100">
        <v>18544</v>
      </c>
      <c r="CC34" s="104">
        <v>0</v>
      </c>
      <c r="CD34" s="103">
        <v>18544</v>
      </c>
      <c r="CE34" s="100">
        <v>0</v>
      </c>
      <c r="CF34" s="104">
        <v>0</v>
      </c>
      <c r="CG34" s="104">
        <v>149824</v>
      </c>
      <c r="CH34" s="104">
        <v>67920</v>
      </c>
      <c r="CI34" s="104">
        <v>0</v>
      </c>
      <c r="CJ34" s="104">
        <v>0</v>
      </c>
      <c r="CK34" s="103">
        <v>217744</v>
      </c>
      <c r="CL34" s="106">
        <v>236288</v>
      </c>
      <c r="CM34" s="100">
        <v>0</v>
      </c>
      <c r="CN34" s="104">
        <v>0</v>
      </c>
      <c r="CO34" s="103">
        <v>0</v>
      </c>
      <c r="CP34" s="101">
        <v>0</v>
      </c>
      <c r="CQ34" s="104">
        <v>0</v>
      </c>
      <c r="CR34" s="104">
        <v>149824</v>
      </c>
      <c r="CS34" s="104">
        <v>67920</v>
      </c>
      <c r="CT34" s="104">
        <v>0</v>
      </c>
      <c r="CU34" s="104">
        <v>0</v>
      </c>
      <c r="CV34" s="103">
        <v>217744</v>
      </c>
      <c r="CW34" s="106">
        <v>217744</v>
      </c>
      <c r="CX34" s="100">
        <v>18544</v>
      </c>
      <c r="CY34" s="104">
        <v>0</v>
      </c>
      <c r="CZ34" s="103">
        <v>18544</v>
      </c>
      <c r="DA34" s="100">
        <v>0</v>
      </c>
      <c r="DB34" s="104">
        <v>0</v>
      </c>
      <c r="DC34" s="104">
        <v>0</v>
      </c>
      <c r="DD34" s="104">
        <v>0</v>
      </c>
      <c r="DE34" s="104">
        <v>0</v>
      </c>
      <c r="DF34" s="104">
        <v>0</v>
      </c>
      <c r="DG34" s="103">
        <v>0</v>
      </c>
      <c r="DH34" s="106">
        <v>18544</v>
      </c>
      <c r="DI34" s="100">
        <v>0</v>
      </c>
      <c r="DJ34" s="104">
        <v>0</v>
      </c>
      <c r="DK34" s="102">
        <v>0</v>
      </c>
      <c r="DL34" s="101">
        <v>0</v>
      </c>
      <c r="DM34" s="104">
        <v>0</v>
      </c>
      <c r="DN34" s="104">
        <v>0</v>
      </c>
      <c r="DO34" s="104">
        <v>139952</v>
      </c>
      <c r="DP34" s="104">
        <v>0</v>
      </c>
      <c r="DQ34" s="104">
        <v>0</v>
      </c>
      <c r="DR34" s="103">
        <v>139952</v>
      </c>
      <c r="DS34" s="106">
        <v>139952</v>
      </c>
      <c r="DT34" s="100">
        <v>0</v>
      </c>
      <c r="DU34" s="104">
        <v>0</v>
      </c>
      <c r="DV34" s="103">
        <v>0</v>
      </c>
      <c r="DW34" s="100">
        <v>0</v>
      </c>
      <c r="DX34" s="104">
        <v>0</v>
      </c>
      <c r="DY34" s="104">
        <v>0</v>
      </c>
      <c r="DZ34" s="104">
        <v>139952</v>
      </c>
      <c r="EA34" s="104">
        <v>0</v>
      </c>
      <c r="EB34" s="104">
        <v>0</v>
      </c>
      <c r="EC34" s="103">
        <v>139952</v>
      </c>
      <c r="ED34" s="106">
        <v>139952</v>
      </c>
      <c r="EE34" s="100">
        <v>0</v>
      </c>
      <c r="EF34" s="102">
        <v>0</v>
      </c>
      <c r="EG34" s="103">
        <v>0</v>
      </c>
      <c r="EH34" s="100">
        <v>0</v>
      </c>
      <c r="EI34" s="104">
        <v>0</v>
      </c>
      <c r="EJ34" s="104">
        <v>0</v>
      </c>
      <c r="EK34" s="104">
        <v>0</v>
      </c>
      <c r="EL34" s="104">
        <v>0</v>
      </c>
      <c r="EM34" s="104">
        <v>0</v>
      </c>
      <c r="EN34" s="102">
        <v>0</v>
      </c>
      <c r="EO34" s="106">
        <v>0</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06">
        <v>0</v>
      </c>
      <c r="FE34" s="104">
        <v>0</v>
      </c>
      <c r="FF34" s="104">
        <v>0</v>
      </c>
      <c r="FG34" s="104">
        <v>0</v>
      </c>
      <c r="FH34" s="104">
        <v>0</v>
      </c>
      <c r="FI34" s="104">
        <v>0</v>
      </c>
      <c r="FJ34" s="103">
        <v>0</v>
      </c>
      <c r="FK34" s="106">
        <v>0</v>
      </c>
      <c r="FL34" s="100">
        <v>18528</v>
      </c>
      <c r="FM34" s="104">
        <v>0</v>
      </c>
      <c r="FN34" s="103">
        <v>18528</v>
      </c>
      <c r="FO34" s="100">
        <v>0</v>
      </c>
      <c r="FP34" s="104">
        <v>0</v>
      </c>
      <c r="FQ34" s="104">
        <v>40368</v>
      </c>
      <c r="FR34" s="104">
        <v>73304</v>
      </c>
      <c r="FS34" s="104">
        <v>18400</v>
      </c>
      <c r="FT34" s="104">
        <v>76592</v>
      </c>
      <c r="FU34" s="103">
        <v>208664</v>
      </c>
      <c r="FV34" s="106">
        <v>227192</v>
      </c>
      <c r="FW34" s="105">
        <v>18528</v>
      </c>
      <c r="FX34" s="104">
        <v>0</v>
      </c>
      <c r="FY34" s="102">
        <v>18528</v>
      </c>
      <c r="FZ34" s="101">
        <v>0</v>
      </c>
      <c r="GA34" s="104">
        <v>0</v>
      </c>
      <c r="GB34" s="104">
        <v>40368</v>
      </c>
      <c r="GC34" s="104">
        <v>73304</v>
      </c>
      <c r="GD34" s="104">
        <v>18400</v>
      </c>
      <c r="GE34" s="104">
        <v>76592</v>
      </c>
      <c r="GF34" s="103">
        <v>208664</v>
      </c>
      <c r="GG34" s="290">
        <v>227192</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0</v>
      </c>
      <c r="GZ34" s="104">
        <v>0</v>
      </c>
      <c r="HA34" s="104">
        <v>0</v>
      </c>
      <c r="HB34" s="102">
        <v>0</v>
      </c>
      <c r="HC34" s="106">
        <v>0</v>
      </c>
      <c r="HD34" s="100">
        <v>25970</v>
      </c>
      <c r="HE34" s="104">
        <v>0</v>
      </c>
      <c r="HF34" s="102">
        <v>25970</v>
      </c>
      <c r="HG34" s="101">
        <v>0</v>
      </c>
      <c r="HH34" s="104">
        <v>597138</v>
      </c>
      <c r="HI34" s="104">
        <v>177029</v>
      </c>
      <c r="HJ34" s="104">
        <v>0</v>
      </c>
      <c r="HK34" s="104">
        <v>0</v>
      </c>
      <c r="HL34" s="104">
        <v>72338</v>
      </c>
      <c r="HM34" s="103">
        <v>846505</v>
      </c>
      <c r="HN34" s="99">
        <v>872475</v>
      </c>
      <c r="HO34" s="456">
        <v>0</v>
      </c>
      <c r="HP34" s="457">
        <v>0</v>
      </c>
      <c r="HQ34" s="458">
        <v>0</v>
      </c>
      <c r="HR34" s="459">
        <v>0</v>
      </c>
      <c r="HS34" s="457">
        <v>0</v>
      </c>
      <c r="HT34" s="457">
        <v>0</v>
      </c>
      <c r="HU34" s="457">
        <v>0</v>
      </c>
      <c r="HV34" s="457">
        <v>0</v>
      </c>
      <c r="HW34" s="457">
        <v>0</v>
      </c>
      <c r="HX34" s="460">
        <v>0</v>
      </c>
      <c r="HY34" s="461">
        <v>0</v>
      </c>
      <c r="HZ34" s="135">
        <v>0</v>
      </c>
      <c r="IA34" s="122">
        <v>0</v>
      </c>
      <c r="IB34" s="135">
        <v>0</v>
      </c>
      <c r="IC34" s="121">
        <v>0</v>
      </c>
      <c r="ID34" s="122">
        <v>0</v>
      </c>
      <c r="IE34" s="123">
        <v>93424</v>
      </c>
      <c r="IF34" s="124">
        <v>690088</v>
      </c>
      <c r="IG34" s="122">
        <v>259784</v>
      </c>
      <c r="IH34" s="124">
        <v>0</v>
      </c>
      <c r="II34" s="125">
        <v>1043296</v>
      </c>
      <c r="IJ34" s="135">
        <v>1043296</v>
      </c>
      <c r="IK34" s="215">
        <v>0</v>
      </c>
      <c r="IL34" s="219">
        <v>0</v>
      </c>
      <c r="IM34" s="220">
        <v>0</v>
      </c>
      <c r="IN34" s="470">
        <v>0</v>
      </c>
      <c r="IO34" s="109">
        <v>0</v>
      </c>
      <c r="IP34" s="109">
        <v>0</v>
      </c>
      <c r="IQ34" s="109">
        <v>145168</v>
      </c>
      <c r="IR34" s="109">
        <v>0</v>
      </c>
      <c r="IS34" s="109">
        <v>0</v>
      </c>
      <c r="IT34" s="128">
        <v>145168</v>
      </c>
      <c r="IU34" s="292">
        <v>145168</v>
      </c>
      <c r="IV34" s="129">
        <v>0</v>
      </c>
      <c r="IW34" s="109">
        <v>0</v>
      </c>
      <c r="IX34" s="110">
        <v>0</v>
      </c>
      <c r="IY34" s="470">
        <v>0</v>
      </c>
      <c r="IZ34" s="109">
        <v>0</v>
      </c>
      <c r="JA34" s="109">
        <v>0</v>
      </c>
      <c r="JB34" s="109">
        <v>0</v>
      </c>
      <c r="JC34" s="109">
        <v>0</v>
      </c>
      <c r="JD34" s="109">
        <v>0</v>
      </c>
      <c r="JE34" s="110">
        <v>0</v>
      </c>
      <c r="JF34" s="111">
        <v>0</v>
      </c>
      <c r="JG34" s="129">
        <v>0</v>
      </c>
      <c r="JH34" s="109">
        <v>0</v>
      </c>
      <c r="JI34" s="128">
        <v>0</v>
      </c>
      <c r="JJ34" s="108">
        <v>0</v>
      </c>
      <c r="JK34" s="109">
        <v>0</v>
      </c>
      <c r="JL34" s="109">
        <v>93424</v>
      </c>
      <c r="JM34" s="109">
        <v>65768</v>
      </c>
      <c r="JN34" s="109">
        <v>0</v>
      </c>
      <c r="JO34" s="109">
        <v>0</v>
      </c>
      <c r="JP34" s="110">
        <v>159192</v>
      </c>
      <c r="JQ34" s="292">
        <v>159192</v>
      </c>
      <c r="JR34" s="129">
        <v>0</v>
      </c>
      <c r="JS34" s="109">
        <v>0</v>
      </c>
      <c r="JT34" s="128">
        <v>0</v>
      </c>
      <c r="JU34" s="108">
        <v>0</v>
      </c>
      <c r="JV34" s="109">
        <v>0</v>
      </c>
      <c r="JW34" s="109">
        <v>0</v>
      </c>
      <c r="JX34" s="109">
        <v>0</v>
      </c>
      <c r="JY34" s="109">
        <v>0</v>
      </c>
      <c r="JZ34" s="109">
        <v>0</v>
      </c>
      <c r="KA34" s="110">
        <v>0</v>
      </c>
      <c r="KB34" s="292">
        <v>0</v>
      </c>
      <c r="KC34" s="217">
        <v>0</v>
      </c>
      <c r="KD34" s="213">
        <v>0</v>
      </c>
      <c r="KE34" s="110">
        <v>0</v>
      </c>
      <c r="KF34" s="108">
        <v>0</v>
      </c>
      <c r="KG34" s="109">
        <v>0</v>
      </c>
      <c r="KH34" s="109">
        <v>0</v>
      </c>
      <c r="KI34" s="109">
        <v>0</v>
      </c>
      <c r="KJ34" s="109">
        <v>0</v>
      </c>
      <c r="KK34" s="109">
        <v>0</v>
      </c>
      <c r="KL34" s="110">
        <v>0</v>
      </c>
      <c r="KM34" s="130">
        <v>0</v>
      </c>
      <c r="KN34" s="215">
        <v>0</v>
      </c>
      <c r="KO34" s="219">
        <v>0</v>
      </c>
      <c r="KP34" s="220">
        <v>0</v>
      </c>
      <c r="KQ34" s="470">
        <v>0</v>
      </c>
      <c r="KR34" s="109">
        <v>0</v>
      </c>
      <c r="KS34" s="109">
        <v>0</v>
      </c>
      <c r="KT34" s="109">
        <v>0</v>
      </c>
      <c r="KU34" s="109">
        <v>0</v>
      </c>
      <c r="KV34" s="109">
        <v>0</v>
      </c>
      <c r="KW34" s="110">
        <v>0</v>
      </c>
      <c r="KX34" s="292">
        <v>0</v>
      </c>
      <c r="KY34" s="129">
        <v>0</v>
      </c>
      <c r="KZ34" s="109">
        <v>0</v>
      </c>
      <c r="LA34" s="110">
        <v>0</v>
      </c>
      <c r="LB34" s="470">
        <v>0</v>
      </c>
      <c r="LC34" s="109">
        <v>0</v>
      </c>
      <c r="LD34" s="109">
        <v>0</v>
      </c>
      <c r="LE34" s="109">
        <v>0</v>
      </c>
      <c r="LF34" s="109">
        <v>0</v>
      </c>
      <c r="LG34" s="109">
        <v>0</v>
      </c>
      <c r="LH34" s="110">
        <v>0</v>
      </c>
      <c r="LI34" s="111">
        <v>0</v>
      </c>
      <c r="LJ34" s="129">
        <v>0</v>
      </c>
      <c r="LK34" s="109">
        <v>0</v>
      </c>
      <c r="LL34" s="110">
        <v>0</v>
      </c>
      <c r="LM34" s="470">
        <v>0</v>
      </c>
      <c r="LN34" s="109">
        <v>0</v>
      </c>
      <c r="LO34" s="109">
        <v>0</v>
      </c>
      <c r="LP34" s="109">
        <v>479152</v>
      </c>
      <c r="LQ34" s="109">
        <v>259784</v>
      </c>
      <c r="LR34" s="109">
        <v>0</v>
      </c>
      <c r="LS34" s="110">
        <v>738936</v>
      </c>
      <c r="LT34" s="292">
        <v>738936</v>
      </c>
      <c r="LU34" s="129">
        <v>0</v>
      </c>
      <c r="LV34" s="109">
        <v>0</v>
      </c>
      <c r="LW34" s="110">
        <v>0</v>
      </c>
      <c r="LX34" s="470">
        <v>0</v>
      </c>
      <c r="LY34" s="109">
        <v>0</v>
      </c>
      <c r="LZ34" s="109">
        <v>0</v>
      </c>
      <c r="MA34" s="109">
        <v>0</v>
      </c>
      <c r="MB34" s="109">
        <v>0</v>
      </c>
      <c r="MC34" s="109">
        <v>0</v>
      </c>
      <c r="MD34" s="110">
        <v>0</v>
      </c>
      <c r="ME34" s="111">
        <v>0</v>
      </c>
      <c r="MF34" s="129">
        <v>0</v>
      </c>
      <c r="MG34" s="109">
        <v>0</v>
      </c>
      <c r="MH34" s="110">
        <v>0</v>
      </c>
      <c r="MI34" s="470">
        <v>0</v>
      </c>
      <c r="MJ34" s="109">
        <v>0</v>
      </c>
      <c r="MK34" s="109">
        <v>0</v>
      </c>
      <c r="ML34" s="109">
        <v>0</v>
      </c>
      <c r="MM34" s="109">
        <v>422716</v>
      </c>
      <c r="MN34" s="109">
        <v>515329</v>
      </c>
      <c r="MO34" s="110">
        <v>938045</v>
      </c>
      <c r="MP34" s="130">
        <v>938045</v>
      </c>
      <c r="MQ34" s="129">
        <v>0</v>
      </c>
      <c r="MR34" s="109">
        <v>0</v>
      </c>
      <c r="MS34" s="110">
        <v>0</v>
      </c>
      <c r="MT34" s="470">
        <v>0</v>
      </c>
      <c r="MU34" s="109">
        <v>0</v>
      </c>
      <c r="MV34" s="109">
        <v>0</v>
      </c>
      <c r="MW34" s="109">
        <v>0</v>
      </c>
      <c r="MX34" s="109">
        <v>104368</v>
      </c>
      <c r="MY34" s="109">
        <v>215064</v>
      </c>
      <c r="MZ34" s="110">
        <v>319432</v>
      </c>
      <c r="NA34" s="130">
        <v>319432</v>
      </c>
      <c r="NB34" s="129">
        <v>0</v>
      </c>
      <c r="NC34" s="109">
        <v>0</v>
      </c>
      <c r="ND34" s="110">
        <v>0</v>
      </c>
      <c r="NE34" s="470">
        <v>0</v>
      </c>
      <c r="NF34" s="109">
        <v>0</v>
      </c>
      <c r="NG34" s="109">
        <v>0</v>
      </c>
      <c r="NH34" s="109">
        <v>0</v>
      </c>
      <c r="NI34" s="109">
        <v>318348</v>
      </c>
      <c r="NJ34" s="109">
        <v>300265</v>
      </c>
      <c r="NK34" s="110">
        <v>618613</v>
      </c>
      <c r="NL34" s="292">
        <v>618613</v>
      </c>
      <c r="NM34" s="129">
        <v>0</v>
      </c>
      <c r="NN34" s="109">
        <v>0</v>
      </c>
      <c r="NO34" s="110">
        <v>0</v>
      </c>
      <c r="NP34" s="470">
        <v>0</v>
      </c>
      <c r="NQ34" s="109">
        <v>0</v>
      </c>
      <c r="NR34" s="109">
        <v>0</v>
      </c>
      <c r="NS34" s="109">
        <v>0</v>
      </c>
      <c r="NT34" s="109">
        <v>0</v>
      </c>
      <c r="NU34" s="109">
        <v>0</v>
      </c>
      <c r="NV34" s="110">
        <v>0</v>
      </c>
      <c r="NW34" s="111">
        <v>0</v>
      </c>
      <c r="NX34" s="129">
        <v>0</v>
      </c>
      <c r="NY34" s="109">
        <v>0</v>
      </c>
      <c r="NZ34" s="110">
        <v>0</v>
      </c>
      <c r="OA34" s="470">
        <v>0</v>
      </c>
      <c r="OB34" s="109">
        <v>0</v>
      </c>
      <c r="OC34" s="109">
        <v>0</v>
      </c>
      <c r="OD34" s="109">
        <v>0</v>
      </c>
      <c r="OE34" s="109">
        <v>0</v>
      </c>
      <c r="OF34" s="109">
        <v>0</v>
      </c>
      <c r="OG34" s="110">
        <v>0</v>
      </c>
      <c r="OH34" s="111">
        <v>0</v>
      </c>
      <c r="OI34" s="129">
        <v>63042</v>
      </c>
      <c r="OJ34" s="109">
        <v>13888</v>
      </c>
      <c r="OK34" s="128">
        <v>76930</v>
      </c>
      <c r="OL34" s="108">
        <v>0</v>
      </c>
      <c r="OM34" s="109">
        <v>609466</v>
      </c>
      <c r="ON34" s="109">
        <v>697319</v>
      </c>
      <c r="OO34" s="109">
        <v>1023120</v>
      </c>
      <c r="OP34" s="109">
        <v>834268</v>
      </c>
      <c r="OQ34" s="109">
        <v>1020307</v>
      </c>
      <c r="OR34" s="110">
        <v>4184480</v>
      </c>
      <c r="OS34" s="130">
        <v>4261410</v>
      </c>
    </row>
    <row r="35" spans="2:409" ht="21" customHeight="1" x14ac:dyDescent="0.2">
      <c r="B35" s="437" t="s">
        <v>30</v>
      </c>
      <c r="C35" s="100">
        <v>55098</v>
      </c>
      <c r="D35" s="104">
        <v>92976</v>
      </c>
      <c r="E35" s="157">
        <v>148074</v>
      </c>
      <c r="F35" s="158">
        <v>0</v>
      </c>
      <c r="G35" s="159">
        <v>259851</v>
      </c>
      <c r="H35" s="159">
        <v>365372</v>
      </c>
      <c r="I35" s="159">
        <v>61768</v>
      </c>
      <c r="J35" s="159">
        <v>302768</v>
      </c>
      <c r="K35" s="159">
        <v>0</v>
      </c>
      <c r="L35" s="160">
        <v>989759</v>
      </c>
      <c r="M35" s="106">
        <v>1137833</v>
      </c>
      <c r="N35" s="100">
        <v>0</v>
      </c>
      <c r="O35" s="104">
        <v>57664</v>
      </c>
      <c r="P35" s="103">
        <v>57664</v>
      </c>
      <c r="Q35" s="100">
        <v>0</v>
      </c>
      <c r="R35" s="104">
        <v>97631</v>
      </c>
      <c r="S35" s="104">
        <v>110672</v>
      </c>
      <c r="T35" s="104">
        <v>17016</v>
      </c>
      <c r="U35" s="104">
        <v>97952</v>
      </c>
      <c r="V35" s="104">
        <v>0</v>
      </c>
      <c r="W35" s="103">
        <v>323271</v>
      </c>
      <c r="X35" s="106">
        <v>380935</v>
      </c>
      <c r="Y35" s="100">
        <v>0</v>
      </c>
      <c r="Z35" s="104">
        <v>0</v>
      </c>
      <c r="AA35" s="103">
        <v>0</v>
      </c>
      <c r="AB35" s="100">
        <v>0</v>
      </c>
      <c r="AC35" s="104">
        <v>29703</v>
      </c>
      <c r="AD35" s="104">
        <v>94552</v>
      </c>
      <c r="AE35" s="104">
        <v>0</v>
      </c>
      <c r="AF35" s="104">
        <v>31280</v>
      </c>
      <c r="AG35" s="104">
        <v>0</v>
      </c>
      <c r="AH35" s="103">
        <v>155535</v>
      </c>
      <c r="AI35" s="106">
        <v>155535</v>
      </c>
      <c r="AJ35" s="100">
        <v>0</v>
      </c>
      <c r="AK35" s="104">
        <v>0</v>
      </c>
      <c r="AL35" s="103">
        <v>0</v>
      </c>
      <c r="AM35" s="100">
        <v>0</v>
      </c>
      <c r="AN35" s="104">
        <v>0</v>
      </c>
      <c r="AO35" s="104">
        <v>0</v>
      </c>
      <c r="AP35" s="104">
        <v>0</v>
      </c>
      <c r="AQ35" s="104">
        <v>0</v>
      </c>
      <c r="AR35" s="104">
        <v>0</v>
      </c>
      <c r="AS35" s="103">
        <v>0</v>
      </c>
      <c r="AT35" s="106">
        <v>0</v>
      </c>
      <c r="AU35" s="100">
        <v>0</v>
      </c>
      <c r="AV35" s="104">
        <v>57664</v>
      </c>
      <c r="AW35" s="103">
        <v>57664</v>
      </c>
      <c r="AX35" s="100">
        <v>0</v>
      </c>
      <c r="AY35" s="104">
        <v>44856</v>
      </c>
      <c r="AZ35" s="104">
        <v>0</v>
      </c>
      <c r="BA35" s="104">
        <v>17016</v>
      </c>
      <c r="BB35" s="104">
        <v>35456</v>
      </c>
      <c r="BC35" s="104">
        <v>0</v>
      </c>
      <c r="BD35" s="103">
        <v>97328</v>
      </c>
      <c r="BE35" s="106">
        <v>154992</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23072</v>
      </c>
      <c r="BV35" s="104">
        <v>16120</v>
      </c>
      <c r="BW35" s="104">
        <v>0</v>
      </c>
      <c r="BX35" s="104">
        <v>31216</v>
      </c>
      <c r="BY35" s="104">
        <v>0</v>
      </c>
      <c r="BZ35" s="103">
        <v>70408</v>
      </c>
      <c r="CA35" s="106">
        <v>70408</v>
      </c>
      <c r="CB35" s="100">
        <v>39418</v>
      </c>
      <c r="CC35" s="104">
        <v>34112</v>
      </c>
      <c r="CD35" s="103">
        <v>73530</v>
      </c>
      <c r="CE35" s="100">
        <v>0</v>
      </c>
      <c r="CF35" s="104">
        <v>0</v>
      </c>
      <c r="CG35" s="104">
        <v>56448</v>
      </c>
      <c r="CH35" s="104">
        <v>0</v>
      </c>
      <c r="CI35" s="104">
        <v>115656</v>
      </c>
      <c r="CJ35" s="104">
        <v>0</v>
      </c>
      <c r="CK35" s="103">
        <v>172104</v>
      </c>
      <c r="CL35" s="106">
        <v>245634</v>
      </c>
      <c r="CM35" s="100">
        <v>0</v>
      </c>
      <c r="CN35" s="104">
        <v>0</v>
      </c>
      <c r="CO35" s="103">
        <v>0</v>
      </c>
      <c r="CP35" s="101">
        <v>0</v>
      </c>
      <c r="CQ35" s="104">
        <v>0</v>
      </c>
      <c r="CR35" s="104">
        <v>7024</v>
      </c>
      <c r="CS35" s="104">
        <v>0</v>
      </c>
      <c r="CT35" s="104">
        <v>115656</v>
      </c>
      <c r="CU35" s="104">
        <v>0</v>
      </c>
      <c r="CV35" s="103">
        <v>122680</v>
      </c>
      <c r="CW35" s="106">
        <v>122680</v>
      </c>
      <c r="CX35" s="100">
        <v>39418</v>
      </c>
      <c r="CY35" s="104">
        <v>34112</v>
      </c>
      <c r="CZ35" s="103">
        <v>73530</v>
      </c>
      <c r="DA35" s="100">
        <v>0</v>
      </c>
      <c r="DB35" s="104">
        <v>0</v>
      </c>
      <c r="DC35" s="104">
        <v>49424</v>
      </c>
      <c r="DD35" s="104">
        <v>0</v>
      </c>
      <c r="DE35" s="104">
        <v>0</v>
      </c>
      <c r="DF35" s="104">
        <v>0</v>
      </c>
      <c r="DG35" s="103">
        <v>49424</v>
      </c>
      <c r="DH35" s="106">
        <v>122954</v>
      </c>
      <c r="DI35" s="100">
        <v>0</v>
      </c>
      <c r="DJ35" s="104">
        <v>0</v>
      </c>
      <c r="DK35" s="102">
        <v>0</v>
      </c>
      <c r="DL35" s="101">
        <v>0</v>
      </c>
      <c r="DM35" s="104">
        <v>0</v>
      </c>
      <c r="DN35" s="104">
        <v>0</v>
      </c>
      <c r="DO35" s="104">
        <v>17552</v>
      </c>
      <c r="DP35" s="104">
        <v>66952</v>
      </c>
      <c r="DQ35" s="104">
        <v>0</v>
      </c>
      <c r="DR35" s="103">
        <v>84504</v>
      </c>
      <c r="DS35" s="106">
        <v>84504</v>
      </c>
      <c r="DT35" s="100">
        <v>0</v>
      </c>
      <c r="DU35" s="104">
        <v>0</v>
      </c>
      <c r="DV35" s="103">
        <v>0</v>
      </c>
      <c r="DW35" s="100">
        <v>0</v>
      </c>
      <c r="DX35" s="104">
        <v>0</v>
      </c>
      <c r="DY35" s="104">
        <v>0</v>
      </c>
      <c r="DZ35" s="104">
        <v>17552</v>
      </c>
      <c r="EA35" s="104">
        <v>66952</v>
      </c>
      <c r="EB35" s="104">
        <v>0</v>
      </c>
      <c r="EC35" s="103">
        <v>84504</v>
      </c>
      <c r="ED35" s="106">
        <v>84504</v>
      </c>
      <c r="EE35" s="100">
        <v>0</v>
      </c>
      <c r="EF35" s="102">
        <v>0</v>
      </c>
      <c r="EG35" s="103">
        <v>0</v>
      </c>
      <c r="EH35" s="100">
        <v>0</v>
      </c>
      <c r="EI35" s="104">
        <v>0</v>
      </c>
      <c r="EJ35" s="104">
        <v>0</v>
      </c>
      <c r="EK35" s="104">
        <v>0</v>
      </c>
      <c r="EL35" s="104">
        <v>0</v>
      </c>
      <c r="EM35" s="104">
        <v>0</v>
      </c>
      <c r="EN35" s="102">
        <v>0</v>
      </c>
      <c r="EO35" s="106">
        <v>0</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06">
        <v>0</v>
      </c>
      <c r="FE35" s="104">
        <v>0</v>
      </c>
      <c r="FF35" s="104">
        <v>0</v>
      </c>
      <c r="FG35" s="104">
        <v>0</v>
      </c>
      <c r="FH35" s="104">
        <v>0</v>
      </c>
      <c r="FI35" s="104">
        <v>0</v>
      </c>
      <c r="FJ35" s="103">
        <v>0</v>
      </c>
      <c r="FK35" s="106">
        <v>0</v>
      </c>
      <c r="FL35" s="100">
        <v>15680</v>
      </c>
      <c r="FM35" s="104">
        <v>1200</v>
      </c>
      <c r="FN35" s="103">
        <v>16880</v>
      </c>
      <c r="FO35" s="100">
        <v>0</v>
      </c>
      <c r="FP35" s="104">
        <v>1600</v>
      </c>
      <c r="FQ35" s="104">
        <v>19040</v>
      </c>
      <c r="FR35" s="104">
        <v>27200</v>
      </c>
      <c r="FS35" s="104">
        <v>22208</v>
      </c>
      <c r="FT35" s="104">
        <v>0</v>
      </c>
      <c r="FU35" s="103">
        <v>70048</v>
      </c>
      <c r="FV35" s="106">
        <v>86928</v>
      </c>
      <c r="FW35" s="105">
        <v>15680</v>
      </c>
      <c r="FX35" s="104">
        <v>1200</v>
      </c>
      <c r="FY35" s="102">
        <v>16880</v>
      </c>
      <c r="FZ35" s="101">
        <v>0</v>
      </c>
      <c r="GA35" s="104">
        <v>1600</v>
      </c>
      <c r="GB35" s="104">
        <v>19040</v>
      </c>
      <c r="GC35" s="104">
        <v>27200</v>
      </c>
      <c r="GD35" s="104">
        <v>22208</v>
      </c>
      <c r="GE35" s="104">
        <v>0</v>
      </c>
      <c r="GF35" s="103">
        <v>70048</v>
      </c>
      <c r="GG35" s="290">
        <v>86928</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160620</v>
      </c>
      <c r="HI35" s="104">
        <v>179212</v>
      </c>
      <c r="HJ35" s="104">
        <v>0</v>
      </c>
      <c r="HK35" s="104">
        <v>0</v>
      </c>
      <c r="HL35" s="104">
        <v>0</v>
      </c>
      <c r="HM35" s="103">
        <v>339832</v>
      </c>
      <c r="HN35" s="99">
        <v>339832</v>
      </c>
      <c r="HO35" s="456">
        <v>0</v>
      </c>
      <c r="HP35" s="457">
        <v>0</v>
      </c>
      <c r="HQ35" s="458">
        <v>0</v>
      </c>
      <c r="HR35" s="459">
        <v>0</v>
      </c>
      <c r="HS35" s="457">
        <v>0</v>
      </c>
      <c r="HT35" s="457">
        <v>0</v>
      </c>
      <c r="HU35" s="457">
        <v>0</v>
      </c>
      <c r="HV35" s="457">
        <v>0</v>
      </c>
      <c r="HW35" s="457">
        <v>0</v>
      </c>
      <c r="HX35" s="460">
        <v>0</v>
      </c>
      <c r="HY35" s="461">
        <v>0</v>
      </c>
      <c r="HZ35" s="118">
        <v>0</v>
      </c>
      <c r="IA35" s="119">
        <v>0</v>
      </c>
      <c r="IB35" s="120">
        <v>0</v>
      </c>
      <c r="IC35" s="131">
        <v>0</v>
      </c>
      <c r="ID35" s="119">
        <v>49832</v>
      </c>
      <c r="IE35" s="132">
        <v>0</v>
      </c>
      <c r="IF35" s="120">
        <v>141640</v>
      </c>
      <c r="IG35" s="119">
        <v>257424</v>
      </c>
      <c r="IH35" s="120">
        <v>0</v>
      </c>
      <c r="II35" s="133">
        <v>448896</v>
      </c>
      <c r="IJ35" s="126">
        <v>448896</v>
      </c>
      <c r="IK35" s="215">
        <v>0</v>
      </c>
      <c r="IL35" s="219">
        <v>0</v>
      </c>
      <c r="IM35" s="220">
        <v>0</v>
      </c>
      <c r="IN35" s="470">
        <v>0</v>
      </c>
      <c r="IO35" s="109">
        <v>0</v>
      </c>
      <c r="IP35" s="109">
        <v>0</v>
      </c>
      <c r="IQ35" s="109">
        <v>0</v>
      </c>
      <c r="IR35" s="109">
        <v>0</v>
      </c>
      <c r="IS35" s="109">
        <v>0</v>
      </c>
      <c r="IT35" s="128">
        <v>0</v>
      </c>
      <c r="IU35" s="292">
        <v>0</v>
      </c>
      <c r="IV35" s="129">
        <v>0</v>
      </c>
      <c r="IW35" s="109">
        <v>0</v>
      </c>
      <c r="IX35" s="110">
        <v>0</v>
      </c>
      <c r="IY35" s="470">
        <v>0</v>
      </c>
      <c r="IZ35" s="109">
        <v>0</v>
      </c>
      <c r="JA35" s="109">
        <v>0</v>
      </c>
      <c r="JB35" s="109">
        <v>0</v>
      </c>
      <c r="JC35" s="109">
        <v>0</v>
      </c>
      <c r="JD35" s="109">
        <v>0</v>
      </c>
      <c r="JE35" s="110">
        <v>0</v>
      </c>
      <c r="JF35" s="111">
        <v>0</v>
      </c>
      <c r="JG35" s="129">
        <v>0</v>
      </c>
      <c r="JH35" s="109">
        <v>0</v>
      </c>
      <c r="JI35" s="128">
        <v>0</v>
      </c>
      <c r="JJ35" s="108">
        <v>0</v>
      </c>
      <c r="JK35" s="109">
        <v>49832</v>
      </c>
      <c r="JL35" s="109">
        <v>0</v>
      </c>
      <c r="JM35" s="109">
        <v>141640</v>
      </c>
      <c r="JN35" s="109">
        <v>0</v>
      </c>
      <c r="JO35" s="109">
        <v>0</v>
      </c>
      <c r="JP35" s="110">
        <v>191472</v>
      </c>
      <c r="JQ35" s="292">
        <v>191472</v>
      </c>
      <c r="JR35" s="129">
        <v>0</v>
      </c>
      <c r="JS35" s="109">
        <v>0</v>
      </c>
      <c r="JT35" s="128">
        <v>0</v>
      </c>
      <c r="JU35" s="108">
        <v>0</v>
      </c>
      <c r="JV35" s="109">
        <v>0</v>
      </c>
      <c r="JW35" s="109">
        <v>0</v>
      </c>
      <c r="JX35" s="109">
        <v>0</v>
      </c>
      <c r="JY35" s="109">
        <v>0</v>
      </c>
      <c r="JZ35" s="109">
        <v>0</v>
      </c>
      <c r="KA35" s="110">
        <v>0</v>
      </c>
      <c r="KB35" s="292">
        <v>0</v>
      </c>
      <c r="KC35" s="217">
        <v>0</v>
      </c>
      <c r="KD35" s="213">
        <v>0</v>
      </c>
      <c r="KE35" s="110">
        <v>0</v>
      </c>
      <c r="KF35" s="108">
        <v>0</v>
      </c>
      <c r="KG35" s="109">
        <v>0</v>
      </c>
      <c r="KH35" s="109">
        <v>0</v>
      </c>
      <c r="KI35" s="109">
        <v>0</v>
      </c>
      <c r="KJ35" s="109">
        <v>0</v>
      </c>
      <c r="KK35" s="109">
        <v>0</v>
      </c>
      <c r="KL35" s="110">
        <v>0</v>
      </c>
      <c r="KM35" s="130">
        <v>0</v>
      </c>
      <c r="KN35" s="215">
        <v>0</v>
      </c>
      <c r="KO35" s="219">
        <v>0</v>
      </c>
      <c r="KP35" s="220">
        <v>0</v>
      </c>
      <c r="KQ35" s="470">
        <v>0</v>
      </c>
      <c r="KR35" s="109">
        <v>0</v>
      </c>
      <c r="KS35" s="109">
        <v>0</v>
      </c>
      <c r="KT35" s="109">
        <v>0</v>
      </c>
      <c r="KU35" s="109">
        <v>257424</v>
      </c>
      <c r="KV35" s="109">
        <v>0</v>
      </c>
      <c r="KW35" s="110">
        <v>257424</v>
      </c>
      <c r="KX35" s="292">
        <v>257424</v>
      </c>
      <c r="KY35" s="129">
        <v>0</v>
      </c>
      <c r="KZ35" s="109">
        <v>0</v>
      </c>
      <c r="LA35" s="110">
        <v>0</v>
      </c>
      <c r="LB35" s="470">
        <v>0</v>
      </c>
      <c r="LC35" s="109">
        <v>0</v>
      </c>
      <c r="LD35" s="109">
        <v>0</v>
      </c>
      <c r="LE35" s="109">
        <v>0</v>
      </c>
      <c r="LF35" s="109">
        <v>0</v>
      </c>
      <c r="LG35" s="109">
        <v>0</v>
      </c>
      <c r="LH35" s="110">
        <v>0</v>
      </c>
      <c r="LI35" s="111">
        <v>0</v>
      </c>
      <c r="LJ35" s="129">
        <v>0</v>
      </c>
      <c r="LK35" s="109">
        <v>0</v>
      </c>
      <c r="LL35" s="110">
        <v>0</v>
      </c>
      <c r="LM35" s="470">
        <v>0</v>
      </c>
      <c r="LN35" s="109">
        <v>0</v>
      </c>
      <c r="LO35" s="109">
        <v>0</v>
      </c>
      <c r="LP35" s="109">
        <v>0</v>
      </c>
      <c r="LQ35" s="109">
        <v>0</v>
      </c>
      <c r="LR35" s="109">
        <v>0</v>
      </c>
      <c r="LS35" s="110">
        <v>0</v>
      </c>
      <c r="LT35" s="292">
        <v>0</v>
      </c>
      <c r="LU35" s="129">
        <v>0</v>
      </c>
      <c r="LV35" s="109">
        <v>0</v>
      </c>
      <c r="LW35" s="110">
        <v>0</v>
      </c>
      <c r="LX35" s="470">
        <v>0</v>
      </c>
      <c r="LY35" s="109">
        <v>0</v>
      </c>
      <c r="LZ35" s="109">
        <v>0</v>
      </c>
      <c r="MA35" s="109">
        <v>0</v>
      </c>
      <c r="MB35" s="109">
        <v>0</v>
      </c>
      <c r="MC35" s="109">
        <v>0</v>
      </c>
      <c r="MD35" s="110">
        <v>0</v>
      </c>
      <c r="ME35" s="111">
        <v>0</v>
      </c>
      <c r="MF35" s="129">
        <v>0</v>
      </c>
      <c r="MG35" s="109">
        <v>0</v>
      </c>
      <c r="MH35" s="110">
        <v>0</v>
      </c>
      <c r="MI35" s="470">
        <v>0</v>
      </c>
      <c r="MJ35" s="109">
        <v>205632</v>
      </c>
      <c r="MK35" s="109">
        <v>116376</v>
      </c>
      <c r="ML35" s="109">
        <v>319232</v>
      </c>
      <c r="MM35" s="109">
        <v>1727540</v>
      </c>
      <c r="MN35" s="109">
        <v>262944</v>
      </c>
      <c r="MO35" s="110">
        <v>2631724</v>
      </c>
      <c r="MP35" s="130">
        <v>2631724</v>
      </c>
      <c r="MQ35" s="129">
        <v>0</v>
      </c>
      <c r="MR35" s="109">
        <v>0</v>
      </c>
      <c r="MS35" s="110">
        <v>0</v>
      </c>
      <c r="MT35" s="470">
        <v>0</v>
      </c>
      <c r="MU35" s="109">
        <v>0</v>
      </c>
      <c r="MV35" s="109">
        <v>0</v>
      </c>
      <c r="MW35" s="109">
        <v>0</v>
      </c>
      <c r="MX35" s="109">
        <v>239208</v>
      </c>
      <c r="MY35" s="109">
        <v>262944</v>
      </c>
      <c r="MZ35" s="110">
        <v>502152</v>
      </c>
      <c r="NA35" s="130">
        <v>502152</v>
      </c>
      <c r="NB35" s="129">
        <v>0</v>
      </c>
      <c r="NC35" s="109">
        <v>0</v>
      </c>
      <c r="ND35" s="110">
        <v>0</v>
      </c>
      <c r="NE35" s="470">
        <v>0</v>
      </c>
      <c r="NF35" s="109">
        <v>205632</v>
      </c>
      <c r="NG35" s="109">
        <v>116376</v>
      </c>
      <c r="NH35" s="109">
        <v>319232</v>
      </c>
      <c r="NI35" s="109">
        <v>1098359</v>
      </c>
      <c r="NJ35" s="109">
        <v>0</v>
      </c>
      <c r="NK35" s="110">
        <v>1739599</v>
      </c>
      <c r="NL35" s="292">
        <v>1739599</v>
      </c>
      <c r="NM35" s="129">
        <v>0</v>
      </c>
      <c r="NN35" s="109">
        <v>0</v>
      </c>
      <c r="NO35" s="110">
        <v>0</v>
      </c>
      <c r="NP35" s="470">
        <v>0</v>
      </c>
      <c r="NQ35" s="109">
        <v>0</v>
      </c>
      <c r="NR35" s="109">
        <v>0</v>
      </c>
      <c r="NS35" s="109">
        <v>0</v>
      </c>
      <c r="NT35" s="109">
        <v>0</v>
      </c>
      <c r="NU35" s="109">
        <v>0</v>
      </c>
      <c r="NV35" s="110">
        <v>0</v>
      </c>
      <c r="NW35" s="111">
        <v>0</v>
      </c>
      <c r="NX35" s="129">
        <v>0</v>
      </c>
      <c r="NY35" s="109">
        <v>0</v>
      </c>
      <c r="NZ35" s="110">
        <v>0</v>
      </c>
      <c r="OA35" s="470">
        <v>0</v>
      </c>
      <c r="OB35" s="109">
        <v>0</v>
      </c>
      <c r="OC35" s="109">
        <v>0</v>
      </c>
      <c r="OD35" s="109">
        <v>0</v>
      </c>
      <c r="OE35" s="109">
        <v>389973</v>
      </c>
      <c r="OF35" s="109">
        <v>0</v>
      </c>
      <c r="OG35" s="110">
        <v>389973</v>
      </c>
      <c r="OH35" s="111">
        <v>389973</v>
      </c>
      <c r="OI35" s="129">
        <v>55098</v>
      </c>
      <c r="OJ35" s="109">
        <v>92976</v>
      </c>
      <c r="OK35" s="128">
        <v>148074</v>
      </c>
      <c r="OL35" s="108">
        <v>0</v>
      </c>
      <c r="OM35" s="109">
        <v>515315</v>
      </c>
      <c r="ON35" s="109">
        <v>481748</v>
      </c>
      <c r="OO35" s="109">
        <v>522640</v>
      </c>
      <c r="OP35" s="109">
        <v>2287732</v>
      </c>
      <c r="OQ35" s="109">
        <v>262944</v>
      </c>
      <c r="OR35" s="110">
        <v>4070379</v>
      </c>
      <c r="OS35" s="130">
        <v>4218453</v>
      </c>
    </row>
    <row r="36" spans="2:409" ht="21" customHeight="1" x14ac:dyDescent="0.2">
      <c r="B36" s="437" t="s">
        <v>31</v>
      </c>
      <c r="C36" s="100">
        <v>5200</v>
      </c>
      <c r="D36" s="104">
        <v>0</v>
      </c>
      <c r="E36" s="103">
        <v>5200</v>
      </c>
      <c r="F36" s="99">
        <v>0</v>
      </c>
      <c r="G36" s="104">
        <v>239682</v>
      </c>
      <c r="H36" s="104">
        <v>244442</v>
      </c>
      <c r="I36" s="104">
        <v>1400741</v>
      </c>
      <c r="J36" s="104">
        <v>94989</v>
      </c>
      <c r="K36" s="104">
        <v>16672</v>
      </c>
      <c r="L36" s="156">
        <v>1996526</v>
      </c>
      <c r="M36" s="106">
        <v>2001726</v>
      </c>
      <c r="N36" s="100">
        <v>0</v>
      </c>
      <c r="O36" s="104">
        <v>0</v>
      </c>
      <c r="P36" s="103">
        <v>0</v>
      </c>
      <c r="Q36" s="100">
        <v>0</v>
      </c>
      <c r="R36" s="104">
        <v>47040</v>
      </c>
      <c r="S36" s="104">
        <v>102344</v>
      </c>
      <c r="T36" s="104">
        <v>677552</v>
      </c>
      <c r="U36" s="104">
        <v>30112</v>
      </c>
      <c r="V36" s="104">
        <v>16672</v>
      </c>
      <c r="W36" s="103">
        <v>873720</v>
      </c>
      <c r="X36" s="106">
        <v>873720</v>
      </c>
      <c r="Y36" s="100">
        <v>0</v>
      </c>
      <c r="Z36" s="104">
        <v>0</v>
      </c>
      <c r="AA36" s="103">
        <v>0</v>
      </c>
      <c r="AB36" s="100">
        <v>0</v>
      </c>
      <c r="AC36" s="104">
        <v>0</v>
      </c>
      <c r="AD36" s="104">
        <v>0</v>
      </c>
      <c r="AE36" s="104">
        <v>317624</v>
      </c>
      <c r="AF36" s="104">
        <v>0</v>
      </c>
      <c r="AG36" s="104">
        <v>0</v>
      </c>
      <c r="AH36" s="103">
        <v>317624</v>
      </c>
      <c r="AI36" s="106">
        <v>317624</v>
      </c>
      <c r="AJ36" s="100">
        <v>0</v>
      </c>
      <c r="AK36" s="104">
        <v>0</v>
      </c>
      <c r="AL36" s="103">
        <v>0</v>
      </c>
      <c r="AM36" s="100">
        <v>0</v>
      </c>
      <c r="AN36" s="104">
        <v>0</v>
      </c>
      <c r="AO36" s="104">
        <v>102344</v>
      </c>
      <c r="AP36" s="104">
        <v>193304</v>
      </c>
      <c r="AQ36" s="104">
        <v>0</v>
      </c>
      <c r="AR36" s="104">
        <v>0</v>
      </c>
      <c r="AS36" s="103">
        <v>295648</v>
      </c>
      <c r="AT36" s="106">
        <v>295648</v>
      </c>
      <c r="AU36" s="100">
        <v>0</v>
      </c>
      <c r="AV36" s="104">
        <v>0</v>
      </c>
      <c r="AW36" s="103">
        <v>0</v>
      </c>
      <c r="AX36" s="100">
        <v>0</v>
      </c>
      <c r="AY36" s="104">
        <v>47040</v>
      </c>
      <c r="AZ36" s="104">
        <v>0</v>
      </c>
      <c r="BA36" s="104">
        <v>166624</v>
      </c>
      <c r="BB36" s="104">
        <v>0</v>
      </c>
      <c r="BC36" s="104">
        <v>0</v>
      </c>
      <c r="BD36" s="103">
        <v>213664</v>
      </c>
      <c r="BE36" s="106">
        <v>213664</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0</v>
      </c>
      <c r="BW36" s="104">
        <v>0</v>
      </c>
      <c r="BX36" s="104">
        <v>30112</v>
      </c>
      <c r="BY36" s="104">
        <v>16672</v>
      </c>
      <c r="BZ36" s="103">
        <v>46784</v>
      </c>
      <c r="CA36" s="106">
        <v>46784</v>
      </c>
      <c r="CB36" s="100">
        <v>0</v>
      </c>
      <c r="CC36" s="104">
        <v>0</v>
      </c>
      <c r="CD36" s="103">
        <v>0</v>
      </c>
      <c r="CE36" s="100">
        <v>0</v>
      </c>
      <c r="CF36" s="104">
        <v>126002</v>
      </c>
      <c r="CG36" s="104">
        <v>63818</v>
      </c>
      <c r="CH36" s="104">
        <v>327945</v>
      </c>
      <c r="CI36" s="104">
        <v>0</v>
      </c>
      <c r="CJ36" s="104">
        <v>0</v>
      </c>
      <c r="CK36" s="103">
        <v>517765</v>
      </c>
      <c r="CL36" s="106">
        <v>517765</v>
      </c>
      <c r="CM36" s="100">
        <v>0</v>
      </c>
      <c r="CN36" s="104">
        <v>0</v>
      </c>
      <c r="CO36" s="103">
        <v>0</v>
      </c>
      <c r="CP36" s="101">
        <v>0</v>
      </c>
      <c r="CQ36" s="104">
        <v>78302</v>
      </c>
      <c r="CR36" s="104">
        <v>0</v>
      </c>
      <c r="CS36" s="104">
        <v>204729</v>
      </c>
      <c r="CT36" s="104">
        <v>0</v>
      </c>
      <c r="CU36" s="104">
        <v>0</v>
      </c>
      <c r="CV36" s="103">
        <v>283031</v>
      </c>
      <c r="CW36" s="106">
        <v>283031</v>
      </c>
      <c r="CX36" s="100">
        <v>0</v>
      </c>
      <c r="CY36" s="104">
        <v>0</v>
      </c>
      <c r="CZ36" s="103">
        <v>0</v>
      </c>
      <c r="DA36" s="100">
        <v>0</v>
      </c>
      <c r="DB36" s="104">
        <v>47700</v>
      </c>
      <c r="DC36" s="104">
        <v>63818</v>
      </c>
      <c r="DD36" s="104">
        <v>123216</v>
      </c>
      <c r="DE36" s="104">
        <v>0</v>
      </c>
      <c r="DF36" s="104">
        <v>0</v>
      </c>
      <c r="DG36" s="103">
        <v>234734</v>
      </c>
      <c r="DH36" s="106">
        <v>234734</v>
      </c>
      <c r="DI36" s="100">
        <v>0</v>
      </c>
      <c r="DJ36" s="104">
        <v>0</v>
      </c>
      <c r="DK36" s="102">
        <v>0</v>
      </c>
      <c r="DL36" s="101">
        <v>0</v>
      </c>
      <c r="DM36" s="104">
        <v>0</v>
      </c>
      <c r="DN36" s="104">
        <v>0</v>
      </c>
      <c r="DO36" s="104">
        <v>279404</v>
      </c>
      <c r="DP36" s="104">
        <v>54277</v>
      </c>
      <c r="DQ36" s="104">
        <v>0</v>
      </c>
      <c r="DR36" s="103">
        <v>333681</v>
      </c>
      <c r="DS36" s="106">
        <v>333681</v>
      </c>
      <c r="DT36" s="100">
        <v>0</v>
      </c>
      <c r="DU36" s="104">
        <v>0</v>
      </c>
      <c r="DV36" s="103">
        <v>0</v>
      </c>
      <c r="DW36" s="100">
        <v>0</v>
      </c>
      <c r="DX36" s="104">
        <v>0</v>
      </c>
      <c r="DY36" s="104">
        <v>0</v>
      </c>
      <c r="DZ36" s="104">
        <v>279404</v>
      </c>
      <c r="EA36" s="104">
        <v>54277</v>
      </c>
      <c r="EB36" s="104">
        <v>0</v>
      </c>
      <c r="EC36" s="103">
        <v>333681</v>
      </c>
      <c r="ED36" s="106">
        <v>333681</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06">
        <v>0</v>
      </c>
      <c r="FE36" s="104">
        <v>0</v>
      </c>
      <c r="FF36" s="104">
        <v>0</v>
      </c>
      <c r="FG36" s="104">
        <v>0</v>
      </c>
      <c r="FH36" s="104">
        <v>0</v>
      </c>
      <c r="FI36" s="104">
        <v>0</v>
      </c>
      <c r="FJ36" s="103">
        <v>0</v>
      </c>
      <c r="FK36" s="106">
        <v>0</v>
      </c>
      <c r="FL36" s="100">
        <v>5200</v>
      </c>
      <c r="FM36" s="104">
        <v>0</v>
      </c>
      <c r="FN36" s="103">
        <v>5200</v>
      </c>
      <c r="FO36" s="100">
        <v>0</v>
      </c>
      <c r="FP36" s="104">
        <v>66640</v>
      </c>
      <c r="FQ36" s="104">
        <v>78280</v>
      </c>
      <c r="FR36" s="104">
        <v>115840</v>
      </c>
      <c r="FS36" s="104">
        <v>10600</v>
      </c>
      <c r="FT36" s="104">
        <v>0</v>
      </c>
      <c r="FU36" s="103">
        <v>271360</v>
      </c>
      <c r="FV36" s="106">
        <v>276560</v>
      </c>
      <c r="FW36" s="105">
        <v>5200</v>
      </c>
      <c r="FX36" s="104">
        <v>0</v>
      </c>
      <c r="FY36" s="102">
        <v>5200</v>
      </c>
      <c r="FZ36" s="101">
        <v>0</v>
      </c>
      <c r="GA36" s="104">
        <v>41840</v>
      </c>
      <c r="GB36" s="104">
        <v>78280</v>
      </c>
      <c r="GC36" s="104">
        <v>115840</v>
      </c>
      <c r="GD36" s="104">
        <v>10600</v>
      </c>
      <c r="GE36" s="104">
        <v>0</v>
      </c>
      <c r="GF36" s="103">
        <v>246560</v>
      </c>
      <c r="GG36" s="290">
        <v>251760</v>
      </c>
      <c r="GH36" s="105">
        <v>0</v>
      </c>
      <c r="GI36" s="104">
        <v>0</v>
      </c>
      <c r="GJ36" s="102">
        <v>0</v>
      </c>
      <c r="GK36" s="101">
        <v>0</v>
      </c>
      <c r="GL36" s="104">
        <v>24800</v>
      </c>
      <c r="GM36" s="104">
        <v>0</v>
      </c>
      <c r="GN36" s="104">
        <v>0</v>
      </c>
      <c r="GO36" s="104">
        <v>0</v>
      </c>
      <c r="GP36" s="104">
        <v>0</v>
      </c>
      <c r="GQ36" s="103">
        <v>24800</v>
      </c>
      <c r="GR36" s="106">
        <v>2480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0</v>
      </c>
      <c r="HK36" s="104">
        <v>0</v>
      </c>
      <c r="HL36" s="104">
        <v>0</v>
      </c>
      <c r="HM36" s="103">
        <v>0</v>
      </c>
      <c r="HN36" s="99">
        <v>0</v>
      </c>
      <c r="HO36" s="456">
        <v>0</v>
      </c>
      <c r="HP36" s="457">
        <v>0</v>
      </c>
      <c r="HQ36" s="458">
        <v>0</v>
      </c>
      <c r="HR36" s="459">
        <v>0</v>
      </c>
      <c r="HS36" s="457">
        <v>0</v>
      </c>
      <c r="HT36" s="457">
        <v>0</v>
      </c>
      <c r="HU36" s="457">
        <v>0</v>
      </c>
      <c r="HV36" s="457">
        <v>0</v>
      </c>
      <c r="HW36" s="457">
        <v>0</v>
      </c>
      <c r="HX36" s="460">
        <v>0</v>
      </c>
      <c r="HY36" s="461">
        <v>0</v>
      </c>
      <c r="HZ36" s="135">
        <v>0</v>
      </c>
      <c r="IA36" s="122">
        <v>0</v>
      </c>
      <c r="IB36" s="135">
        <v>0</v>
      </c>
      <c r="IC36" s="121">
        <v>0</v>
      </c>
      <c r="ID36" s="122">
        <v>136578</v>
      </c>
      <c r="IE36" s="123">
        <v>456869</v>
      </c>
      <c r="IF36" s="124">
        <v>10204</v>
      </c>
      <c r="IG36" s="122">
        <v>413451</v>
      </c>
      <c r="IH36" s="124">
        <v>253728</v>
      </c>
      <c r="II36" s="125">
        <v>1270830</v>
      </c>
      <c r="IJ36" s="135">
        <v>1270830</v>
      </c>
      <c r="IK36" s="215">
        <v>0</v>
      </c>
      <c r="IL36" s="219">
        <v>0</v>
      </c>
      <c r="IM36" s="220">
        <v>0</v>
      </c>
      <c r="IN36" s="470">
        <v>0</v>
      </c>
      <c r="IO36" s="109">
        <v>0</v>
      </c>
      <c r="IP36" s="109">
        <v>0</v>
      </c>
      <c r="IQ36" s="109">
        <v>0</v>
      </c>
      <c r="IR36" s="109">
        <v>0</v>
      </c>
      <c r="IS36" s="109">
        <v>0</v>
      </c>
      <c r="IT36" s="128">
        <v>0</v>
      </c>
      <c r="IU36" s="292">
        <v>0</v>
      </c>
      <c r="IV36" s="129">
        <v>0</v>
      </c>
      <c r="IW36" s="109">
        <v>0</v>
      </c>
      <c r="IX36" s="110">
        <v>0</v>
      </c>
      <c r="IY36" s="470">
        <v>0</v>
      </c>
      <c r="IZ36" s="109">
        <v>0</v>
      </c>
      <c r="JA36" s="109">
        <v>0</v>
      </c>
      <c r="JB36" s="109">
        <v>0</v>
      </c>
      <c r="JC36" s="109">
        <v>0</v>
      </c>
      <c r="JD36" s="109">
        <v>0</v>
      </c>
      <c r="JE36" s="110">
        <v>0</v>
      </c>
      <c r="JF36" s="111">
        <v>0</v>
      </c>
      <c r="JG36" s="129">
        <v>0</v>
      </c>
      <c r="JH36" s="109">
        <v>0</v>
      </c>
      <c r="JI36" s="128">
        <v>0</v>
      </c>
      <c r="JJ36" s="108">
        <v>0</v>
      </c>
      <c r="JK36" s="109">
        <v>0</v>
      </c>
      <c r="JL36" s="109">
        <v>31992</v>
      </c>
      <c r="JM36" s="109">
        <v>10204</v>
      </c>
      <c r="JN36" s="109">
        <v>0</v>
      </c>
      <c r="JO36" s="109">
        <v>0</v>
      </c>
      <c r="JP36" s="110">
        <v>42196</v>
      </c>
      <c r="JQ36" s="292">
        <v>42196</v>
      </c>
      <c r="JR36" s="129">
        <v>0</v>
      </c>
      <c r="JS36" s="109">
        <v>0</v>
      </c>
      <c r="JT36" s="128">
        <v>0</v>
      </c>
      <c r="JU36" s="108">
        <v>0</v>
      </c>
      <c r="JV36" s="109">
        <v>0</v>
      </c>
      <c r="JW36" s="109">
        <v>0</v>
      </c>
      <c r="JX36" s="109">
        <v>0</v>
      </c>
      <c r="JY36" s="109">
        <v>175779</v>
      </c>
      <c r="JZ36" s="109">
        <v>0</v>
      </c>
      <c r="KA36" s="110">
        <v>175779</v>
      </c>
      <c r="KB36" s="292">
        <v>175779</v>
      </c>
      <c r="KC36" s="217">
        <v>0</v>
      </c>
      <c r="KD36" s="213">
        <v>0</v>
      </c>
      <c r="KE36" s="110">
        <v>0</v>
      </c>
      <c r="KF36" s="108">
        <v>0</v>
      </c>
      <c r="KG36" s="109">
        <v>136578</v>
      </c>
      <c r="KH36" s="109">
        <v>0</v>
      </c>
      <c r="KI36" s="109">
        <v>0</v>
      </c>
      <c r="KJ36" s="109">
        <v>0</v>
      </c>
      <c r="KK36" s="109">
        <v>0</v>
      </c>
      <c r="KL36" s="110">
        <v>136578</v>
      </c>
      <c r="KM36" s="130">
        <v>136578</v>
      </c>
      <c r="KN36" s="215">
        <v>0</v>
      </c>
      <c r="KO36" s="219">
        <v>0</v>
      </c>
      <c r="KP36" s="220">
        <v>0</v>
      </c>
      <c r="KQ36" s="470">
        <v>0</v>
      </c>
      <c r="KR36" s="109">
        <v>0</v>
      </c>
      <c r="KS36" s="109">
        <v>242069</v>
      </c>
      <c r="KT36" s="109">
        <v>0</v>
      </c>
      <c r="KU36" s="109">
        <v>237672</v>
      </c>
      <c r="KV36" s="109">
        <v>253728</v>
      </c>
      <c r="KW36" s="110">
        <v>733469</v>
      </c>
      <c r="KX36" s="292">
        <v>733469</v>
      </c>
      <c r="KY36" s="129">
        <v>0</v>
      </c>
      <c r="KZ36" s="109">
        <v>0</v>
      </c>
      <c r="LA36" s="110">
        <v>0</v>
      </c>
      <c r="LB36" s="470">
        <v>0</v>
      </c>
      <c r="LC36" s="109">
        <v>0</v>
      </c>
      <c r="LD36" s="109">
        <v>0</v>
      </c>
      <c r="LE36" s="109">
        <v>0</v>
      </c>
      <c r="LF36" s="109">
        <v>0</v>
      </c>
      <c r="LG36" s="109">
        <v>0</v>
      </c>
      <c r="LH36" s="110">
        <v>0</v>
      </c>
      <c r="LI36" s="111">
        <v>0</v>
      </c>
      <c r="LJ36" s="129">
        <v>0</v>
      </c>
      <c r="LK36" s="109">
        <v>0</v>
      </c>
      <c r="LL36" s="110">
        <v>0</v>
      </c>
      <c r="LM36" s="470">
        <v>0</v>
      </c>
      <c r="LN36" s="109">
        <v>0</v>
      </c>
      <c r="LO36" s="109">
        <v>182808</v>
      </c>
      <c r="LP36" s="109">
        <v>0</v>
      </c>
      <c r="LQ36" s="109">
        <v>0</v>
      </c>
      <c r="LR36" s="109">
        <v>0</v>
      </c>
      <c r="LS36" s="110">
        <v>182808</v>
      </c>
      <c r="LT36" s="292">
        <v>182808</v>
      </c>
      <c r="LU36" s="129">
        <v>0</v>
      </c>
      <c r="LV36" s="109">
        <v>0</v>
      </c>
      <c r="LW36" s="110">
        <v>0</v>
      </c>
      <c r="LX36" s="470">
        <v>0</v>
      </c>
      <c r="LY36" s="109">
        <v>0</v>
      </c>
      <c r="LZ36" s="109">
        <v>0</v>
      </c>
      <c r="MA36" s="109">
        <v>0</v>
      </c>
      <c r="MB36" s="109">
        <v>0</v>
      </c>
      <c r="MC36" s="109">
        <v>0</v>
      </c>
      <c r="MD36" s="110">
        <v>0</v>
      </c>
      <c r="ME36" s="111">
        <v>0</v>
      </c>
      <c r="MF36" s="129">
        <v>0</v>
      </c>
      <c r="MG36" s="109">
        <v>0</v>
      </c>
      <c r="MH36" s="110">
        <v>0</v>
      </c>
      <c r="MI36" s="470">
        <v>0</v>
      </c>
      <c r="MJ36" s="109">
        <v>0</v>
      </c>
      <c r="MK36" s="109">
        <v>0</v>
      </c>
      <c r="ML36" s="109">
        <v>543323</v>
      </c>
      <c r="MM36" s="109">
        <v>277585</v>
      </c>
      <c r="MN36" s="109">
        <v>0</v>
      </c>
      <c r="MO36" s="110">
        <v>820908</v>
      </c>
      <c r="MP36" s="130">
        <v>820908</v>
      </c>
      <c r="MQ36" s="129">
        <v>0</v>
      </c>
      <c r="MR36" s="109">
        <v>0</v>
      </c>
      <c r="MS36" s="110">
        <v>0</v>
      </c>
      <c r="MT36" s="470">
        <v>0</v>
      </c>
      <c r="MU36" s="109">
        <v>0</v>
      </c>
      <c r="MV36" s="109">
        <v>0</v>
      </c>
      <c r="MW36" s="109">
        <v>543323</v>
      </c>
      <c r="MX36" s="109">
        <v>277585</v>
      </c>
      <c r="MY36" s="109">
        <v>0</v>
      </c>
      <c r="MZ36" s="110">
        <v>820908</v>
      </c>
      <c r="NA36" s="130">
        <v>820908</v>
      </c>
      <c r="NB36" s="129">
        <v>0</v>
      </c>
      <c r="NC36" s="109">
        <v>0</v>
      </c>
      <c r="ND36" s="110">
        <v>0</v>
      </c>
      <c r="NE36" s="470">
        <v>0</v>
      </c>
      <c r="NF36" s="109">
        <v>0</v>
      </c>
      <c r="NG36" s="109">
        <v>0</v>
      </c>
      <c r="NH36" s="109">
        <v>0</v>
      </c>
      <c r="NI36" s="109">
        <v>0</v>
      </c>
      <c r="NJ36" s="109">
        <v>0</v>
      </c>
      <c r="NK36" s="110">
        <v>0</v>
      </c>
      <c r="NL36" s="292">
        <v>0</v>
      </c>
      <c r="NM36" s="129">
        <v>0</v>
      </c>
      <c r="NN36" s="109">
        <v>0</v>
      </c>
      <c r="NO36" s="110">
        <v>0</v>
      </c>
      <c r="NP36" s="470">
        <v>0</v>
      </c>
      <c r="NQ36" s="109">
        <v>0</v>
      </c>
      <c r="NR36" s="109">
        <v>0</v>
      </c>
      <c r="NS36" s="109">
        <v>0</v>
      </c>
      <c r="NT36" s="109">
        <v>0</v>
      </c>
      <c r="NU36" s="109">
        <v>0</v>
      </c>
      <c r="NV36" s="110">
        <v>0</v>
      </c>
      <c r="NW36" s="111">
        <v>0</v>
      </c>
      <c r="NX36" s="129">
        <v>0</v>
      </c>
      <c r="NY36" s="109">
        <v>0</v>
      </c>
      <c r="NZ36" s="110">
        <v>0</v>
      </c>
      <c r="OA36" s="470">
        <v>0</v>
      </c>
      <c r="OB36" s="109">
        <v>0</v>
      </c>
      <c r="OC36" s="109">
        <v>0</v>
      </c>
      <c r="OD36" s="109">
        <v>0</v>
      </c>
      <c r="OE36" s="109">
        <v>0</v>
      </c>
      <c r="OF36" s="109">
        <v>0</v>
      </c>
      <c r="OG36" s="110">
        <v>0</v>
      </c>
      <c r="OH36" s="111">
        <v>0</v>
      </c>
      <c r="OI36" s="129">
        <v>5200</v>
      </c>
      <c r="OJ36" s="109">
        <v>0</v>
      </c>
      <c r="OK36" s="128">
        <v>5200</v>
      </c>
      <c r="OL36" s="108">
        <v>0</v>
      </c>
      <c r="OM36" s="109">
        <v>376260</v>
      </c>
      <c r="ON36" s="109">
        <v>701311</v>
      </c>
      <c r="OO36" s="109">
        <v>1954268</v>
      </c>
      <c r="OP36" s="109">
        <v>786025</v>
      </c>
      <c r="OQ36" s="109">
        <v>270400</v>
      </c>
      <c r="OR36" s="110">
        <v>4088264</v>
      </c>
      <c r="OS36" s="130">
        <v>4093464</v>
      </c>
    </row>
    <row r="37" spans="2:409" ht="21" customHeight="1" x14ac:dyDescent="0.2">
      <c r="B37" s="437" t="s">
        <v>32</v>
      </c>
      <c r="C37" s="100">
        <v>0</v>
      </c>
      <c r="D37" s="104">
        <v>59200</v>
      </c>
      <c r="E37" s="157">
        <v>59200</v>
      </c>
      <c r="F37" s="158">
        <v>0</v>
      </c>
      <c r="G37" s="159">
        <v>516536</v>
      </c>
      <c r="H37" s="159">
        <v>999281</v>
      </c>
      <c r="I37" s="159">
        <v>144867</v>
      </c>
      <c r="J37" s="159">
        <v>232863</v>
      </c>
      <c r="K37" s="159">
        <v>489984</v>
      </c>
      <c r="L37" s="160">
        <v>2383531</v>
      </c>
      <c r="M37" s="106">
        <v>2442731</v>
      </c>
      <c r="N37" s="100">
        <v>0</v>
      </c>
      <c r="O37" s="104">
        <v>0</v>
      </c>
      <c r="P37" s="103">
        <v>0</v>
      </c>
      <c r="Q37" s="100">
        <v>0</v>
      </c>
      <c r="R37" s="104">
        <v>189458</v>
      </c>
      <c r="S37" s="104">
        <v>166593</v>
      </c>
      <c r="T37" s="104">
        <v>15488</v>
      </c>
      <c r="U37" s="104">
        <v>10912</v>
      </c>
      <c r="V37" s="104">
        <v>241696</v>
      </c>
      <c r="W37" s="103">
        <v>624147</v>
      </c>
      <c r="X37" s="106">
        <v>624147</v>
      </c>
      <c r="Y37" s="100">
        <v>0</v>
      </c>
      <c r="Z37" s="104">
        <v>0</v>
      </c>
      <c r="AA37" s="103">
        <v>0</v>
      </c>
      <c r="AB37" s="100">
        <v>0</v>
      </c>
      <c r="AC37" s="104">
        <v>103480</v>
      </c>
      <c r="AD37" s="104">
        <v>0</v>
      </c>
      <c r="AE37" s="104">
        <v>0</v>
      </c>
      <c r="AF37" s="104">
        <v>0</v>
      </c>
      <c r="AG37" s="104">
        <v>174240</v>
      </c>
      <c r="AH37" s="103">
        <v>277720</v>
      </c>
      <c r="AI37" s="106">
        <v>277720</v>
      </c>
      <c r="AJ37" s="100">
        <v>0</v>
      </c>
      <c r="AK37" s="104">
        <v>0</v>
      </c>
      <c r="AL37" s="103">
        <v>0</v>
      </c>
      <c r="AM37" s="100">
        <v>0</v>
      </c>
      <c r="AN37" s="104">
        <v>0</v>
      </c>
      <c r="AO37" s="104">
        <v>0</v>
      </c>
      <c r="AP37" s="104">
        <v>0</v>
      </c>
      <c r="AQ37" s="104">
        <v>0</v>
      </c>
      <c r="AR37" s="104">
        <v>46112</v>
      </c>
      <c r="AS37" s="103">
        <v>46112</v>
      </c>
      <c r="AT37" s="106">
        <v>46112</v>
      </c>
      <c r="AU37" s="100">
        <v>0</v>
      </c>
      <c r="AV37" s="104">
        <v>0</v>
      </c>
      <c r="AW37" s="103">
        <v>0</v>
      </c>
      <c r="AX37" s="100">
        <v>0</v>
      </c>
      <c r="AY37" s="104">
        <v>77706</v>
      </c>
      <c r="AZ37" s="104">
        <v>107201</v>
      </c>
      <c r="BA37" s="104">
        <v>0</v>
      </c>
      <c r="BB37" s="104">
        <v>0</v>
      </c>
      <c r="BC37" s="104">
        <v>0</v>
      </c>
      <c r="BD37" s="103">
        <v>184907</v>
      </c>
      <c r="BE37" s="106">
        <v>184907</v>
      </c>
      <c r="BF37" s="100">
        <v>0</v>
      </c>
      <c r="BG37" s="104">
        <v>0</v>
      </c>
      <c r="BH37" s="102">
        <v>0</v>
      </c>
      <c r="BI37" s="101">
        <v>0</v>
      </c>
      <c r="BJ37" s="104">
        <v>0</v>
      </c>
      <c r="BK37" s="104">
        <v>30592</v>
      </c>
      <c r="BL37" s="104">
        <v>0</v>
      </c>
      <c r="BM37" s="104">
        <v>0</v>
      </c>
      <c r="BN37" s="104">
        <v>0</v>
      </c>
      <c r="BO37" s="103">
        <v>30592</v>
      </c>
      <c r="BP37" s="106">
        <v>30592</v>
      </c>
      <c r="BQ37" s="100">
        <v>0</v>
      </c>
      <c r="BR37" s="104">
        <v>0</v>
      </c>
      <c r="BS37" s="103">
        <v>0</v>
      </c>
      <c r="BT37" s="100">
        <v>0</v>
      </c>
      <c r="BU37" s="104">
        <v>8272</v>
      </c>
      <c r="BV37" s="104">
        <v>28800</v>
      </c>
      <c r="BW37" s="104">
        <v>15488</v>
      </c>
      <c r="BX37" s="104">
        <v>10912</v>
      </c>
      <c r="BY37" s="104">
        <v>21344</v>
      </c>
      <c r="BZ37" s="103">
        <v>84816</v>
      </c>
      <c r="CA37" s="106">
        <v>84816</v>
      </c>
      <c r="CB37" s="100">
        <v>0</v>
      </c>
      <c r="CC37" s="104">
        <v>0</v>
      </c>
      <c r="CD37" s="103">
        <v>0</v>
      </c>
      <c r="CE37" s="100">
        <v>0</v>
      </c>
      <c r="CF37" s="104">
        <v>104632</v>
      </c>
      <c r="CG37" s="104">
        <v>346665</v>
      </c>
      <c r="CH37" s="104">
        <v>54396</v>
      </c>
      <c r="CI37" s="104">
        <v>0</v>
      </c>
      <c r="CJ37" s="104">
        <v>0</v>
      </c>
      <c r="CK37" s="103">
        <v>505693</v>
      </c>
      <c r="CL37" s="106">
        <v>505693</v>
      </c>
      <c r="CM37" s="100">
        <v>0</v>
      </c>
      <c r="CN37" s="104">
        <v>0</v>
      </c>
      <c r="CO37" s="103">
        <v>0</v>
      </c>
      <c r="CP37" s="101">
        <v>0</v>
      </c>
      <c r="CQ37" s="104">
        <v>104632</v>
      </c>
      <c r="CR37" s="104">
        <v>289460</v>
      </c>
      <c r="CS37" s="104">
        <v>8720</v>
      </c>
      <c r="CT37" s="104">
        <v>0</v>
      </c>
      <c r="CU37" s="104">
        <v>0</v>
      </c>
      <c r="CV37" s="103">
        <v>402812</v>
      </c>
      <c r="CW37" s="106">
        <v>402812</v>
      </c>
      <c r="CX37" s="100">
        <v>0</v>
      </c>
      <c r="CY37" s="104">
        <v>0</v>
      </c>
      <c r="CZ37" s="103">
        <v>0</v>
      </c>
      <c r="DA37" s="100">
        <v>0</v>
      </c>
      <c r="DB37" s="104">
        <v>0</v>
      </c>
      <c r="DC37" s="104">
        <v>57205</v>
      </c>
      <c r="DD37" s="104">
        <v>45676</v>
      </c>
      <c r="DE37" s="104">
        <v>0</v>
      </c>
      <c r="DF37" s="104">
        <v>0</v>
      </c>
      <c r="DG37" s="103">
        <v>102881</v>
      </c>
      <c r="DH37" s="106">
        <v>102881</v>
      </c>
      <c r="DI37" s="100">
        <v>0</v>
      </c>
      <c r="DJ37" s="104">
        <v>0</v>
      </c>
      <c r="DK37" s="102">
        <v>0</v>
      </c>
      <c r="DL37" s="101">
        <v>0</v>
      </c>
      <c r="DM37" s="104">
        <v>27294</v>
      </c>
      <c r="DN37" s="104">
        <v>51587</v>
      </c>
      <c r="DO37" s="104">
        <v>25370</v>
      </c>
      <c r="DP37" s="104">
        <v>0</v>
      </c>
      <c r="DQ37" s="104">
        <v>0</v>
      </c>
      <c r="DR37" s="103">
        <v>104251</v>
      </c>
      <c r="DS37" s="106">
        <v>104251</v>
      </c>
      <c r="DT37" s="100">
        <v>0</v>
      </c>
      <c r="DU37" s="104">
        <v>0</v>
      </c>
      <c r="DV37" s="103">
        <v>0</v>
      </c>
      <c r="DW37" s="100">
        <v>0</v>
      </c>
      <c r="DX37" s="104">
        <v>27294</v>
      </c>
      <c r="DY37" s="104">
        <v>51587</v>
      </c>
      <c r="DZ37" s="104">
        <v>25370</v>
      </c>
      <c r="EA37" s="104">
        <v>0</v>
      </c>
      <c r="EB37" s="104">
        <v>0</v>
      </c>
      <c r="EC37" s="103">
        <v>104251</v>
      </c>
      <c r="ED37" s="106">
        <v>104251</v>
      </c>
      <c r="EE37" s="100">
        <v>0</v>
      </c>
      <c r="EF37" s="102">
        <v>0</v>
      </c>
      <c r="EG37" s="103">
        <v>0</v>
      </c>
      <c r="EH37" s="100">
        <v>0</v>
      </c>
      <c r="EI37" s="104">
        <v>0</v>
      </c>
      <c r="EJ37" s="104">
        <v>0</v>
      </c>
      <c r="EK37" s="104">
        <v>0</v>
      </c>
      <c r="EL37" s="104">
        <v>0</v>
      </c>
      <c r="EM37" s="104">
        <v>0</v>
      </c>
      <c r="EN37" s="102">
        <v>0</v>
      </c>
      <c r="EO37" s="106">
        <v>0</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06">
        <v>0</v>
      </c>
      <c r="FE37" s="104">
        <v>0</v>
      </c>
      <c r="FF37" s="104">
        <v>0</v>
      </c>
      <c r="FG37" s="104">
        <v>0</v>
      </c>
      <c r="FH37" s="104">
        <v>0</v>
      </c>
      <c r="FI37" s="104">
        <v>0</v>
      </c>
      <c r="FJ37" s="103">
        <v>0</v>
      </c>
      <c r="FK37" s="106">
        <v>0</v>
      </c>
      <c r="FL37" s="100">
        <v>0</v>
      </c>
      <c r="FM37" s="104">
        <v>59200</v>
      </c>
      <c r="FN37" s="103">
        <v>59200</v>
      </c>
      <c r="FO37" s="100">
        <v>0</v>
      </c>
      <c r="FP37" s="104">
        <v>41720</v>
      </c>
      <c r="FQ37" s="104">
        <v>83984</v>
      </c>
      <c r="FR37" s="104">
        <v>21800</v>
      </c>
      <c r="FS37" s="104">
        <v>2000</v>
      </c>
      <c r="FT37" s="104">
        <v>22080</v>
      </c>
      <c r="FU37" s="103">
        <v>171584</v>
      </c>
      <c r="FV37" s="106">
        <v>230784</v>
      </c>
      <c r="FW37" s="105">
        <v>0</v>
      </c>
      <c r="FX37" s="104">
        <v>10800</v>
      </c>
      <c r="FY37" s="102">
        <v>10800</v>
      </c>
      <c r="FZ37" s="101">
        <v>0</v>
      </c>
      <c r="GA37" s="104">
        <v>41720</v>
      </c>
      <c r="GB37" s="104">
        <v>83984</v>
      </c>
      <c r="GC37" s="104">
        <v>21800</v>
      </c>
      <c r="GD37" s="104">
        <v>2000</v>
      </c>
      <c r="GE37" s="104">
        <v>22080</v>
      </c>
      <c r="GF37" s="103">
        <v>171584</v>
      </c>
      <c r="GG37" s="290">
        <v>182384</v>
      </c>
      <c r="GH37" s="105">
        <v>0</v>
      </c>
      <c r="GI37" s="104">
        <v>0</v>
      </c>
      <c r="GJ37" s="102">
        <v>0</v>
      </c>
      <c r="GK37" s="101">
        <v>0</v>
      </c>
      <c r="GL37" s="104">
        <v>0</v>
      </c>
      <c r="GM37" s="104">
        <v>0</v>
      </c>
      <c r="GN37" s="104">
        <v>0</v>
      </c>
      <c r="GO37" s="104">
        <v>0</v>
      </c>
      <c r="GP37" s="104">
        <v>0</v>
      </c>
      <c r="GQ37" s="103">
        <v>0</v>
      </c>
      <c r="GR37" s="106">
        <v>0</v>
      </c>
      <c r="GS37" s="100">
        <v>0</v>
      </c>
      <c r="GT37" s="104">
        <v>48400</v>
      </c>
      <c r="GU37" s="103">
        <v>48400</v>
      </c>
      <c r="GV37" s="100">
        <v>0</v>
      </c>
      <c r="GW37" s="104">
        <v>0</v>
      </c>
      <c r="GX37" s="104">
        <v>0</v>
      </c>
      <c r="GY37" s="104">
        <v>0</v>
      </c>
      <c r="GZ37" s="104">
        <v>0</v>
      </c>
      <c r="HA37" s="104">
        <v>0</v>
      </c>
      <c r="HB37" s="102">
        <v>0</v>
      </c>
      <c r="HC37" s="106">
        <v>48400</v>
      </c>
      <c r="HD37" s="100">
        <v>0</v>
      </c>
      <c r="HE37" s="104">
        <v>0</v>
      </c>
      <c r="HF37" s="102">
        <v>0</v>
      </c>
      <c r="HG37" s="101">
        <v>0</v>
      </c>
      <c r="HH37" s="104">
        <v>153432</v>
      </c>
      <c r="HI37" s="104">
        <v>350452</v>
      </c>
      <c r="HJ37" s="104">
        <v>27813</v>
      </c>
      <c r="HK37" s="104">
        <v>219951</v>
      </c>
      <c r="HL37" s="104">
        <v>226208</v>
      </c>
      <c r="HM37" s="103">
        <v>977856</v>
      </c>
      <c r="HN37" s="99">
        <v>977856</v>
      </c>
      <c r="HO37" s="456">
        <v>0</v>
      </c>
      <c r="HP37" s="457">
        <v>0</v>
      </c>
      <c r="HQ37" s="458">
        <v>0</v>
      </c>
      <c r="HR37" s="459">
        <v>0</v>
      </c>
      <c r="HS37" s="457">
        <v>0</v>
      </c>
      <c r="HT37" s="457">
        <v>0</v>
      </c>
      <c r="HU37" s="457">
        <v>0</v>
      </c>
      <c r="HV37" s="457">
        <v>0</v>
      </c>
      <c r="HW37" s="457">
        <v>0</v>
      </c>
      <c r="HX37" s="460">
        <v>0</v>
      </c>
      <c r="HY37" s="461">
        <v>0</v>
      </c>
      <c r="HZ37" s="118">
        <v>0</v>
      </c>
      <c r="IA37" s="119">
        <v>0</v>
      </c>
      <c r="IB37" s="120">
        <v>0</v>
      </c>
      <c r="IC37" s="131">
        <v>0</v>
      </c>
      <c r="ID37" s="119">
        <v>78052</v>
      </c>
      <c r="IE37" s="132">
        <v>275784</v>
      </c>
      <c r="IF37" s="120">
        <v>446464</v>
      </c>
      <c r="IG37" s="119">
        <v>222048</v>
      </c>
      <c r="IH37" s="120">
        <v>52668</v>
      </c>
      <c r="II37" s="133">
        <v>1075016</v>
      </c>
      <c r="IJ37" s="126">
        <v>1075016</v>
      </c>
      <c r="IK37" s="215">
        <v>0</v>
      </c>
      <c r="IL37" s="219">
        <v>0</v>
      </c>
      <c r="IM37" s="220">
        <v>0</v>
      </c>
      <c r="IN37" s="470">
        <v>0</v>
      </c>
      <c r="IO37" s="109">
        <v>0</v>
      </c>
      <c r="IP37" s="109">
        <v>99968</v>
      </c>
      <c r="IQ37" s="109">
        <v>0</v>
      </c>
      <c r="IR37" s="109">
        <v>0</v>
      </c>
      <c r="IS37" s="109">
        <v>0</v>
      </c>
      <c r="IT37" s="128">
        <v>99968</v>
      </c>
      <c r="IU37" s="292">
        <v>99968</v>
      </c>
      <c r="IV37" s="129">
        <v>0</v>
      </c>
      <c r="IW37" s="109">
        <v>0</v>
      </c>
      <c r="IX37" s="110">
        <v>0</v>
      </c>
      <c r="IY37" s="470">
        <v>0</v>
      </c>
      <c r="IZ37" s="109">
        <v>0</v>
      </c>
      <c r="JA37" s="109">
        <v>0</v>
      </c>
      <c r="JB37" s="109">
        <v>0</v>
      </c>
      <c r="JC37" s="109">
        <v>0</v>
      </c>
      <c r="JD37" s="109">
        <v>0</v>
      </c>
      <c r="JE37" s="110">
        <v>0</v>
      </c>
      <c r="JF37" s="111">
        <v>0</v>
      </c>
      <c r="JG37" s="129">
        <v>0</v>
      </c>
      <c r="JH37" s="109">
        <v>0</v>
      </c>
      <c r="JI37" s="128">
        <v>0</v>
      </c>
      <c r="JJ37" s="108">
        <v>0</v>
      </c>
      <c r="JK37" s="109">
        <v>78052</v>
      </c>
      <c r="JL37" s="109">
        <v>175816</v>
      </c>
      <c r="JM37" s="109">
        <v>0</v>
      </c>
      <c r="JN37" s="109">
        <v>0</v>
      </c>
      <c r="JO37" s="109">
        <v>52668</v>
      </c>
      <c r="JP37" s="110">
        <v>306536</v>
      </c>
      <c r="JQ37" s="292">
        <v>306536</v>
      </c>
      <c r="JR37" s="129">
        <v>0</v>
      </c>
      <c r="JS37" s="109">
        <v>0</v>
      </c>
      <c r="JT37" s="128">
        <v>0</v>
      </c>
      <c r="JU37" s="108">
        <v>0</v>
      </c>
      <c r="JV37" s="109">
        <v>0</v>
      </c>
      <c r="JW37" s="109">
        <v>0</v>
      </c>
      <c r="JX37" s="109">
        <v>0</v>
      </c>
      <c r="JY37" s="109">
        <v>0</v>
      </c>
      <c r="JZ37" s="109">
        <v>0</v>
      </c>
      <c r="KA37" s="110">
        <v>0</v>
      </c>
      <c r="KB37" s="292">
        <v>0</v>
      </c>
      <c r="KC37" s="217">
        <v>0</v>
      </c>
      <c r="KD37" s="213">
        <v>0</v>
      </c>
      <c r="KE37" s="110">
        <v>0</v>
      </c>
      <c r="KF37" s="108">
        <v>0</v>
      </c>
      <c r="KG37" s="109">
        <v>0</v>
      </c>
      <c r="KH37" s="109">
        <v>0</v>
      </c>
      <c r="KI37" s="109">
        <v>0</v>
      </c>
      <c r="KJ37" s="109">
        <v>0</v>
      </c>
      <c r="KK37" s="109">
        <v>0</v>
      </c>
      <c r="KL37" s="110">
        <v>0</v>
      </c>
      <c r="KM37" s="130">
        <v>0</v>
      </c>
      <c r="KN37" s="215">
        <v>0</v>
      </c>
      <c r="KO37" s="219">
        <v>0</v>
      </c>
      <c r="KP37" s="220">
        <v>0</v>
      </c>
      <c r="KQ37" s="470">
        <v>0</v>
      </c>
      <c r="KR37" s="109">
        <v>0</v>
      </c>
      <c r="KS37" s="109">
        <v>0</v>
      </c>
      <c r="KT37" s="109">
        <v>243896</v>
      </c>
      <c r="KU37" s="109">
        <v>0</v>
      </c>
      <c r="KV37" s="109">
        <v>0</v>
      </c>
      <c r="KW37" s="110">
        <v>243896</v>
      </c>
      <c r="KX37" s="292">
        <v>243896</v>
      </c>
      <c r="KY37" s="129">
        <v>0</v>
      </c>
      <c r="KZ37" s="109">
        <v>0</v>
      </c>
      <c r="LA37" s="110">
        <v>0</v>
      </c>
      <c r="LB37" s="470">
        <v>0</v>
      </c>
      <c r="LC37" s="109">
        <v>0</v>
      </c>
      <c r="LD37" s="109">
        <v>0</v>
      </c>
      <c r="LE37" s="109">
        <v>0</v>
      </c>
      <c r="LF37" s="109">
        <v>0</v>
      </c>
      <c r="LG37" s="109">
        <v>0</v>
      </c>
      <c r="LH37" s="110">
        <v>0</v>
      </c>
      <c r="LI37" s="111">
        <v>0</v>
      </c>
      <c r="LJ37" s="129">
        <v>0</v>
      </c>
      <c r="LK37" s="109">
        <v>0</v>
      </c>
      <c r="LL37" s="110">
        <v>0</v>
      </c>
      <c r="LM37" s="470">
        <v>0</v>
      </c>
      <c r="LN37" s="109">
        <v>0</v>
      </c>
      <c r="LO37" s="109">
        <v>0</v>
      </c>
      <c r="LP37" s="109">
        <v>202568</v>
      </c>
      <c r="LQ37" s="109">
        <v>222048</v>
      </c>
      <c r="LR37" s="109">
        <v>0</v>
      </c>
      <c r="LS37" s="110">
        <v>424616</v>
      </c>
      <c r="LT37" s="292">
        <v>424616</v>
      </c>
      <c r="LU37" s="129">
        <v>0</v>
      </c>
      <c r="LV37" s="109">
        <v>0</v>
      </c>
      <c r="LW37" s="110">
        <v>0</v>
      </c>
      <c r="LX37" s="470">
        <v>0</v>
      </c>
      <c r="LY37" s="109">
        <v>0</v>
      </c>
      <c r="LZ37" s="109">
        <v>0</v>
      </c>
      <c r="MA37" s="109">
        <v>0</v>
      </c>
      <c r="MB37" s="109">
        <v>0</v>
      </c>
      <c r="MC37" s="109">
        <v>0</v>
      </c>
      <c r="MD37" s="110">
        <v>0</v>
      </c>
      <c r="ME37" s="111">
        <v>0</v>
      </c>
      <c r="MF37" s="129">
        <v>0</v>
      </c>
      <c r="MG37" s="109">
        <v>0</v>
      </c>
      <c r="MH37" s="110">
        <v>0</v>
      </c>
      <c r="MI37" s="470">
        <v>0</v>
      </c>
      <c r="MJ37" s="109">
        <v>234706</v>
      </c>
      <c r="MK37" s="109">
        <v>0</v>
      </c>
      <c r="ML37" s="109">
        <v>0</v>
      </c>
      <c r="MM37" s="109">
        <v>1468782</v>
      </c>
      <c r="MN37" s="109">
        <v>314644</v>
      </c>
      <c r="MO37" s="110">
        <v>2018132</v>
      </c>
      <c r="MP37" s="130">
        <v>2018132</v>
      </c>
      <c r="MQ37" s="129">
        <v>0</v>
      </c>
      <c r="MR37" s="109">
        <v>0</v>
      </c>
      <c r="MS37" s="110">
        <v>0</v>
      </c>
      <c r="MT37" s="470">
        <v>0</v>
      </c>
      <c r="MU37" s="109">
        <v>0</v>
      </c>
      <c r="MV37" s="109">
        <v>0</v>
      </c>
      <c r="MW37" s="109">
        <v>0</v>
      </c>
      <c r="MX37" s="109">
        <v>832082</v>
      </c>
      <c r="MY37" s="109">
        <v>0</v>
      </c>
      <c r="MZ37" s="110">
        <v>832082</v>
      </c>
      <c r="NA37" s="130">
        <v>832082</v>
      </c>
      <c r="NB37" s="129">
        <v>0</v>
      </c>
      <c r="NC37" s="109">
        <v>0</v>
      </c>
      <c r="ND37" s="110">
        <v>0</v>
      </c>
      <c r="NE37" s="470">
        <v>0</v>
      </c>
      <c r="NF37" s="109">
        <v>234706</v>
      </c>
      <c r="NG37" s="109">
        <v>0</v>
      </c>
      <c r="NH37" s="109">
        <v>0</v>
      </c>
      <c r="NI37" s="109">
        <v>636700</v>
      </c>
      <c r="NJ37" s="109">
        <v>314644</v>
      </c>
      <c r="NK37" s="110">
        <v>1186050</v>
      </c>
      <c r="NL37" s="292">
        <v>1186050</v>
      </c>
      <c r="NM37" s="129">
        <v>0</v>
      </c>
      <c r="NN37" s="109">
        <v>0</v>
      </c>
      <c r="NO37" s="110">
        <v>0</v>
      </c>
      <c r="NP37" s="470">
        <v>0</v>
      </c>
      <c r="NQ37" s="109">
        <v>0</v>
      </c>
      <c r="NR37" s="109">
        <v>0</v>
      </c>
      <c r="NS37" s="109">
        <v>0</v>
      </c>
      <c r="NT37" s="109">
        <v>0</v>
      </c>
      <c r="NU37" s="109">
        <v>0</v>
      </c>
      <c r="NV37" s="110">
        <v>0</v>
      </c>
      <c r="NW37" s="111">
        <v>0</v>
      </c>
      <c r="NX37" s="129">
        <v>0</v>
      </c>
      <c r="NY37" s="109">
        <v>0</v>
      </c>
      <c r="NZ37" s="110">
        <v>0</v>
      </c>
      <c r="OA37" s="470">
        <v>0</v>
      </c>
      <c r="OB37" s="109">
        <v>0</v>
      </c>
      <c r="OC37" s="109">
        <v>0</v>
      </c>
      <c r="OD37" s="109">
        <v>0</v>
      </c>
      <c r="OE37" s="109">
        <v>0</v>
      </c>
      <c r="OF37" s="109">
        <v>0</v>
      </c>
      <c r="OG37" s="110">
        <v>0</v>
      </c>
      <c r="OH37" s="111">
        <v>0</v>
      </c>
      <c r="OI37" s="129">
        <v>0</v>
      </c>
      <c r="OJ37" s="109">
        <v>59200</v>
      </c>
      <c r="OK37" s="128">
        <v>59200</v>
      </c>
      <c r="OL37" s="108">
        <v>0</v>
      </c>
      <c r="OM37" s="109">
        <v>829294</v>
      </c>
      <c r="ON37" s="109">
        <v>1275065</v>
      </c>
      <c r="OO37" s="109">
        <v>591331</v>
      </c>
      <c r="OP37" s="109">
        <v>1923693</v>
      </c>
      <c r="OQ37" s="109">
        <v>857296</v>
      </c>
      <c r="OR37" s="110">
        <v>5476679</v>
      </c>
      <c r="OS37" s="130">
        <v>5535879</v>
      </c>
    </row>
    <row r="38" spans="2:409" ht="21" customHeight="1" x14ac:dyDescent="0.2">
      <c r="B38" s="437" t="s">
        <v>33</v>
      </c>
      <c r="C38" s="100">
        <v>90908</v>
      </c>
      <c r="D38" s="104">
        <v>69666</v>
      </c>
      <c r="E38" s="103">
        <v>160574</v>
      </c>
      <c r="F38" s="99">
        <v>0</v>
      </c>
      <c r="G38" s="104">
        <v>141754</v>
      </c>
      <c r="H38" s="104">
        <v>189180</v>
      </c>
      <c r="I38" s="104">
        <v>28928</v>
      </c>
      <c r="J38" s="104">
        <v>0</v>
      </c>
      <c r="K38" s="104">
        <v>0</v>
      </c>
      <c r="L38" s="156">
        <v>359862</v>
      </c>
      <c r="M38" s="106">
        <v>520436</v>
      </c>
      <c r="N38" s="100">
        <v>86108</v>
      </c>
      <c r="O38" s="104">
        <v>31046</v>
      </c>
      <c r="P38" s="103">
        <v>117154</v>
      </c>
      <c r="Q38" s="100">
        <v>0</v>
      </c>
      <c r="R38" s="104">
        <v>108343</v>
      </c>
      <c r="S38" s="104">
        <v>9600</v>
      </c>
      <c r="T38" s="104">
        <v>12848</v>
      </c>
      <c r="U38" s="104">
        <v>0</v>
      </c>
      <c r="V38" s="104">
        <v>0</v>
      </c>
      <c r="W38" s="103">
        <v>130791</v>
      </c>
      <c r="X38" s="106">
        <v>247945</v>
      </c>
      <c r="Y38" s="100">
        <v>0</v>
      </c>
      <c r="Z38" s="104">
        <v>0</v>
      </c>
      <c r="AA38" s="103">
        <v>0</v>
      </c>
      <c r="AB38" s="100">
        <v>0</v>
      </c>
      <c r="AC38" s="104">
        <v>40153</v>
      </c>
      <c r="AD38" s="104">
        <v>0</v>
      </c>
      <c r="AE38" s="104">
        <v>0</v>
      </c>
      <c r="AF38" s="104">
        <v>0</v>
      </c>
      <c r="AG38" s="104">
        <v>0</v>
      </c>
      <c r="AH38" s="103">
        <v>40153</v>
      </c>
      <c r="AI38" s="106">
        <v>40153</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55150</v>
      </c>
      <c r="AZ38" s="104">
        <v>0</v>
      </c>
      <c r="BA38" s="104">
        <v>0</v>
      </c>
      <c r="BB38" s="104">
        <v>0</v>
      </c>
      <c r="BC38" s="104">
        <v>0</v>
      </c>
      <c r="BD38" s="103">
        <v>55150</v>
      </c>
      <c r="BE38" s="106">
        <v>55150</v>
      </c>
      <c r="BF38" s="100">
        <v>86108</v>
      </c>
      <c r="BG38" s="104">
        <v>31046</v>
      </c>
      <c r="BH38" s="102">
        <v>117154</v>
      </c>
      <c r="BI38" s="101">
        <v>0</v>
      </c>
      <c r="BJ38" s="104">
        <v>0</v>
      </c>
      <c r="BK38" s="104">
        <v>0</v>
      </c>
      <c r="BL38" s="104">
        <v>0</v>
      </c>
      <c r="BM38" s="104">
        <v>0</v>
      </c>
      <c r="BN38" s="104">
        <v>0</v>
      </c>
      <c r="BO38" s="103">
        <v>0</v>
      </c>
      <c r="BP38" s="106">
        <v>117154</v>
      </c>
      <c r="BQ38" s="100">
        <v>0</v>
      </c>
      <c r="BR38" s="104">
        <v>0</v>
      </c>
      <c r="BS38" s="103">
        <v>0</v>
      </c>
      <c r="BT38" s="100">
        <v>0</v>
      </c>
      <c r="BU38" s="104">
        <v>13040</v>
      </c>
      <c r="BV38" s="104">
        <v>9600</v>
      </c>
      <c r="BW38" s="104">
        <v>12848</v>
      </c>
      <c r="BX38" s="104">
        <v>0</v>
      </c>
      <c r="BY38" s="104">
        <v>0</v>
      </c>
      <c r="BZ38" s="103">
        <v>35488</v>
      </c>
      <c r="CA38" s="106">
        <v>35488</v>
      </c>
      <c r="CB38" s="100">
        <v>0</v>
      </c>
      <c r="CC38" s="104">
        <v>38620</v>
      </c>
      <c r="CD38" s="103">
        <v>38620</v>
      </c>
      <c r="CE38" s="100">
        <v>0</v>
      </c>
      <c r="CF38" s="104">
        <v>6351</v>
      </c>
      <c r="CG38" s="104">
        <v>0</v>
      </c>
      <c r="CH38" s="104">
        <v>0</v>
      </c>
      <c r="CI38" s="104">
        <v>0</v>
      </c>
      <c r="CJ38" s="104">
        <v>0</v>
      </c>
      <c r="CK38" s="103">
        <v>6351</v>
      </c>
      <c r="CL38" s="106">
        <v>44971</v>
      </c>
      <c r="CM38" s="100">
        <v>0</v>
      </c>
      <c r="CN38" s="104">
        <v>0</v>
      </c>
      <c r="CO38" s="103">
        <v>0</v>
      </c>
      <c r="CP38" s="101">
        <v>0</v>
      </c>
      <c r="CQ38" s="104">
        <v>6351</v>
      </c>
      <c r="CR38" s="104">
        <v>0</v>
      </c>
      <c r="CS38" s="104">
        <v>0</v>
      </c>
      <c r="CT38" s="104">
        <v>0</v>
      </c>
      <c r="CU38" s="104">
        <v>0</v>
      </c>
      <c r="CV38" s="103">
        <v>6351</v>
      </c>
      <c r="CW38" s="106">
        <v>6351</v>
      </c>
      <c r="CX38" s="100">
        <v>0</v>
      </c>
      <c r="CY38" s="104">
        <v>38620</v>
      </c>
      <c r="CZ38" s="103">
        <v>38620</v>
      </c>
      <c r="DA38" s="100">
        <v>0</v>
      </c>
      <c r="DB38" s="104">
        <v>0</v>
      </c>
      <c r="DC38" s="104">
        <v>0</v>
      </c>
      <c r="DD38" s="104">
        <v>0</v>
      </c>
      <c r="DE38" s="104">
        <v>0</v>
      </c>
      <c r="DF38" s="104">
        <v>0</v>
      </c>
      <c r="DG38" s="103">
        <v>0</v>
      </c>
      <c r="DH38" s="106">
        <v>38620</v>
      </c>
      <c r="DI38" s="100">
        <v>0</v>
      </c>
      <c r="DJ38" s="104">
        <v>0</v>
      </c>
      <c r="DK38" s="102">
        <v>0</v>
      </c>
      <c r="DL38" s="101">
        <v>0</v>
      </c>
      <c r="DM38" s="104">
        <v>24660</v>
      </c>
      <c r="DN38" s="104">
        <v>0</v>
      </c>
      <c r="DO38" s="104">
        <v>0</v>
      </c>
      <c r="DP38" s="104">
        <v>0</v>
      </c>
      <c r="DQ38" s="104">
        <v>0</v>
      </c>
      <c r="DR38" s="103">
        <v>24660</v>
      </c>
      <c r="DS38" s="106">
        <v>24660</v>
      </c>
      <c r="DT38" s="100">
        <v>0</v>
      </c>
      <c r="DU38" s="104">
        <v>0</v>
      </c>
      <c r="DV38" s="103">
        <v>0</v>
      </c>
      <c r="DW38" s="100">
        <v>0</v>
      </c>
      <c r="DX38" s="104">
        <v>24660</v>
      </c>
      <c r="DY38" s="104">
        <v>0</v>
      </c>
      <c r="DZ38" s="104">
        <v>0</v>
      </c>
      <c r="EA38" s="104">
        <v>0</v>
      </c>
      <c r="EB38" s="104">
        <v>0</v>
      </c>
      <c r="EC38" s="103">
        <v>24660</v>
      </c>
      <c r="ED38" s="106">
        <v>24660</v>
      </c>
      <c r="EE38" s="100">
        <v>0</v>
      </c>
      <c r="EF38" s="102">
        <v>0</v>
      </c>
      <c r="EG38" s="103">
        <v>0</v>
      </c>
      <c r="EH38" s="100">
        <v>0</v>
      </c>
      <c r="EI38" s="104">
        <v>0</v>
      </c>
      <c r="EJ38" s="104">
        <v>0</v>
      </c>
      <c r="EK38" s="104">
        <v>0</v>
      </c>
      <c r="EL38" s="104">
        <v>0</v>
      </c>
      <c r="EM38" s="104">
        <v>0</v>
      </c>
      <c r="EN38" s="102">
        <v>0</v>
      </c>
      <c r="EO38" s="106">
        <v>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06">
        <v>0</v>
      </c>
      <c r="FE38" s="104">
        <v>0</v>
      </c>
      <c r="FF38" s="104">
        <v>0</v>
      </c>
      <c r="FG38" s="104">
        <v>0</v>
      </c>
      <c r="FH38" s="104">
        <v>0</v>
      </c>
      <c r="FI38" s="104">
        <v>0</v>
      </c>
      <c r="FJ38" s="103">
        <v>0</v>
      </c>
      <c r="FK38" s="106">
        <v>0</v>
      </c>
      <c r="FL38" s="100">
        <v>4800</v>
      </c>
      <c r="FM38" s="104">
        <v>0</v>
      </c>
      <c r="FN38" s="103">
        <v>4800</v>
      </c>
      <c r="FO38" s="100">
        <v>0</v>
      </c>
      <c r="FP38" s="104">
        <v>2400</v>
      </c>
      <c r="FQ38" s="104">
        <v>0</v>
      </c>
      <c r="FR38" s="104">
        <v>16080</v>
      </c>
      <c r="FS38" s="104">
        <v>0</v>
      </c>
      <c r="FT38" s="104">
        <v>0</v>
      </c>
      <c r="FU38" s="103">
        <v>18480</v>
      </c>
      <c r="FV38" s="106">
        <v>23280</v>
      </c>
      <c r="FW38" s="105">
        <v>4800</v>
      </c>
      <c r="FX38" s="104">
        <v>0</v>
      </c>
      <c r="FY38" s="102">
        <v>4800</v>
      </c>
      <c r="FZ38" s="101">
        <v>0</v>
      </c>
      <c r="GA38" s="104">
        <v>2400</v>
      </c>
      <c r="GB38" s="104">
        <v>0</v>
      </c>
      <c r="GC38" s="104">
        <v>16080</v>
      </c>
      <c r="GD38" s="104">
        <v>0</v>
      </c>
      <c r="GE38" s="104">
        <v>0</v>
      </c>
      <c r="GF38" s="103">
        <v>18480</v>
      </c>
      <c r="GG38" s="290">
        <v>23280</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0</v>
      </c>
      <c r="HF38" s="102">
        <v>0</v>
      </c>
      <c r="HG38" s="101">
        <v>0</v>
      </c>
      <c r="HH38" s="104">
        <v>0</v>
      </c>
      <c r="HI38" s="104">
        <v>179580</v>
      </c>
      <c r="HJ38" s="104">
        <v>0</v>
      </c>
      <c r="HK38" s="104">
        <v>0</v>
      </c>
      <c r="HL38" s="104">
        <v>0</v>
      </c>
      <c r="HM38" s="103">
        <v>179580</v>
      </c>
      <c r="HN38" s="99">
        <v>179580</v>
      </c>
      <c r="HO38" s="456">
        <v>0</v>
      </c>
      <c r="HP38" s="457">
        <v>0</v>
      </c>
      <c r="HQ38" s="458">
        <v>0</v>
      </c>
      <c r="HR38" s="459">
        <v>0</v>
      </c>
      <c r="HS38" s="457">
        <v>0</v>
      </c>
      <c r="HT38" s="457">
        <v>0</v>
      </c>
      <c r="HU38" s="457">
        <v>0</v>
      </c>
      <c r="HV38" s="457">
        <v>0</v>
      </c>
      <c r="HW38" s="457">
        <v>0</v>
      </c>
      <c r="HX38" s="460">
        <v>0</v>
      </c>
      <c r="HY38" s="461">
        <v>0</v>
      </c>
      <c r="HZ38" s="135">
        <v>0</v>
      </c>
      <c r="IA38" s="122">
        <v>0</v>
      </c>
      <c r="IB38" s="135">
        <v>0</v>
      </c>
      <c r="IC38" s="131">
        <v>0</v>
      </c>
      <c r="ID38" s="119">
        <v>47446</v>
      </c>
      <c r="IE38" s="132">
        <v>0</v>
      </c>
      <c r="IF38" s="120">
        <v>231973</v>
      </c>
      <c r="IG38" s="119">
        <v>0</v>
      </c>
      <c r="IH38" s="120">
        <v>0</v>
      </c>
      <c r="II38" s="133">
        <v>279419</v>
      </c>
      <c r="IJ38" s="135">
        <v>279419</v>
      </c>
      <c r="IK38" s="215">
        <v>0</v>
      </c>
      <c r="IL38" s="219">
        <v>0</v>
      </c>
      <c r="IM38" s="220">
        <v>0</v>
      </c>
      <c r="IN38" s="470">
        <v>0</v>
      </c>
      <c r="IO38" s="109">
        <v>0</v>
      </c>
      <c r="IP38" s="109">
        <v>0</v>
      </c>
      <c r="IQ38" s="109">
        <v>0</v>
      </c>
      <c r="IR38" s="109">
        <v>0</v>
      </c>
      <c r="IS38" s="109">
        <v>0</v>
      </c>
      <c r="IT38" s="128">
        <v>0</v>
      </c>
      <c r="IU38" s="292">
        <v>0</v>
      </c>
      <c r="IV38" s="129">
        <v>0</v>
      </c>
      <c r="IW38" s="109">
        <v>0</v>
      </c>
      <c r="IX38" s="110">
        <v>0</v>
      </c>
      <c r="IY38" s="470">
        <v>0</v>
      </c>
      <c r="IZ38" s="109">
        <v>0</v>
      </c>
      <c r="JA38" s="109">
        <v>0</v>
      </c>
      <c r="JB38" s="109">
        <v>0</v>
      </c>
      <c r="JC38" s="109">
        <v>0</v>
      </c>
      <c r="JD38" s="109">
        <v>0</v>
      </c>
      <c r="JE38" s="110">
        <v>0</v>
      </c>
      <c r="JF38" s="111">
        <v>0</v>
      </c>
      <c r="JG38" s="129">
        <v>0</v>
      </c>
      <c r="JH38" s="109">
        <v>0</v>
      </c>
      <c r="JI38" s="128">
        <v>0</v>
      </c>
      <c r="JJ38" s="108">
        <v>0</v>
      </c>
      <c r="JK38" s="109">
        <v>47446</v>
      </c>
      <c r="JL38" s="109">
        <v>0</v>
      </c>
      <c r="JM38" s="109">
        <v>0</v>
      </c>
      <c r="JN38" s="109">
        <v>0</v>
      </c>
      <c r="JO38" s="109">
        <v>0</v>
      </c>
      <c r="JP38" s="110">
        <v>47446</v>
      </c>
      <c r="JQ38" s="292">
        <v>47446</v>
      </c>
      <c r="JR38" s="129">
        <v>0</v>
      </c>
      <c r="JS38" s="109">
        <v>0</v>
      </c>
      <c r="JT38" s="128">
        <v>0</v>
      </c>
      <c r="JU38" s="108">
        <v>0</v>
      </c>
      <c r="JV38" s="109">
        <v>0</v>
      </c>
      <c r="JW38" s="109">
        <v>0</v>
      </c>
      <c r="JX38" s="109">
        <v>0</v>
      </c>
      <c r="JY38" s="109">
        <v>0</v>
      </c>
      <c r="JZ38" s="109">
        <v>0</v>
      </c>
      <c r="KA38" s="110">
        <v>0</v>
      </c>
      <c r="KB38" s="292">
        <v>0</v>
      </c>
      <c r="KC38" s="217">
        <v>0</v>
      </c>
      <c r="KD38" s="213">
        <v>0</v>
      </c>
      <c r="KE38" s="110">
        <v>0</v>
      </c>
      <c r="KF38" s="108">
        <v>0</v>
      </c>
      <c r="KG38" s="109">
        <v>0</v>
      </c>
      <c r="KH38" s="109">
        <v>0</v>
      </c>
      <c r="KI38" s="109">
        <v>0</v>
      </c>
      <c r="KJ38" s="109">
        <v>0</v>
      </c>
      <c r="KK38" s="109">
        <v>0</v>
      </c>
      <c r="KL38" s="110">
        <v>0</v>
      </c>
      <c r="KM38" s="130">
        <v>0</v>
      </c>
      <c r="KN38" s="215">
        <v>0</v>
      </c>
      <c r="KO38" s="219">
        <v>0</v>
      </c>
      <c r="KP38" s="220">
        <v>0</v>
      </c>
      <c r="KQ38" s="470">
        <v>0</v>
      </c>
      <c r="KR38" s="109">
        <v>0</v>
      </c>
      <c r="KS38" s="109">
        <v>0</v>
      </c>
      <c r="KT38" s="109">
        <v>0</v>
      </c>
      <c r="KU38" s="109">
        <v>0</v>
      </c>
      <c r="KV38" s="109">
        <v>0</v>
      </c>
      <c r="KW38" s="110">
        <v>0</v>
      </c>
      <c r="KX38" s="292">
        <v>0</v>
      </c>
      <c r="KY38" s="129">
        <v>0</v>
      </c>
      <c r="KZ38" s="109">
        <v>0</v>
      </c>
      <c r="LA38" s="110">
        <v>0</v>
      </c>
      <c r="LB38" s="470">
        <v>0</v>
      </c>
      <c r="LC38" s="109">
        <v>0</v>
      </c>
      <c r="LD38" s="109">
        <v>0</v>
      </c>
      <c r="LE38" s="109">
        <v>0</v>
      </c>
      <c r="LF38" s="109">
        <v>0</v>
      </c>
      <c r="LG38" s="109">
        <v>0</v>
      </c>
      <c r="LH38" s="110">
        <v>0</v>
      </c>
      <c r="LI38" s="111">
        <v>0</v>
      </c>
      <c r="LJ38" s="129">
        <v>0</v>
      </c>
      <c r="LK38" s="109">
        <v>0</v>
      </c>
      <c r="LL38" s="110">
        <v>0</v>
      </c>
      <c r="LM38" s="470">
        <v>0</v>
      </c>
      <c r="LN38" s="109">
        <v>0</v>
      </c>
      <c r="LO38" s="109">
        <v>0</v>
      </c>
      <c r="LP38" s="109">
        <v>0</v>
      </c>
      <c r="LQ38" s="109">
        <v>0</v>
      </c>
      <c r="LR38" s="109">
        <v>0</v>
      </c>
      <c r="LS38" s="110">
        <v>0</v>
      </c>
      <c r="LT38" s="292">
        <v>0</v>
      </c>
      <c r="LU38" s="129">
        <v>0</v>
      </c>
      <c r="LV38" s="109">
        <v>0</v>
      </c>
      <c r="LW38" s="110">
        <v>0</v>
      </c>
      <c r="LX38" s="470">
        <v>0</v>
      </c>
      <c r="LY38" s="109">
        <v>0</v>
      </c>
      <c r="LZ38" s="109">
        <v>0</v>
      </c>
      <c r="MA38" s="109">
        <v>231973</v>
      </c>
      <c r="MB38" s="109">
        <v>0</v>
      </c>
      <c r="MC38" s="109">
        <v>0</v>
      </c>
      <c r="MD38" s="110">
        <v>231973</v>
      </c>
      <c r="ME38" s="111">
        <v>231973</v>
      </c>
      <c r="MF38" s="129">
        <v>0</v>
      </c>
      <c r="MG38" s="109">
        <v>0</v>
      </c>
      <c r="MH38" s="110">
        <v>0</v>
      </c>
      <c r="MI38" s="470">
        <v>0</v>
      </c>
      <c r="MJ38" s="109">
        <v>0</v>
      </c>
      <c r="MK38" s="109">
        <v>1012627</v>
      </c>
      <c r="ML38" s="109">
        <v>0</v>
      </c>
      <c r="MM38" s="109">
        <v>0</v>
      </c>
      <c r="MN38" s="109">
        <v>0</v>
      </c>
      <c r="MO38" s="110">
        <v>1012627</v>
      </c>
      <c r="MP38" s="130">
        <v>1012627</v>
      </c>
      <c r="MQ38" s="129">
        <v>0</v>
      </c>
      <c r="MR38" s="109">
        <v>0</v>
      </c>
      <c r="MS38" s="110">
        <v>0</v>
      </c>
      <c r="MT38" s="470">
        <v>0</v>
      </c>
      <c r="MU38" s="109">
        <v>0</v>
      </c>
      <c r="MV38" s="109">
        <v>0</v>
      </c>
      <c r="MW38" s="109">
        <v>0</v>
      </c>
      <c r="MX38" s="109">
        <v>0</v>
      </c>
      <c r="MY38" s="109">
        <v>0</v>
      </c>
      <c r="MZ38" s="110">
        <v>0</v>
      </c>
      <c r="NA38" s="130">
        <v>0</v>
      </c>
      <c r="NB38" s="129">
        <v>0</v>
      </c>
      <c r="NC38" s="109">
        <v>0</v>
      </c>
      <c r="ND38" s="110">
        <v>0</v>
      </c>
      <c r="NE38" s="470">
        <v>0</v>
      </c>
      <c r="NF38" s="109">
        <v>0</v>
      </c>
      <c r="NG38" s="109">
        <v>0</v>
      </c>
      <c r="NH38" s="109">
        <v>0</v>
      </c>
      <c r="NI38" s="109">
        <v>0</v>
      </c>
      <c r="NJ38" s="109">
        <v>0</v>
      </c>
      <c r="NK38" s="110">
        <v>0</v>
      </c>
      <c r="NL38" s="292">
        <v>0</v>
      </c>
      <c r="NM38" s="129">
        <v>0</v>
      </c>
      <c r="NN38" s="109">
        <v>0</v>
      </c>
      <c r="NO38" s="110">
        <v>0</v>
      </c>
      <c r="NP38" s="470">
        <v>0</v>
      </c>
      <c r="NQ38" s="109">
        <v>0</v>
      </c>
      <c r="NR38" s="109">
        <v>0</v>
      </c>
      <c r="NS38" s="109">
        <v>0</v>
      </c>
      <c r="NT38" s="109">
        <v>0</v>
      </c>
      <c r="NU38" s="109">
        <v>0</v>
      </c>
      <c r="NV38" s="110">
        <v>0</v>
      </c>
      <c r="NW38" s="111">
        <v>0</v>
      </c>
      <c r="NX38" s="129">
        <v>0</v>
      </c>
      <c r="NY38" s="109">
        <v>0</v>
      </c>
      <c r="NZ38" s="110">
        <v>0</v>
      </c>
      <c r="OA38" s="470">
        <v>0</v>
      </c>
      <c r="OB38" s="109">
        <v>0</v>
      </c>
      <c r="OC38" s="109">
        <v>1012627</v>
      </c>
      <c r="OD38" s="109">
        <v>0</v>
      </c>
      <c r="OE38" s="109">
        <v>0</v>
      </c>
      <c r="OF38" s="109">
        <v>0</v>
      </c>
      <c r="OG38" s="110">
        <v>1012627</v>
      </c>
      <c r="OH38" s="111">
        <v>1012627</v>
      </c>
      <c r="OI38" s="129">
        <v>90908</v>
      </c>
      <c r="OJ38" s="109">
        <v>69666</v>
      </c>
      <c r="OK38" s="128">
        <v>160574</v>
      </c>
      <c r="OL38" s="108">
        <v>0</v>
      </c>
      <c r="OM38" s="109">
        <v>189200</v>
      </c>
      <c r="ON38" s="109">
        <v>1201807</v>
      </c>
      <c r="OO38" s="109">
        <v>260901</v>
      </c>
      <c r="OP38" s="109">
        <v>0</v>
      </c>
      <c r="OQ38" s="109">
        <v>0</v>
      </c>
      <c r="OR38" s="110">
        <v>1651908</v>
      </c>
      <c r="OS38" s="130">
        <v>1812482</v>
      </c>
    </row>
    <row r="39" spans="2:409" ht="21" customHeight="1" x14ac:dyDescent="0.2">
      <c r="B39" s="437" t="s">
        <v>34</v>
      </c>
      <c r="C39" s="100">
        <v>175120</v>
      </c>
      <c r="D39" s="104">
        <v>19520</v>
      </c>
      <c r="E39" s="157">
        <v>194640</v>
      </c>
      <c r="F39" s="158">
        <v>0</v>
      </c>
      <c r="G39" s="159">
        <v>42064</v>
      </c>
      <c r="H39" s="159">
        <v>557172</v>
      </c>
      <c r="I39" s="159">
        <v>23920</v>
      </c>
      <c r="J39" s="159">
        <v>47960</v>
      </c>
      <c r="K39" s="159">
        <v>506688</v>
      </c>
      <c r="L39" s="160">
        <v>1177804</v>
      </c>
      <c r="M39" s="106">
        <v>1372444</v>
      </c>
      <c r="N39" s="100">
        <v>0</v>
      </c>
      <c r="O39" s="104">
        <v>0</v>
      </c>
      <c r="P39" s="103">
        <v>0</v>
      </c>
      <c r="Q39" s="100">
        <v>0</v>
      </c>
      <c r="R39" s="104">
        <v>32864</v>
      </c>
      <c r="S39" s="104">
        <v>209068</v>
      </c>
      <c r="T39" s="104">
        <v>0</v>
      </c>
      <c r="U39" s="104">
        <v>34600</v>
      </c>
      <c r="V39" s="104">
        <v>32176</v>
      </c>
      <c r="W39" s="103">
        <v>308708</v>
      </c>
      <c r="X39" s="106">
        <v>308708</v>
      </c>
      <c r="Y39" s="100">
        <v>0</v>
      </c>
      <c r="Z39" s="104">
        <v>0</v>
      </c>
      <c r="AA39" s="103">
        <v>0</v>
      </c>
      <c r="AB39" s="100">
        <v>0</v>
      </c>
      <c r="AC39" s="104">
        <v>0</v>
      </c>
      <c r="AD39" s="104">
        <v>13712</v>
      </c>
      <c r="AE39" s="104">
        <v>0</v>
      </c>
      <c r="AF39" s="104">
        <v>0</v>
      </c>
      <c r="AG39" s="104">
        <v>0</v>
      </c>
      <c r="AH39" s="103">
        <v>13712</v>
      </c>
      <c r="AI39" s="106">
        <v>13712</v>
      </c>
      <c r="AJ39" s="100">
        <v>0</v>
      </c>
      <c r="AK39" s="104">
        <v>0</v>
      </c>
      <c r="AL39" s="103">
        <v>0</v>
      </c>
      <c r="AM39" s="100">
        <v>0</v>
      </c>
      <c r="AN39" s="104">
        <v>0</v>
      </c>
      <c r="AO39" s="104">
        <v>0</v>
      </c>
      <c r="AP39" s="104">
        <v>0</v>
      </c>
      <c r="AQ39" s="104">
        <v>0</v>
      </c>
      <c r="AR39" s="104">
        <v>0</v>
      </c>
      <c r="AS39" s="103">
        <v>0</v>
      </c>
      <c r="AT39" s="106">
        <v>0</v>
      </c>
      <c r="AU39" s="100">
        <v>0</v>
      </c>
      <c r="AV39" s="104">
        <v>0</v>
      </c>
      <c r="AW39" s="103">
        <v>0</v>
      </c>
      <c r="AX39" s="100">
        <v>0</v>
      </c>
      <c r="AY39" s="104">
        <v>32864</v>
      </c>
      <c r="AZ39" s="104">
        <v>160260</v>
      </c>
      <c r="BA39" s="104">
        <v>0</v>
      </c>
      <c r="BB39" s="104">
        <v>34600</v>
      </c>
      <c r="BC39" s="104">
        <v>0</v>
      </c>
      <c r="BD39" s="103">
        <v>227724</v>
      </c>
      <c r="BE39" s="106">
        <v>227724</v>
      </c>
      <c r="BF39" s="100">
        <v>0</v>
      </c>
      <c r="BG39" s="104">
        <v>0</v>
      </c>
      <c r="BH39" s="102">
        <v>0</v>
      </c>
      <c r="BI39" s="101">
        <v>0</v>
      </c>
      <c r="BJ39" s="104">
        <v>0</v>
      </c>
      <c r="BK39" s="104">
        <v>0</v>
      </c>
      <c r="BL39" s="104">
        <v>0</v>
      </c>
      <c r="BM39" s="104">
        <v>0</v>
      </c>
      <c r="BN39" s="104">
        <v>0</v>
      </c>
      <c r="BO39" s="103">
        <v>0</v>
      </c>
      <c r="BP39" s="106">
        <v>0</v>
      </c>
      <c r="BQ39" s="100">
        <v>0</v>
      </c>
      <c r="BR39" s="104">
        <v>0</v>
      </c>
      <c r="BS39" s="103">
        <v>0</v>
      </c>
      <c r="BT39" s="100">
        <v>0</v>
      </c>
      <c r="BU39" s="104">
        <v>0</v>
      </c>
      <c r="BV39" s="104">
        <v>35096</v>
      </c>
      <c r="BW39" s="104">
        <v>0</v>
      </c>
      <c r="BX39" s="104">
        <v>0</v>
      </c>
      <c r="BY39" s="104">
        <v>32176</v>
      </c>
      <c r="BZ39" s="103">
        <v>67272</v>
      </c>
      <c r="CA39" s="106">
        <v>67272</v>
      </c>
      <c r="CB39" s="100">
        <v>0</v>
      </c>
      <c r="CC39" s="104">
        <v>0</v>
      </c>
      <c r="CD39" s="103">
        <v>0</v>
      </c>
      <c r="CE39" s="100">
        <v>0</v>
      </c>
      <c r="CF39" s="104">
        <v>0</v>
      </c>
      <c r="CG39" s="104">
        <v>114488</v>
      </c>
      <c r="CH39" s="104">
        <v>0</v>
      </c>
      <c r="CI39" s="104">
        <v>0</v>
      </c>
      <c r="CJ39" s="104">
        <v>0</v>
      </c>
      <c r="CK39" s="103">
        <v>114488</v>
      </c>
      <c r="CL39" s="106">
        <v>114488</v>
      </c>
      <c r="CM39" s="100">
        <v>0</v>
      </c>
      <c r="CN39" s="104">
        <v>0</v>
      </c>
      <c r="CO39" s="103">
        <v>0</v>
      </c>
      <c r="CP39" s="101">
        <v>0</v>
      </c>
      <c r="CQ39" s="104">
        <v>0</v>
      </c>
      <c r="CR39" s="104">
        <v>114488</v>
      </c>
      <c r="CS39" s="104">
        <v>0</v>
      </c>
      <c r="CT39" s="104">
        <v>0</v>
      </c>
      <c r="CU39" s="104">
        <v>0</v>
      </c>
      <c r="CV39" s="103">
        <v>114488</v>
      </c>
      <c r="CW39" s="106">
        <v>114488</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06">
        <v>0</v>
      </c>
      <c r="FE39" s="104">
        <v>0</v>
      </c>
      <c r="FF39" s="104">
        <v>0</v>
      </c>
      <c r="FG39" s="104">
        <v>0</v>
      </c>
      <c r="FH39" s="104">
        <v>0</v>
      </c>
      <c r="FI39" s="104">
        <v>0</v>
      </c>
      <c r="FJ39" s="103">
        <v>0</v>
      </c>
      <c r="FK39" s="106">
        <v>0</v>
      </c>
      <c r="FL39" s="100">
        <v>175120</v>
      </c>
      <c r="FM39" s="104">
        <v>19520</v>
      </c>
      <c r="FN39" s="103">
        <v>194640</v>
      </c>
      <c r="FO39" s="100">
        <v>0</v>
      </c>
      <c r="FP39" s="104">
        <v>9200</v>
      </c>
      <c r="FQ39" s="104">
        <v>66432</v>
      </c>
      <c r="FR39" s="104">
        <v>23920</v>
      </c>
      <c r="FS39" s="104">
        <v>13360</v>
      </c>
      <c r="FT39" s="104">
        <v>0</v>
      </c>
      <c r="FU39" s="103">
        <v>112912</v>
      </c>
      <c r="FV39" s="106">
        <v>307552</v>
      </c>
      <c r="FW39" s="105">
        <v>0</v>
      </c>
      <c r="FX39" s="104">
        <v>19520</v>
      </c>
      <c r="FY39" s="102">
        <v>19520</v>
      </c>
      <c r="FZ39" s="101">
        <v>0</v>
      </c>
      <c r="GA39" s="104">
        <v>9200</v>
      </c>
      <c r="GB39" s="104">
        <v>66432</v>
      </c>
      <c r="GC39" s="104">
        <v>7200</v>
      </c>
      <c r="GD39" s="104">
        <v>13360</v>
      </c>
      <c r="GE39" s="104">
        <v>0</v>
      </c>
      <c r="GF39" s="103">
        <v>96192</v>
      </c>
      <c r="GG39" s="290">
        <v>115712</v>
      </c>
      <c r="GH39" s="105">
        <v>15840</v>
      </c>
      <c r="GI39" s="104">
        <v>0</v>
      </c>
      <c r="GJ39" s="102">
        <v>15840</v>
      </c>
      <c r="GK39" s="101">
        <v>0</v>
      </c>
      <c r="GL39" s="104">
        <v>0</v>
      </c>
      <c r="GM39" s="104">
        <v>0</v>
      </c>
      <c r="GN39" s="104">
        <v>0</v>
      </c>
      <c r="GO39" s="104">
        <v>0</v>
      </c>
      <c r="GP39" s="104">
        <v>0</v>
      </c>
      <c r="GQ39" s="103">
        <v>0</v>
      </c>
      <c r="GR39" s="106">
        <v>15840</v>
      </c>
      <c r="GS39" s="100">
        <v>159280</v>
      </c>
      <c r="GT39" s="104">
        <v>0</v>
      </c>
      <c r="GU39" s="103">
        <v>159280</v>
      </c>
      <c r="GV39" s="100">
        <v>0</v>
      </c>
      <c r="GW39" s="104">
        <v>0</v>
      </c>
      <c r="GX39" s="104">
        <v>0</v>
      </c>
      <c r="GY39" s="104">
        <v>16720</v>
      </c>
      <c r="GZ39" s="104">
        <v>0</v>
      </c>
      <c r="HA39" s="104">
        <v>0</v>
      </c>
      <c r="HB39" s="102">
        <v>16720</v>
      </c>
      <c r="HC39" s="106">
        <v>176000</v>
      </c>
      <c r="HD39" s="100">
        <v>0</v>
      </c>
      <c r="HE39" s="104">
        <v>0</v>
      </c>
      <c r="HF39" s="102">
        <v>0</v>
      </c>
      <c r="HG39" s="101">
        <v>0</v>
      </c>
      <c r="HH39" s="104">
        <v>0</v>
      </c>
      <c r="HI39" s="104">
        <v>167184</v>
      </c>
      <c r="HJ39" s="104">
        <v>0</v>
      </c>
      <c r="HK39" s="104">
        <v>0</v>
      </c>
      <c r="HL39" s="104">
        <v>474512</v>
      </c>
      <c r="HM39" s="103">
        <v>641696</v>
      </c>
      <c r="HN39" s="99">
        <v>641696</v>
      </c>
      <c r="HO39" s="456">
        <v>0</v>
      </c>
      <c r="HP39" s="457">
        <v>0</v>
      </c>
      <c r="HQ39" s="458">
        <v>0</v>
      </c>
      <c r="HR39" s="459">
        <v>0</v>
      </c>
      <c r="HS39" s="457">
        <v>0</v>
      </c>
      <c r="HT39" s="457">
        <v>0</v>
      </c>
      <c r="HU39" s="457">
        <v>0</v>
      </c>
      <c r="HV39" s="457">
        <v>0</v>
      </c>
      <c r="HW39" s="457">
        <v>0</v>
      </c>
      <c r="HX39" s="460">
        <v>0</v>
      </c>
      <c r="HY39" s="461">
        <v>0</v>
      </c>
      <c r="HZ39" s="118">
        <v>0</v>
      </c>
      <c r="IA39" s="119">
        <v>0</v>
      </c>
      <c r="IB39" s="120">
        <v>0</v>
      </c>
      <c r="IC39" s="131">
        <v>0</v>
      </c>
      <c r="ID39" s="119">
        <v>83288</v>
      </c>
      <c r="IE39" s="132">
        <v>253056</v>
      </c>
      <c r="IF39" s="120">
        <v>374704</v>
      </c>
      <c r="IG39" s="119">
        <v>0</v>
      </c>
      <c r="IH39" s="120">
        <v>0</v>
      </c>
      <c r="II39" s="133">
        <v>711048</v>
      </c>
      <c r="IJ39" s="126">
        <v>711048</v>
      </c>
      <c r="IK39" s="215">
        <v>0</v>
      </c>
      <c r="IL39" s="219">
        <v>0</v>
      </c>
      <c r="IM39" s="220">
        <v>0</v>
      </c>
      <c r="IN39" s="470">
        <v>0</v>
      </c>
      <c r="IO39" s="109">
        <v>0</v>
      </c>
      <c r="IP39" s="109">
        <v>0</v>
      </c>
      <c r="IQ39" s="109">
        <v>0</v>
      </c>
      <c r="IR39" s="109">
        <v>0</v>
      </c>
      <c r="IS39" s="109">
        <v>0</v>
      </c>
      <c r="IT39" s="128">
        <v>0</v>
      </c>
      <c r="IU39" s="292">
        <v>0</v>
      </c>
      <c r="IV39" s="129">
        <v>0</v>
      </c>
      <c r="IW39" s="109">
        <v>0</v>
      </c>
      <c r="IX39" s="110">
        <v>0</v>
      </c>
      <c r="IY39" s="470">
        <v>0</v>
      </c>
      <c r="IZ39" s="109">
        <v>0</v>
      </c>
      <c r="JA39" s="109">
        <v>0</v>
      </c>
      <c r="JB39" s="109">
        <v>0</v>
      </c>
      <c r="JC39" s="109">
        <v>0</v>
      </c>
      <c r="JD39" s="109">
        <v>0</v>
      </c>
      <c r="JE39" s="110">
        <v>0</v>
      </c>
      <c r="JF39" s="111">
        <v>0</v>
      </c>
      <c r="JG39" s="129">
        <v>0</v>
      </c>
      <c r="JH39" s="109">
        <v>0</v>
      </c>
      <c r="JI39" s="128">
        <v>0</v>
      </c>
      <c r="JJ39" s="108">
        <v>0</v>
      </c>
      <c r="JK39" s="109">
        <v>83288</v>
      </c>
      <c r="JL39" s="109">
        <v>89128</v>
      </c>
      <c r="JM39" s="109">
        <v>0</v>
      </c>
      <c r="JN39" s="109">
        <v>0</v>
      </c>
      <c r="JO39" s="109">
        <v>0</v>
      </c>
      <c r="JP39" s="110">
        <v>172416</v>
      </c>
      <c r="JQ39" s="292">
        <v>172416</v>
      </c>
      <c r="JR39" s="129">
        <v>0</v>
      </c>
      <c r="JS39" s="109">
        <v>0</v>
      </c>
      <c r="JT39" s="128">
        <v>0</v>
      </c>
      <c r="JU39" s="108">
        <v>0</v>
      </c>
      <c r="JV39" s="109">
        <v>0</v>
      </c>
      <c r="JW39" s="109">
        <v>0</v>
      </c>
      <c r="JX39" s="109">
        <v>0</v>
      </c>
      <c r="JY39" s="109">
        <v>0</v>
      </c>
      <c r="JZ39" s="109">
        <v>0</v>
      </c>
      <c r="KA39" s="110">
        <v>0</v>
      </c>
      <c r="KB39" s="292">
        <v>0</v>
      </c>
      <c r="KC39" s="217">
        <v>0</v>
      </c>
      <c r="KD39" s="213">
        <v>0</v>
      </c>
      <c r="KE39" s="110">
        <v>0</v>
      </c>
      <c r="KF39" s="108">
        <v>0</v>
      </c>
      <c r="KG39" s="109">
        <v>0</v>
      </c>
      <c r="KH39" s="109">
        <v>163928</v>
      </c>
      <c r="KI39" s="109">
        <v>219712</v>
      </c>
      <c r="KJ39" s="109">
        <v>0</v>
      </c>
      <c r="KK39" s="109">
        <v>0</v>
      </c>
      <c r="KL39" s="110">
        <v>383640</v>
      </c>
      <c r="KM39" s="130">
        <v>383640</v>
      </c>
      <c r="KN39" s="215">
        <v>0</v>
      </c>
      <c r="KO39" s="219">
        <v>0</v>
      </c>
      <c r="KP39" s="220">
        <v>0</v>
      </c>
      <c r="KQ39" s="470">
        <v>0</v>
      </c>
      <c r="KR39" s="109">
        <v>0</v>
      </c>
      <c r="KS39" s="109">
        <v>0</v>
      </c>
      <c r="KT39" s="109">
        <v>0</v>
      </c>
      <c r="KU39" s="109">
        <v>0</v>
      </c>
      <c r="KV39" s="109">
        <v>0</v>
      </c>
      <c r="KW39" s="110">
        <v>0</v>
      </c>
      <c r="KX39" s="292">
        <v>0</v>
      </c>
      <c r="KY39" s="129">
        <v>0</v>
      </c>
      <c r="KZ39" s="109">
        <v>0</v>
      </c>
      <c r="LA39" s="110">
        <v>0</v>
      </c>
      <c r="LB39" s="470">
        <v>0</v>
      </c>
      <c r="LC39" s="109">
        <v>0</v>
      </c>
      <c r="LD39" s="109">
        <v>0</v>
      </c>
      <c r="LE39" s="109">
        <v>0</v>
      </c>
      <c r="LF39" s="109">
        <v>0</v>
      </c>
      <c r="LG39" s="109">
        <v>0</v>
      </c>
      <c r="LH39" s="110">
        <v>0</v>
      </c>
      <c r="LI39" s="111">
        <v>0</v>
      </c>
      <c r="LJ39" s="129">
        <v>0</v>
      </c>
      <c r="LK39" s="109">
        <v>0</v>
      </c>
      <c r="LL39" s="110">
        <v>0</v>
      </c>
      <c r="LM39" s="470">
        <v>0</v>
      </c>
      <c r="LN39" s="109">
        <v>0</v>
      </c>
      <c r="LO39" s="109">
        <v>0</v>
      </c>
      <c r="LP39" s="109">
        <v>0</v>
      </c>
      <c r="LQ39" s="109">
        <v>0</v>
      </c>
      <c r="LR39" s="109">
        <v>0</v>
      </c>
      <c r="LS39" s="110">
        <v>0</v>
      </c>
      <c r="LT39" s="292">
        <v>0</v>
      </c>
      <c r="LU39" s="129">
        <v>0</v>
      </c>
      <c r="LV39" s="109">
        <v>0</v>
      </c>
      <c r="LW39" s="110">
        <v>0</v>
      </c>
      <c r="LX39" s="470">
        <v>0</v>
      </c>
      <c r="LY39" s="109">
        <v>0</v>
      </c>
      <c r="LZ39" s="109">
        <v>0</v>
      </c>
      <c r="MA39" s="109">
        <v>154992</v>
      </c>
      <c r="MB39" s="109">
        <v>0</v>
      </c>
      <c r="MC39" s="109">
        <v>0</v>
      </c>
      <c r="MD39" s="110">
        <v>154992</v>
      </c>
      <c r="ME39" s="111">
        <v>154992</v>
      </c>
      <c r="MF39" s="129">
        <v>0</v>
      </c>
      <c r="MG39" s="109">
        <v>0</v>
      </c>
      <c r="MH39" s="110">
        <v>0</v>
      </c>
      <c r="MI39" s="470">
        <v>0</v>
      </c>
      <c r="MJ39" s="109">
        <v>0</v>
      </c>
      <c r="MK39" s="109">
        <v>0</v>
      </c>
      <c r="ML39" s="109">
        <v>250384</v>
      </c>
      <c r="MM39" s="109">
        <v>237720</v>
      </c>
      <c r="MN39" s="109">
        <v>0</v>
      </c>
      <c r="MO39" s="110">
        <v>488104</v>
      </c>
      <c r="MP39" s="130">
        <v>488104</v>
      </c>
      <c r="MQ39" s="129">
        <v>0</v>
      </c>
      <c r="MR39" s="109">
        <v>0</v>
      </c>
      <c r="MS39" s="110">
        <v>0</v>
      </c>
      <c r="MT39" s="470">
        <v>0</v>
      </c>
      <c r="MU39" s="109">
        <v>0</v>
      </c>
      <c r="MV39" s="109">
        <v>0</v>
      </c>
      <c r="MW39" s="109">
        <v>0</v>
      </c>
      <c r="MX39" s="109">
        <v>237720</v>
      </c>
      <c r="MY39" s="109">
        <v>0</v>
      </c>
      <c r="MZ39" s="110">
        <v>237720</v>
      </c>
      <c r="NA39" s="130">
        <v>237720</v>
      </c>
      <c r="NB39" s="129">
        <v>0</v>
      </c>
      <c r="NC39" s="109">
        <v>0</v>
      </c>
      <c r="ND39" s="110">
        <v>0</v>
      </c>
      <c r="NE39" s="470">
        <v>0</v>
      </c>
      <c r="NF39" s="109">
        <v>0</v>
      </c>
      <c r="NG39" s="109">
        <v>0</v>
      </c>
      <c r="NH39" s="109">
        <v>250384</v>
      </c>
      <c r="NI39" s="109">
        <v>0</v>
      </c>
      <c r="NJ39" s="109">
        <v>0</v>
      </c>
      <c r="NK39" s="110">
        <v>250384</v>
      </c>
      <c r="NL39" s="292">
        <v>250384</v>
      </c>
      <c r="NM39" s="129">
        <v>0</v>
      </c>
      <c r="NN39" s="109">
        <v>0</v>
      </c>
      <c r="NO39" s="110">
        <v>0</v>
      </c>
      <c r="NP39" s="470">
        <v>0</v>
      </c>
      <c r="NQ39" s="109">
        <v>0</v>
      </c>
      <c r="NR39" s="109">
        <v>0</v>
      </c>
      <c r="NS39" s="109">
        <v>0</v>
      </c>
      <c r="NT39" s="109">
        <v>0</v>
      </c>
      <c r="NU39" s="109">
        <v>0</v>
      </c>
      <c r="NV39" s="110">
        <v>0</v>
      </c>
      <c r="NW39" s="111">
        <v>0</v>
      </c>
      <c r="NX39" s="129">
        <v>0</v>
      </c>
      <c r="NY39" s="109">
        <v>0</v>
      </c>
      <c r="NZ39" s="110">
        <v>0</v>
      </c>
      <c r="OA39" s="470">
        <v>0</v>
      </c>
      <c r="OB39" s="109">
        <v>0</v>
      </c>
      <c r="OC39" s="109">
        <v>0</v>
      </c>
      <c r="OD39" s="109">
        <v>0</v>
      </c>
      <c r="OE39" s="109">
        <v>0</v>
      </c>
      <c r="OF39" s="109">
        <v>0</v>
      </c>
      <c r="OG39" s="110">
        <v>0</v>
      </c>
      <c r="OH39" s="111">
        <v>0</v>
      </c>
      <c r="OI39" s="129">
        <v>175120</v>
      </c>
      <c r="OJ39" s="109">
        <v>19520</v>
      </c>
      <c r="OK39" s="128">
        <v>194640</v>
      </c>
      <c r="OL39" s="108">
        <v>0</v>
      </c>
      <c r="OM39" s="109">
        <v>125352</v>
      </c>
      <c r="ON39" s="109">
        <v>810228</v>
      </c>
      <c r="OO39" s="109">
        <v>649008</v>
      </c>
      <c r="OP39" s="109">
        <v>285680</v>
      </c>
      <c r="OQ39" s="109">
        <v>506688</v>
      </c>
      <c r="OR39" s="110">
        <v>2376956</v>
      </c>
      <c r="OS39" s="130">
        <v>2571596</v>
      </c>
    </row>
    <row r="40" spans="2:409" ht="21" customHeight="1" x14ac:dyDescent="0.2">
      <c r="B40" s="437" t="s">
        <v>35</v>
      </c>
      <c r="C40" s="100">
        <v>109424</v>
      </c>
      <c r="D40" s="104">
        <v>172367</v>
      </c>
      <c r="E40" s="103">
        <v>281791</v>
      </c>
      <c r="F40" s="99">
        <v>0</v>
      </c>
      <c r="G40" s="104">
        <v>1548194</v>
      </c>
      <c r="H40" s="104">
        <v>453085</v>
      </c>
      <c r="I40" s="104">
        <v>834283</v>
      </c>
      <c r="J40" s="104">
        <v>1491079</v>
      </c>
      <c r="K40" s="104">
        <v>266389</v>
      </c>
      <c r="L40" s="156">
        <v>4593030</v>
      </c>
      <c r="M40" s="106">
        <v>4874821</v>
      </c>
      <c r="N40" s="100">
        <v>30944</v>
      </c>
      <c r="O40" s="104">
        <v>30048</v>
      </c>
      <c r="P40" s="103">
        <v>60992</v>
      </c>
      <c r="Q40" s="100">
        <v>0</v>
      </c>
      <c r="R40" s="104">
        <v>289232</v>
      </c>
      <c r="S40" s="104">
        <v>66420</v>
      </c>
      <c r="T40" s="104">
        <v>300860</v>
      </c>
      <c r="U40" s="104">
        <v>295440</v>
      </c>
      <c r="V40" s="104">
        <v>20928</v>
      </c>
      <c r="W40" s="103">
        <v>972880</v>
      </c>
      <c r="X40" s="106">
        <v>1033872</v>
      </c>
      <c r="Y40" s="100">
        <v>0</v>
      </c>
      <c r="Z40" s="104">
        <v>0</v>
      </c>
      <c r="AA40" s="103">
        <v>0</v>
      </c>
      <c r="AB40" s="100">
        <v>0</v>
      </c>
      <c r="AC40" s="104">
        <v>128928</v>
      </c>
      <c r="AD40" s="104">
        <v>34916</v>
      </c>
      <c r="AE40" s="104">
        <v>216908</v>
      </c>
      <c r="AF40" s="104">
        <v>137184</v>
      </c>
      <c r="AG40" s="104">
        <v>0</v>
      </c>
      <c r="AH40" s="103">
        <v>517936</v>
      </c>
      <c r="AI40" s="106">
        <v>517936</v>
      </c>
      <c r="AJ40" s="100">
        <v>0</v>
      </c>
      <c r="AK40" s="104">
        <v>0</v>
      </c>
      <c r="AL40" s="103">
        <v>0</v>
      </c>
      <c r="AM40" s="100">
        <v>0</v>
      </c>
      <c r="AN40" s="104">
        <v>0</v>
      </c>
      <c r="AO40" s="104">
        <v>0</v>
      </c>
      <c r="AP40" s="104">
        <v>0</v>
      </c>
      <c r="AQ40" s="104">
        <v>98344</v>
      </c>
      <c r="AR40" s="104">
        <v>0</v>
      </c>
      <c r="AS40" s="103">
        <v>98344</v>
      </c>
      <c r="AT40" s="106">
        <v>98344</v>
      </c>
      <c r="AU40" s="100">
        <v>0</v>
      </c>
      <c r="AV40" s="104">
        <v>0</v>
      </c>
      <c r="AW40" s="103">
        <v>0</v>
      </c>
      <c r="AX40" s="100">
        <v>0</v>
      </c>
      <c r="AY40" s="104">
        <v>26272</v>
      </c>
      <c r="AZ40" s="104">
        <v>0</v>
      </c>
      <c r="BA40" s="104">
        <v>28224</v>
      </c>
      <c r="BB40" s="104">
        <v>0</v>
      </c>
      <c r="BC40" s="104">
        <v>0</v>
      </c>
      <c r="BD40" s="103">
        <v>54496</v>
      </c>
      <c r="BE40" s="106">
        <v>54496</v>
      </c>
      <c r="BF40" s="100">
        <v>20032</v>
      </c>
      <c r="BG40" s="104">
        <v>30048</v>
      </c>
      <c r="BH40" s="102">
        <v>50080</v>
      </c>
      <c r="BI40" s="101">
        <v>0</v>
      </c>
      <c r="BJ40" s="104">
        <v>29760</v>
      </c>
      <c r="BK40" s="104">
        <v>0</v>
      </c>
      <c r="BL40" s="104">
        <v>0</v>
      </c>
      <c r="BM40" s="104">
        <v>0</v>
      </c>
      <c r="BN40" s="104">
        <v>0</v>
      </c>
      <c r="BO40" s="103">
        <v>29760</v>
      </c>
      <c r="BP40" s="106">
        <v>79840</v>
      </c>
      <c r="BQ40" s="100">
        <v>10912</v>
      </c>
      <c r="BR40" s="104">
        <v>0</v>
      </c>
      <c r="BS40" s="103">
        <v>10912</v>
      </c>
      <c r="BT40" s="100">
        <v>0</v>
      </c>
      <c r="BU40" s="104">
        <v>104272</v>
      </c>
      <c r="BV40" s="104">
        <v>31504</v>
      </c>
      <c r="BW40" s="104">
        <v>55728</v>
      </c>
      <c r="BX40" s="104">
        <v>59912</v>
      </c>
      <c r="BY40" s="104">
        <v>20928</v>
      </c>
      <c r="BZ40" s="103">
        <v>272344</v>
      </c>
      <c r="CA40" s="106">
        <v>283256</v>
      </c>
      <c r="CB40" s="100">
        <v>20728</v>
      </c>
      <c r="CC40" s="104">
        <v>40815</v>
      </c>
      <c r="CD40" s="103">
        <v>61543</v>
      </c>
      <c r="CE40" s="100">
        <v>0</v>
      </c>
      <c r="CF40" s="104">
        <v>304512</v>
      </c>
      <c r="CG40" s="104">
        <v>179739</v>
      </c>
      <c r="CH40" s="104">
        <v>268560</v>
      </c>
      <c r="CI40" s="104">
        <v>114824</v>
      </c>
      <c r="CJ40" s="104">
        <v>0</v>
      </c>
      <c r="CK40" s="103">
        <v>867635</v>
      </c>
      <c r="CL40" s="106">
        <v>929178</v>
      </c>
      <c r="CM40" s="100">
        <v>0</v>
      </c>
      <c r="CN40" s="104">
        <v>0</v>
      </c>
      <c r="CO40" s="103">
        <v>0</v>
      </c>
      <c r="CP40" s="101">
        <v>0</v>
      </c>
      <c r="CQ40" s="104">
        <v>156176</v>
      </c>
      <c r="CR40" s="104">
        <v>179739</v>
      </c>
      <c r="CS40" s="104">
        <v>197896</v>
      </c>
      <c r="CT40" s="104">
        <v>0</v>
      </c>
      <c r="CU40" s="104">
        <v>0</v>
      </c>
      <c r="CV40" s="103">
        <v>533811</v>
      </c>
      <c r="CW40" s="106">
        <v>533811</v>
      </c>
      <c r="CX40" s="100">
        <v>20728</v>
      </c>
      <c r="CY40" s="104">
        <v>40815</v>
      </c>
      <c r="CZ40" s="103">
        <v>61543</v>
      </c>
      <c r="DA40" s="100">
        <v>0</v>
      </c>
      <c r="DB40" s="104">
        <v>148336</v>
      </c>
      <c r="DC40" s="104">
        <v>0</v>
      </c>
      <c r="DD40" s="104">
        <v>70664</v>
      </c>
      <c r="DE40" s="104">
        <v>114824</v>
      </c>
      <c r="DF40" s="104">
        <v>0</v>
      </c>
      <c r="DG40" s="103">
        <v>333824</v>
      </c>
      <c r="DH40" s="106">
        <v>395367</v>
      </c>
      <c r="DI40" s="100">
        <v>0</v>
      </c>
      <c r="DJ40" s="104">
        <v>0</v>
      </c>
      <c r="DK40" s="102">
        <v>0</v>
      </c>
      <c r="DL40" s="101">
        <v>0</v>
      </c>
      <c r="DM40" s="104">
        <v>15064</v>
      </c>
      <c r="DN40" s="104">
        <v>0</v>
      </c>
      <c r="DO40" s="104">
        <v>0</v>
      </c>
      <c r="DP40" s="104">
        <v>0</v>
      </c>
      <c r="DQ40" s="104">
        <v>0</v>
      </c>
      <c r="DR40" s="103">
        <v>15064</v>
      </c>
      <c r="DS40" s="106">
        <v>15064</v>
      </c>
      <c r="DT40" s="100">
        <v>0</v>
      </c>
      <c r="DU40" s="104">
        <v>0</v>
      </c>
      <c r="DV40" s="103">
        <v>0</v>
      </c>
      <c r="DW40" s="100">
        <v>0</v>
      </c>
      <c r="DX40" s="104">
        <v>15064</v>
      </c>
      <c r="DY40" s="104">
        <v>0</v>
      </c>
      <c r="DZ40" s="104">
        <v>0</v>
      </c>
      <c r="EA40" s="104">
        <v>0</v>
      </c>
      <c r="EB40" s="104">
        <v>0</v>
      </c>
      <c r="EC40" s="103">
        <v>15064</v>
      </c>
      <c r="ED40" s="106">
        <v>15064</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06">
        <v>0</v>
      </c>
      <c r="FE40" s="104">
        <v>0</v>
      </c>
      <c r="FF40" s="104">
        <v>0</v>
      </c>
      <c r="FG40" s="104">
        <v>0</v>
      </c>
      <c r="FH40" s="104">
        <v>0</v>
      </c>
      <c r="FI40" s="104">
        <v>0</v>
      </c>
      <c r="FJ40" s="103">
        <v>0</v>
      </c>
      <c r="FK40" s="106">
        <v>0</v>
      </c>
      <c r="FL40" s="100">
        <v>0</v>
      </c>
      <c r="FM40" s="104">
        <v>8080</v>
      </c>
      <c r="FN40" s="103">
        <v>8080</v>
      </c>
      <c r="FO40" s="100">
        <v>0</v>
      </c>
      <c r="FP40" s="104">
        <v>8000</v>
      </c>
      <c r="FQ40" s="104">
        <v>29904</v>
      </c>
      <c r="FR40" s="104">
        <v>65168</v>
      </c>
      <c r="FS40" s="104">
        <v>39200</v>
      </c>
      <c r="FT40" s="104">
        <v>0</v>
      </c>
      <c r="FU40" s="103">
        <v>142272</v>
      </c>
      <c r="FV40" s="106">
        <v>150352</v>
      </c>
      <c r="FW40" s="105">
        <v>0</v>
      </c>
      <c r="FX40" s="104">
        <v>8080</v>
      </c>
      <c r="FY40" s="102">
        <v>8080</v>
      </c>
      <c r="FZ40" s="101">
        <v>0</v>
      </c>
      <c r="GA40" s="104">
        <v>8000</v>
      </c>
      <c r="GB40" s="104">
        <v>29904</v>
      </c>
      <c r="GC40" s="104">
        <v>65168</v>
      </c>
      <c r="GD40" s="104">
        <v>39200</v>
      </c>
      <c r="GE40" s="104">
        <v>0</v>
      </c>
      <c r="GF40" s="103">
        <v>142272</v>
      </c>
      <c r="GG40" s="290">
        <v>150352</v>
      </c>
      <c r="GH40" s="105">
        <v>0</v>
      </c>
      <c r="GI40" s="104">
        <v>0</v>
      </c>
      <c r="GJ40" s="102">
        <v>0</v>
      </c>
      <c r="GK40" s="101">
        <v>0</v>
      </c>
      <c r="GL40" s="104">
        <v>0</v>
      </c>
      <c r="GM40" s="104">
        <v>0</v>
      </c>
      <c r="GN40" s="104">
        <v>0</v>
      </c>
      <c r="GO40" s="104">
        <v>0</v>
      </c>
      <c r="GP40" s="104">
        <v>0</v>
      </c>
      <c r="GQ40" s="103">
        <v>0</v>
      </c>
      <c r="GR40" s="106">
        <v>0</v>
      </c>
      <c r="GS40" s="100">
        <v>0</v>
      </c>
      <c r="GT40" s="104">
        <v>0</v>
      </c>
      <c r="GU40" s="103">
        <v>0</v>
      </c>
      <c r="GV40" s="100">
        <v>0</v>
      </c>
      <c r="GW40" s="104">
        <v>0</v>
      </c>
      <c r="GX40" s="104">
        <v>0</v>
      </c>
      <c r="GY40" s="104">
        <v>0</v>
      </c>
      <c r="GZ40" s="104">
        <v>0</v>
      </c>
      <c r="HA40" s="104">
        <v>0</v>
      </c>
      <c r="HB40" s="102">
        <v>0</v>
      </c>
      <c r="HC40" s="106">
        <v>0</v>
      </c>
      <c r="HD40" s="100">
        <v>57752</v>
      </c>
      <c r="HE40" s="104">
        <v>93424</v>
      </c>
      <c r="HF40" s="102">
        <v>151176</v>
      </c>
      <c r="HG40" s="101">
        <v>0</v>
      </c>
      <c r="HH40" s="104">
        <v>931386</v>
      </c>
      <c r="HI40" s="104">
        <v>177022</v>
      </c>
      <c r="HJ40" s="104">
        <v>199695</v>
      </c>
      <c r="HK40" s="104">
        <v>1041615</v>
      </c>
      <c r="HL40" s="104">
        <v>245461</v>
      </c>
      <c r="HM40" s="103">
        <v>2595179</v>
      </c>
      <c r="HN40" s="99">
        <v>2746355</v>
      </c>
      <c r="HO40" s="456">
        <v>0</v>
      </c>
      <c r="HP40" s="457">
        <v>0</v>
      </c>
      <c r="HQ40" s="458">
        <v>0</v>
      </c>
      <c r="HR40" s="459">
        <v>0</v>
      </c>
      <c r="HS40" s="457">
        <v>0</v>
      </c>
      <c r="HT40" s="457">
        <v>0</v>
      </c>
      <c r="HU40" s="457">
        <v>0</v>
      </c>
      <c r="HV40" s="457">
        <v>0</v>
      </c>
      <c r="HW40" s="457">
        <v>0</v>
      </c>
      <c r="HX40" s="460">
        <v>0</v>
      </c>
      <c r="HY40" s="461">
        <v>0</v>
      </c>
      <c r="HZ40" s="135">
        <v>0</v>
      </c>
      <c r="IA40" s="122">
        <v>0</v>
      </c>
      <c r="IB40" s="135">
        <v>0</v>
      </c>
      <c r="IC40" s="131">
        <v>0</v>
      </c>
      <c r="ID40" s="119">
        <v>0</v>
      </c>
      <c r="IE40" s="132">
        <v>585920</v>
      </c>
      <c r="IF40" s="120">
        <v>120344</v>
      </c>
      <c r="IG40" s="119">
        <v>0</v>
      </c>
      <c r="IH40" s="120">
        <v>0</v>
      </c>
      <c r="II40" s="133">
        <v>706264</v>
      </c>
      <c r="IJ40" s="135">
        <v>706264</v>
      </c>
      <c r="IK40" s="215">
        <v>0</v>
      </c>
      <c r="IL40" s="219">
        <v>0</v>
      </c>
      <c r="IM40" s="220">
        <v>0</v>
      </c>
      <c r="IN40" s="470">
        <v>0</v>
      </c>
      <c r="IO40" s="109">
        <v>0</v>
      </c>
      <c r="IP40" s="109">
        <v>0</v>
      </c>
      <c r="IQ40" s="109">
        <v>120344</v>
      </c>
      <c r="IR40" s="109">
        <v>0</v>
      </c>
      <c r="IS40" s="109">
        <v>0</v>
      </c>
      <c r="IT40" s="128">
        <v>120344</v>
      </c>
      <c r="IU40" s="292">
        <v>120344</v>
      </c>
      <c r="IV40" s="129">
        <v>0</v>
      </c>
      <c r="IW40" s="109">
        <v>0</v>
      </c>
      <c r="IX40" s="110">
        <v>0</v>
      </c>
      <c r="IY40" s="470">
        <v>0</v>
      </c>
      <c r="IZ40" s="109">
        <v>0</v>
      </c>
      <c r="JA40" s="109">
        <v>0</v>
      </c>
      <c r="JB40" s="109">
        <v>0</v>
      </c>
      <c r="JC40" s="109">
        <v>0</v>
      </c>
      <c r="JD40" s="109">
        <v>0</v>
      </c>
      <c r="JE40" s="110">
        <v>0</v>
      </c>
      <c r="JF40" s="111">
        <v>0</v>
      </c>
      <c r="JG40" s="129">
        <v>0</v>
      </c>
      <c r="JH40" s="109">
        <v>0</v>
      </c>
      <c r="JI40" s="128">
        <v>0</v>
      </c>
      <c r="JJ40" s="108">
        <v>0</v>
      </c>
      <c r="JK40" s="109">
        <v>0</v>
      </c>
      <c r="JL40" s="109">
        <v>167648</v>
      </c>
      <c r="JM40" s="109">
        <v>0</v>
      </c>
      <c r="JN40" s="109">
        <v>0</v>
      </c>
      <c r="JO40" s="109">
        <v>0</v>
      </c>
      <c r="JP40" s="110">
        <v>167648</v>
      </c>
      <c r="JQ40" s="292">
        <v>167648</v>
      </c>
      <c r="JR40" s="129">
        <v>0</v>
      </c>
      <c r="JS40" s="109">
        <v>0</v>
      </c>
      <c r="JT40" s="128">
        <v>0</v>
      </c>
      <c r="JU40" s="108">
        <v>0</v>
      </c>
      <c r="JV40" s="109">
        <v>0</v>
      </c>
      <c r="JW40" s="109">
        <v>0</v>
      </c>
      <c r="JX40" s="109">
        <v>0</v>
      </c>
      <c r="JY40" s="109">
        <v>0</v>
      </c>
      <c r="JZ40" s="109">
        <v>0</v>
      </c>
      <c r="KA40" s="110">
        <v>0</v>
      </c>
      <c r="KB40" s="292">
        <v>0</v>
      </c>
      <c r="KC40" s="217">
        <v>0</v>
      </c>
      <c r="KD40" s="213">
        <v>0</v>
      </c>
      <c r="KE40" s="110">
        <v>0</v>
      </c>
      <c r="KF40" s="108">
        <v>0</v>
      </c>
      <c r="KG40" s="109">
        <v>0</v>
      </c>
      <c r="KH40" s="109">
        <v>181264</v>
      </c>
      <c r="KI40" s="109">
        <v>0</v>
      </c>
      <c r="KJ40" s="109">
        <v>0</v>
      </c>
      <c r="KK40" s="109">
        <v>0</v>
      </c>
      <c r="KL40" s="110">
        <v>181264</v>
      </c>
      <c r="KM40" s="130">
        <v>181264</v>
      </c>
      <c r="KN40" s="215">
        <v>0</v>
      </c>
      <c r="KO40" s="219">
        <v>0</v>
      </c>
      <c r="KP40" s="220">
        <v>0</v>
      </c>
      <c r="KQ40" s="470">
        <v>0</v>
      </c>
      <c r="KR40" s="109">
        <v>0</v>
      </c>
      <c r="KS40" s="109">
        <v>237008</v>
      </c>
      <c r="KT40" s="109">
        <v>0</v>
      </c>
      <c r="KU40" s="109">
        <v>0</v>
      </c>
      <c r="KV40" s="109">
        <v>0</v>
      </c>
      <c r="KW40" s="110">
        <v>237008</v>
      </c>
      <c r="KX40" s="292">
        <v>237008</v>
      </c>
      <c r="KY40" s="129">
        <v>0</v>
      </c>
      <c r="KZ40" s="109">
        <v>0</v>
      </c>
      <c r="LA40" s="110">
        <v>0</v>
      </c>
      <c r="LB40" s="470">
        <v>0</v>
      </c>
      <c r="LC40" s="109">
        <v>0</v>
      </c>
      <c r="LD40" s="109">
        <v>0</v>
      </c>
      <c r="LE40" s="109">
        <v>0</v>
      </c>
      <c r="LF40" s="109">
        <v>0</v>
      </c>
      <c r="LG40" s="109">
        <v>0</v>
      </c>
      <c r="LH40" s="110">
        <v>0</v>
      </c>
      <c r="LI40" s="111">
        <v>0</v>
      </c>
      <c r="LJ40" s="129">
        <v>0</v>
      </c>
      <c r="LK40" s="109">
        <v>0</v>
      </c>
      <c r="LL40" s="110">
        <v>0</v>
      </c>
      <c r="LM40" s="470">
        <v>0</v>
      </c>
      <c r="LN40" s="109">
        <v>0</v>
      </c>
      <c r="LO40" s="109">
        <v>0</v>
      </c>
      <c r="LP40" s="109">
        <v>0</v>
      </c>
      <c r="LQ40" s="109">
        <v>0</v>
      </c>
      <c r="LR40" s="109">
        <v>0</v>
      </c>
      <c r="LS40" s="110">
        <v>0</v>
      </c>
      <c r="LT40" s="292">
        <v>0</v>
      </c>
      <c r="LU40" s="129">
        <v>0</v>
      </c>
      <c r="LV40" s="109">
        <v>0</v>
      </c>
      <c r="LW40" s="110">
        <v>0</v>
      </c>
      <c r="LX40" s="470">
        <v>0</v>
      </c>
      <c r="LY40" s="109">
        <v>0</v>
      </c>
      <c r="LZ40" s="109">
        <v>0</v>
      </c>
      <c r="MA40" s="109">
        <v>0</v>
      </c>
      <c r="MB40" s="109">
        <v>0</v>
      </c>
      <c r="MC40" s="109">
        <v>0</v>
      </c>
      <c r="MD40" s="110">
        <v>0</v>
      </c>
      <c r="ME40" s="111">
        <v>0</v>
      </c>
      <c r="MF40" s="129">
        <v>0</v>
      </c>
      <c r="MG40" s="109">
        <v>0</v>
      </c>
      <c r="MH40" s="110">
        <v>0</v>
      </c>
      <c r="MI40" s="470">
        <v>0</v>
      </c>
      <c r="MJ40" s="109">
        <v>216616</v>
      </c>
      <c r="MK40" s="109">
        <v>0</v>
      </c>
      <c r="ML40" s="109">
        <v>419448</v>
      </c>
      <c r="MM40" s="109">
        <v>265080</v>
      </c>
      <c r="MN40" s="109">
        <v>557112</v>
      </c>
      <c r="MO40" s="110">
        <v>1458256</v>
      </c>
      <c r="MP40" s="130">
        <v>1458256</v>
      </c>
      <c r="MQ40" s="129">
        <v>0</v>
      </c>
      <c r="MR40" s="109">
        <v>0</v>
      </c>
      <c r="MS40" s="110">
        <v>0</v>
      </c>
      <c r="MT40" s="470">
        <v>0</v>
      </c>
      <c r="MU40" s="109">
        <v>0</v>
      </c>
      <c r="MV40" s="109">
        <v>0</v>
      </c>
      <c r="MW40" s="109">
        <v>0</v>
      </c>
      <c r="MX40" s="109">
        <v>265080</v>
      </c>
      <c r="MY40" s="109">
        <v>557112</v>
      </c>
      <c r="MZ40" s="110">
        <v>822192</v>
      </c>
      <c r="NA40" s="130">
        <v>822192</v>
      </c>
      <c r="NB40" s="129">
        <v>0</v>
      </c>
      <c r="NC40" s="109">
        <v>0</v>
      </c>
      <c r="ND40" s="110">
        <v>0</v>
      </c>
      <c r="NE40" s="470">
        <v>0</v>
      </c>
      <c r="NF40" s="109">
        <v>216616</v>
      </c>
      <c r="NG40" s="109">
        <v>0</v>
      </c>
      <c r="NH40" s="109">
        <v>419448</v>
      </c>
      <c r="NI40" s="109">
        <v>0</v>
      </c>
      <c r="NJ40" s="109">
        <v>0</v>
      </c>
      <c r="NK40" s="110">
        <v>636064</v>
      </c>
      <c r="NL40" s="292">
        <v>636064</v>
      </c>
      <c r="NM40" s="129">
        <v>0</v>
      </c>
      <c r="NN40" s="109">
        <v>0</v>
      </c>
      <c r="NO40" s="110">
        <v>0</v>
      </c>
      <c r="NP40" s="470">
        <v>0</v>
      </c>
      <c r="NQ40" s="109">
        <v>0</v>
      </c>
      <c r="NR40" s="109">
        <v>0</v>
      </c>
      <c r="NS40" s="109">
        <v>0</v>
      </c>
      <c r="NT40" s="109">
        <v>0</v>
      </c>
      <c r="NU40" s="109">
        <v>0</v>
      </c>
      <c r="NV40" s="110">
        <v>0</v>
      </c>
      <c r="NW40" s="111">
        <v>0</v>
      </c>
      <c r="NX40" s="129">
        <v>0</v>
      </c>
      <c r="NY40" s="109">
        <v>0</v>
      </c>
      <c r="NZ40" s="110">
        <v>0</v>
      </c>
      <c r="OA40" s="470">
        <v>0</v>
      </c>
      <c r="OB40" s="109">
        <v>0</v>
      </c>
      <c r="OC40" s="109">
        <v>0</v>
      </c>
      <c r="OD40" s="109">
        <v>0</v>
      </c>
      <c r="OE40" s="109">
        <v>0</v>
      </c>
      <c r="OF40" s="109">
        <v>0</v>
      </c>
      <c r="OG40" s="110">
        <v>0</v>
      </c>
      <c r="OH40" s="111">
        <v>0</v>
      </c>
      <c r="OI40" s="129">
        <v>109424</v>
      </c>
      <c r="OJ40" s="109">
        <v>172367</v>
      </c>
      <c r="OK40" s="128">
        <v>281791</v>
      </c>
      <c r="OL40" s="108">
        <v>0</v>
      </c>
      <c r="OM40" s="109">
        <v>1764810</v>
      </c>
      <c r="ON40" s="109">
        <v>1039005</v>
      </c>
      <c r="OO40" s="109">
        <v>1374075</v>
      </c>
      <c r="OP40" s="109">
        <v>1756159</v>
      </c>
      <c r="OQ40" s="109">
        <v>823501</v>
      </c>
      <c r="OR40" s="110">
        <v>6757550</v>
      </c>
      <c r="OS40" s="130">
        <v>7039341</v>
      </c>
    </row>
    <row r="41" spans="2:409" ht="21" customHeight="1" x14ac:dyDescent="0.2">
      <c r="B41" s="437" t="s">
        <v>36</v>
      </c>
      <c r="C41" s="100">
        <v>42358</v>
      </c>
      <c r="D41" s="104">
        <v>78483</v>
      </c>
      <c r="E41" s="103">
        <v>120841</v>
      </c>
      <c r="F41" s="99">
        <v>0</v>
      </c>
      <c r="G41" s="104">
        <v>589180</v>
      </c>
      <c r="H41" s="104">
        <v>352193</v>
      </c>
      <c r="I41" s="104">
        <v>204270</v>
      </c>
      <c r="J41" s="104">
        <v>582159</v>
      </c>
      <c r="K41" s="104">
        <v>569289</v>
      </c>
      <c r="L41" s="156">
        <v>2297091</v>
      </c>
      <c r="M41" s="106">
        <v>2417932</v>
      </c>
      <c r="N41" s="100">
        <v>19840</v>
      </c>
      <c r="O41" s="104">
        <v>41187</v>
      </c>
      <c r="P41" s="103">
        <v>61027</v>
      </c>
      <c r="Q41" s="100">
        <v>0</v>
      </c>
      <c r="R41" s="104">
        <v>130516</v>
      </c>
      <c r="S41" s="104">
        <v>36626</v>
      </c>
      <c r="T41" s="104">
        <v>167150</v>
      </c>
      <c r="U41" s="104">
        <v>141779</v>
      </c>
      <c r="V41" s="104">
        <v>569289</v>
      </c>
      <c r="W41" s="103">
        <v>1045360</v>
      </c>
      <c r="X41" s="106">
        <v>1106387</v>
      </c>
      <c r="Y41" s="100">
        <v>0</v>
      </c>
      <c r="Z41" s="104">
        <v>0</v>
      </c>
      <c r="AA41" s="103">
        <v>0</v>
      </c>
      <c r="AB41" s="100">
        <v>0</v>
      </c>
      <c r="AC41" s="104">
        <v>52179</v>
      </c>
      <c r="AD41" s="104">
        <v>0</v>
      </c>
      <c r="AE41" s="104">
        <v>37028</v>
      </c>
      <c r="AF41" s="104">
        <v>0</v>
      </c>
      <c r="AG41" s="104">
        <v>547385</v>
      </c>
      <c r="AH41" s="103">
        <v>636592</v>
      </c>
      <c r="AI41" s="106">
        <v>636592</v>
      </c>
      <c r="AJ41" s="100">
        <v>0</v>
      </c>
      <c r="AK41" s="104">
        <v>0</v>
      </c>
      <c r="AL41" s="103">
        <v>0</v>
      </c>
      <c r="AM41" s="100">
        <v>0</v>
      </c>
      <c r="AN41" s="104">
        <v>0</v>
      </c>
      <c r="AO41" s="104">
        <v>0</v>
      </c>
      <c r="AP41" s="104">
        <v>0</v>
      </c>
      <c r="AQ41" s="104">
        <v>46716</v>
      </c>
      <c r="AR41" s="104">
        <v>0</v>
      </c>
      <c r="AS41" s="103">
        <v>46716</v>
      </c>
      <c r="AT41" s="106">
        <v>46716</v>
      </c>
      <c r="AU41" s="100">
        <v>19840</v>
      </c>
      <c r="AV41" s="104">
        <v>0</v>
      </c>
      <c r="AW41" s="103">
        <v>19840</v>
      </c>
      <c r="AX41" s="100">
        <v>0</v>
      </c>
      <c r="AY41" s="104">
        <v>42353</v>
      </c>
      <c r="AZ41" s="104">
        <v>0</v>
      </c>
      <c r="BA41" s="104">
        <v>104423</v>
      </c>
      <c r="BB41" s="104">
        <v>58708</v>
      </c>
      <c r="BC41" s="104">
        <v>0</v>
      </c>
      <c r="BD41" s="103">
        <v>205484</v>
      </c>
      <c r="BE41" s="106">
        <v>225324</v>
      </c>
      <c r="BF41" s="100">
        <v>0</v>
      </c>
      <c r="BG41" s="104">
        <v>41187</v>
      </c>
      <c r="BH41" s="102">
        <v>41187</v>
      </c>
      <c r="BI41" s="101">
        <v>0</v>
      </c>
      <c r="BJ41" s="104">
        <v>0</v>
      </c>
      <c r="BK41" s="104">
        <v>15698</v>
      </c>
      <c r="BL41" s="104">
        <v>20931</v>
      </c>
      <c r="BM41" s="104">
        <v>20931</v>
      </c>
      <c r="BN41" s="104">
        <v>0</v>
      </c>
      <c r="BO41" s="103">
        <v>57560</v>
      </c>
      <c r="BP41" s="106">
        <v>98747</v>
      </c>
      <c r="BQ41" s="100">
        <v>0</v>
      </c>
      <c r="BR41" s="104">
        <v>0</v>
      </c>
      <c r="BS41" s="103">
        <v>0</v>
      </c>
      <c r="BT41" s="100">
        <v>0</v>
      </c>
      <c r="BU41" s="104">
        <v>35984</v>
      </c>
      <c r="BV41" s="104">
        <v>20928</v>
      </c>
      <c r="BW41" s="104">
        <v>4768</v>
      </c>
      <c r="BX41" s="104">
        <v>15424</v>
      </c>
      <c r="BY41" s="104">
        <v>21904</v>
      </c>
      <c r="BZ41" s="103">
        <v>99008</v>
      </c>
      <c r="CA41" s="106">
        <v>99008</v>
      </c>
      <c r="CB41" s="100">
        <v>19318</v>
      </c>
      <c r="CC41" s="104">
        <v>37296</v>
      </c>
      <c r="CD41" s="103">
        <v>56614</v>
      </c>
      <c r="CE41" s="100">
        <v>0</v>
      </c>
      <c r="CF41" s="104">
        <v>84669</v>
      </c>
      <c r="CG41" s="104">
        <v>74683</v>
      </c>
      <c r="CH41" s="104">
        <v>0</v>
      </c>
      <c r="CI41" s="104">
        <v>75528</v>
      </c>
      <c r="CJ41" s="104">
        <v>0</v>
      </c>
      <c r="CK41" s="103">
        <v>234880</v>
      </c>
      <c r="CL41" s="106">
        <v>291494</v>
      </c>
      <c r="CM41" s="100">
        <v>0</v>
      </c>
      <c r="CN41" s="104">
        <v>0</v>
      </c>
      <c r="CO41" s="103">
        <v>0</v>
      </c>
      <c r="CP41" s="101">
        <v>0</v>
      </c>
      <c r="CQ41" s="104">
        <v>84669</v>
      </c>
      <c r="CR41" s="104">
        <v>74683</v>
      </c>
      <c r="CS41" s="104">
        <v>0</v>
      </c>
      <c r="CT41" s="104">
        <v>0</v>
      </c>
      <c r="CU41" s="104">
        <v>0</v>
      </c>
      <c r="CV41" s="103">
        <v>159352</v>
      </c>
      <c r="CW41" s="106">
        <v>159352</v>
      </c>
      <c r="CX41" s="100">
        <v>19318</v>
      </c>
      <c r="CY41" s="104">
        <v>37296</v>
      </c>
      <c r="CZ41" s="103">
        <v>56614</v>
      </c>
      <c r="DA41" s="100">
        <v>0</v>
      </c>
      <c r="DB41" s="104">
        <v>0</v>
      </c>
      <c r="DC41" s="104">
        <v>0</v>
      </c>
      <c r="DD41" s="104">
        <v>0</v>
      </c>
      <c r="DE41" s="104">
        <v>75528</v>
      </c>
      <c r="DF41" s="104">
        <v>0</v>
      </c>
      <c r="DG41" s="103">
        <v>75528</v>
      </c>
      <c r="DH41" s="106">
        <v>132142</v>
      </c>
      <c r="DI41" s="100">
        <v>0</v>
      </c>
      <c r="DJ41" s="104">
        <v>0</v>
      </c>
      <c r="DK41" s="102">
        <v>0</v>
      </c>
      <c r="DL41" s="101">
        <v>0</v>
      </c>
      <c r="DM41" s="104">
        <v>0</v>
      </c>
      <c r="DN41" s="104">
        <v>16483</v>
      </c>
      <c r="DO41" s="104">
        <v>0</v>
      </c>
      <c r="DP41" s="104">
        <v>259268</v>
      </c>
      <c r="DQ41" s="104">
        <v>0</v>
      </c>
      <c r="DR41" s="103">
        <v>275751</v>
      </c>
      <c r="DS41" s="106">
        <v>275751</v>
      </c>
      <c r="DT41" s="100">
        <v>0</v>
      </c>
      <c r="DU41" s="104">
        <v>0</v>
      </c>
      <c r="DV41" s="103">
        <v>0</v>
      </c>
      <c r="DW41" s="100">
        <v>0</v>
      </c>
      <c r="DX41" s="104">
        <v>0</v>
      </c>
      <c r="DY41" s="104">
        <v>16483</v>
      </c>
      <c r="DZ41" s="104">
        <v>0</v>
      </c>
      <c r="EA41" s="104">
        <v>259268</v>
      </c>
      <c r="EB41" s="104">
        <v>0</v>
      </c>
      <c r="EC41" s="103">
        <v>275751</v>
      </c>
      <c r="ED41" s="106">
        <v>275751</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06">
        <v>0</v>
      </c>
      <c r="FE41" s="104">
        <v>0</v>
      </c>
      <c r="FF41" s="104">
        <v>0</v>
      </c>
      <c r="FG41" s="104">
        <v>0</v>
      </c>
      <c r="FH41" s="104">
        <v>0</v>
      </c>
      <c r="FI41" s="104">
        <v>0</v>
      </c>
      <c r="FJ41" s="103">
        <v>0</v>
      </c>
      <c r="FK41" s="106">
        <v>0</v>
      </c>
      <c r="FL41" s="100">
        <v>3200</v>
      </c>
      <c r="FM41" s="104">
        <v>0</v>
      </c>
      <c r="FN41" s="103">
        <v>3200</v>
      </c>
      <c r="FO41" s="100">
        <v>0</v>
      </c>
      <c r="FP41" s="104">
        <v>55280</v>
      </c>
      <c r="FQ41" s="104">
        <v>49040</v>
      </c>
      <c r="FR41" s="104">
        <v>37120</v>
      </c>
      <c r="FS41" s="104">
        <v>105584</v>
      </c>
      <c r="FT41" s="104">
        <v>0</v>
      </c>
      <c r="FU41" s="103">
        <v>247024</v>
      </c>
      <c r="FV41" s="106">
        <v>250224</v>
      </c>
      <c r="FW41" s="105">
        <v>3200</v>
      </c>
      <c r="FX41" s="104">
        <v>0</v>
      </c>
      <c r="FY41" s="102">
        <v>3200</v>
      </c>
      <c r="FZ41" s="101">
        <v>0</v>
      </c>
      <c r="GA41" s="104">
        <v>55280</v>
      </c>
      <c r="GB41" s="104">
        <v>49040</v>
      </c>
      <c r="GC41" s="104">
        <v>37120</v>
      </c>
      <c r="GD41" s="104">
        <v>81824</v>
      </c>
      <c r="GE41" s="104">
        <v>0</v>
      </c>
      <c r="GF41" s="103">
        <v>223264</v>
      </c>
      <c r="GG41" s="290">
        <v>226464</v>
      </c>
      <c r="GH41" s="105">
        <v>0</v>
      </c>
      <c r="GI41" s="104">
        <v>0</v>
      </c>
      <c r="GJ41" s="102">
        <v>0</v>
      </c>
      <c r="GK41" s="101">
        <v>0</v>
      </c>
      <c r="GL41" s="104">
        <v>0</v>
      </c>
      <c r="GM41" s="104">
        <v>0</v>
      </c>
      <c r="GN41" s="104">
        <v>0</v>
      </c>
      <c r="GO41" s="104">
        <v>23760</v>
      </c>
      <c r="GP41" s="104">
        <v>0</v>
      </c>
      <c r="GQ41" s="103">
        <v>23760</v>
      </c>
      <c r="GR41" s="106">
        <v>23760</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318715</v>
      </c>
      <c r="HI41" s="104">
        <v>175361</v>
      </c>
      <c r="HJ41" s="104">
        <v>0</v>
      </c>
      <c r="HK41" s="104">
        <v>0</v>
      </c>
      <c r="HL41" s="104">
        <v>0</v>
      </c>
      <c r="HM41" s="103">
        <v>494076</v>
      </c>
      <c r="HN41" s="99">
        <v>494076</v>
      </c>
      <c r="HO41" s="456">
        <v>0</v>
      </c>
      <c r="HP41" s="457">
        <v>0</v>
      </c>
      <c r="HQ41" s="458">
        <v>0</v>
      </c>
      <c r="HR41" s="459">
        <v>0</v>
      </c>
      <c r="HS41" s="457">
        <v>0</v>
      </c>
      <c r="HT41" s="457">
        <v>0</v>
      </c>
      <c r="HU41" s="457">
        <v>0</v>
      </c>
      <c r="HV41" s="457">
        <v>0</v>
      </c>
      <c r="HW41" s="457">
        <v>0</v>
      </c>
      <c r="HX41" s="460">
        <v>0</v>
      </c>
      <c r="HY41" s="461">
        <v>0</v>
      </c>
      <c r="HZ41" s="118">
        <v>0</v>
      </c>
      <c r="IA41" s="119">
        <v>0</v>
      </c>
      <c r="IB41" s="120">
        <v>0</v>
      </c>
      <c r="IC41" s="131">
        <v>0</v>
      </c>
      <c r="ID41" s="119">
        <v>75628</v>
      </c>
      <c r="IE41" s="132">
        <v>33481</v>
      </c>
      <c r="IF41" s="120">
        <v>0</v>
      </c>
      <c r="IG41" s="119">
        <v>343193</v>
      </c>
      <c r="IH41" s="120">
        <v>0</v>
      </c>
      <c r="II41" s="133">
        <v>452302</v>
      </c>
      <c r="IJ41" s="126">
        <v>452302</v>
      </c>
      <c r="IK41" s="215">
        <v>0</v>
      </c>
      <c r="IL41" s="219">
        <v>0</v>
      </c>
      <c r="IM41" s="220">
        <v>0</v>
      </c>
      <c r="IN41" s="470">
        <v>0</v>
      </c>
      <c r="IO41" s="109">
        <v>0</v>
      </c>
      <c r="IP41" s="109">
        <v>0</v>
      </c>
      <c r="IQ41" s="109">
        <v>0</v>
      </c>
      <c r="IR41" s="109">
        <v>0</v>
      </c>
      <c r="IS41" s="109">
        <v>0</v>
      </c>
      <c r="IT41" s="128">
        <v>0</v>
      </c>
      <c r="IU41" s="292">
        <v>0</v>
      </c>
      <c r="IV41" s="129">
        <v>0</v>
      </c>
      <c r="IW41" s="109">
        <v>0</v>
      </c>
      <c r="IX41" s="110">
        <v>0</v>
      </c>
      <c r="IY41" s="470">
        <v>0</v>
      </c>
      <c r="IZ41" s="109">
        <v>0</v>
      </c>
      <c r="JA41" s="109">
        <v>0</v>
      </c>
      <c r="JB41" s="109">
        <v>0</v>
      </c>
      <c r="JC41" s="109">
        <v>0</v>
      </c>
      <c r="JD41" s="109">
        <v>0</v>
      </c>
      <c r="JE41" s="110">
        <v>0</v>
      </c>
      <c r="JF41" s="111">
        <v>0</v>
      </c>
      <c r="JG41" s="129">
        <v>0</v>
      </c>
      <c r="JH41" s="109">
        <v>0</v>
      </c>
      <c r="JI41" s="128">
        <v>0</v>
      </c>
      <c r="JJ41" s="108">
        <v>0</v>
      </c>
      <c r="JK41" s="109">
        <v>75628</v>
      </c>
      <c r="JL41" s="109">
        <v>33481</v>
      </c>
      <c r="JM41" s="109">
        <v>0</v>
      </c>
      <c r="JN41" s="109">
        <v>83532</v>
      </c>
      <c r="JO41" s="109">
        <v>0</v>
      </c>
      <c r="JP41" s="110">
        <v>192641</v>
      </c>
      <c r="JQ41" s="292">
        <v>192641</v>
      </c>
      <c r="JR41" s="129">
        <v>0</v>
      </c>
      <c r="JS41" s="109">
        <v>0</v>
      </c>
      <c r="JT41" s="128">
        <v>0</v>
      </c>
      <c r="JU41" s="108">
        <v>0</v>
      </c>
      <c r="JV41" s="109">
        <v>0</v>
      </c>
      <c r="JW41" s="109">
        <v>0</v>
      </c>
      <c r="JX41" s="109">
        <v>0</v>
      </c>
      <c r="JY41" s="109">
        <v>0</v>
      </c>
      <c r="JZ41" s="109">
        <v>0</v>
      </c>
      <c r="KA41" s="110">
        <v>0</v>
      </c>
      <c r="KB41" s="292">
        <v>0</v>
      </c>
      <c r="KC41" s="217">
        <v>0</v>
      </c>
      <c r="KD41" s="213">
        <v>0</v>
      </c>
      <c r="KE41" s="110">
        <v>0</v>
      </c>
      <c r="KF41" s="108">
        <v>0</v>
      </c>
      <c r="KG41" s="109">
        <v>0</v>
      </c>
      <c r="KH41" s="109">
        <v>0</v>
      </c>
      <c r="KI41" s="109">
        <v>0</v>
      </c>
      <c r="KJ41" s="109">
        <v>0</v>
      </c>
      <c r="KK41" s="109">
        <v>0</v>
      </c>
      <c r="KL41" s="110">
        <v>0</v>
      </c>
      <c r="KM41" s="130">
        <v>0</v>
      </c>
      <c r="KN41" s="215">
        <v>0</v>
      </c>
      <c r="KO41" s="219">
        <v>0</v>
      </c>
      <c r="KP41" s="220">
        <v>0</v>
      </c>
      <c r="KQ41" s="470">
        <v>0</v>
      </c>
      <c r="KR41" s="109">
        <v>0</v>
      </c>
      <c r="KS41" s="109">
        <v>0</v>
      </c>
      <c r="KT41" s="109">
        <v>0</v>
      </c>
      <c r="KU41" s="109">
        <v>259661</v>
      </c>
      <c r="KV41" s="109">
        <v>0</v>
      </c>
      <c r="KW41" s="110">
        <v>259661</v>
      </c>
      <c r="KX41" s="292">
        <v>259661</v>
      </c>
      <c r="KY41" s="129">
        <v>0</v>
      </c>
      <c r="KZ41" s="109">
        <v>0</v>
      </c>
      <c r="LA41" s="110">
        <v>0</v>
      </c>
      <c r="LB41" s="470">
        <v>0</v>
      </c>
      <c r="LC41" s="109">
        <v>0</v>
      </c>
      <c r="LD41" s="109">
        <v>0</v>
      </c>
      <c r="LE41" s="109">
        <v>0</v>
      </c>
      <c r="LF41" s="109">
        <v>0</v>
      </c>
      <c r="LG41" s="109">
        <v>0</v>
      </c>
      <c r="LH41" s="110">
        <v>0</v>
      </c>
      <c r="LI41" s="111">
        <v>0</v>
      </c>
      <c r="LJ41" s="129">
        <v>0</v>
      </c>
      <c r="LK41" s="109">
        <v>0</v>
      </c>
      <c r="LL41" s="110">
        <v>0</v>
      </c>
      <c r="LM41" s="470">
        <v>0</v>
      </c>
      <c r="LN41" s="109">
        <v>0</v>
      </c>
      <c r="LO41" s="109">
        <v>0</v>
      </c>
      <c r="LP41" s="109">
        <v>0</v>
      </c>
      <c r="LQ41" s="109">
        <v>0</v>
      </c>
      <c r="LR41" s="109">
        <v>0</v>
      </c>
      <c r="LS41" s="110">
        <v>0</v>
      </c>
      <c r="LT41" s="292">
        <v>0</v>
      </c>
      <c r="LU41" s="129">
        <v>0</v>
      </c>
      <c r="LV41" s="109">
        <v>0</v>
      </c>
      <c r="LW41" s="110">
        <v>0</v>
      </c>
      <c r="LX41" s="470">
        <v>0</v>
      </c>
      <c r="LY41" s="109">
        <v>0</v>
      </c>
      <c r="LZ41" s="109">
        <v>0</v>
      </c>
      <c r="MA41" s="109">
        <v>0</v>
      </c>
      <c r="MB41" s="109">
        <v>0</v>
      </c>
      <c r="MC41" s="109">
        <v>0</v>
      </c>
      <c r="MD41" s="110">
        <v>0</v>
      </c>
      <c r="ME41" s="111">
        <v>0</v>
      </c>
      <c r="MF41" s="129">
        <v>0</v>
      </c>
      <c r="MG41" s="109">
        <v>0</v>
      </c>
      <c r="MH41" s="110">
        <v>0</v>
      </c>
      <c r="MI41" s="470">
        <v>0</v>
      </c>
      <c r="MJ41" s="109">
        <v>0</v>
      </c>
      <c r="MK41" s="109">
        <v>0</v>
      </c>
      <c r="ML41" s="109">
        <v>0</v>
      </c>
      <c r="MM41" s="109">
        <v>652809</v>
      </c>
      <c r="MN41" s="109">
        <v>703706</v>
      </c>
      <c r="MO41" s="110">
        <v>1356515</v>
      </c>
      <c r="MP41" s="130">
        <v>1356515</v>
      </c>
      <c r="MQ41" s="129">
        <v>0</v>
      </c>
      <c r="MR41" s="109">
        <v>0</v>
      </c>
      <c r="MS41" s="110">
        <v>0</v>
      </c>
      <c r="MT41" s="470">
        <v>0</v>
      </c>
      <c r="MU41" s="109">
        <v>0</v>
      </c>
      <c r="MV41" s="109">
        <v>0</v>
      </c>
      <c r="MW41" s="109">
        <v>0</v>
      </c>
      <c r="MX41" s="109">
        <v>372700</v>
      </c>
      <c r="MY41" s="109">
        <v>339115</v>
      </c>
      <c r="MZ41" s="110">
        <v>711815</v>
      </c>
      <c r="NA41" s="130">
        <v>711815</v>
      </c>
      <c r="NB41" s="129">
        <v>0</v>
      </c>
      <c r="NC41" s="109">
        <v>0</v>
      </c>
      <c r="ND41" s="110">
        <v>0</v>
      </c>
      <c r="NE41" s="470">
        <v>0</v>
      </c>
      <c r="NF41" s="109">
        <v>0</v>
      </c>
      <c r="NG41" s="109">
        <v>0</v>
      </c>
      <c r="NH41" s="109">
        <v>0</v>
      </c>
      <c r="NI41" s="109">
        <v>280109</v>
      </c>
      <c r="NJ41" s="109">
        <v>364591</v>
      </c>
      <c r="NK41" s="110">
        <v>644700</v>
      </c>
      <c r="NL41" s="292">
        <v>644700</v>
      </c>
      <c r="NM41" s="129">
        <v>0</v>
      </c>
      <c r="NN41" s="109">
        <v>0</v>
      </c>
      <c r="NO41" s="110">
        <v>0</v>
      </c>
      <c r="NP41" s="470">
        <v>0</v>
      </c>
      <c r="NQ41" s="109">
        <v>0</v>
      </c>
      <c r="NR41" s="109">
        <v>0</v>
      </c>
      <c r="NS41" s="109">
        <v>0</v>
      </c>
      <c r="NT41" s="109">
        <v>0</v>
      </c>
      <c r="NU41" s="109">
        <v>0</v>
      </c>
      <c r="NV41" s="110">
        <v>0</v>
      </c>
      <c r="NW41" s="111">
        <v>0</v>
      </c>
      <c r="NX41" s="129">
        <v>0</v>
      </c>
      <c r="NY41" s="109">
        <v>0</v>
      </c>
      <c r="NZ41" s="110">
        <v>0</v>
      </c>
      <c r="OA41" s="470">
        <v>0</v>
      </c>
      <c r="OB41" s="109">
        <v>0</v>
      </c>
      <c r="OC41" s="109">
        <v>0</v>
      </c>
      <c r="OD41" s="109">
        <v>0</v>
      </c>
      <c r="OE41" s="109">
        <v>0</v>
      </c>
      <c r="OF41" s="109">
        <v>0</v>
      </c>
      <c r="OG41" s="110">
        <v>0</v>
      </c>
      <c r="OH41" s="111">
        <v>0</v>
      </c>
      <c r="OI41" s="129">
        <v>42358</v>
      </c>
      <c r="OJ41" s="109">
        <v>78483</v>
      </c>
      <c r="OK41" s="128">
        <v>120841</v>
      </c>
      <c r="OL41" s="108">
        <v>0</v>
      </c>
      <c r="OM41" s="109">
        <v>664808</v>
      </c>
      <c r="ON41" s="109">
        <v>385674</v>
      </c>
      <c r="OO41" s="109">
        <v>204270</v>
      </c>
      <c r="OP41" s="109">
        <v>1578161</v>
      </c>
      <c r="OQ41" s="109">
        <v>1272995</v>
      </c>
      <c r="OR41" s="110">
        <v>4105908</v>
      </c>
      <c r="OS41" s="130">
        <v>4226749</v>
      </c>
    </row>
    <row r="42" spans="2:409" ht="21" customHeight="1" thickBot="1" x14ac:dyDescent="0.25">
      <c r="B42" s="438" t="s">
        <v>37</v>
      </c>
      <c r="C42" s="107">
        <v>0</v>
      </c>
      <c r="D42" s="161">
        <v>0</v>
      </c>
      <c r="E42" s="162">
        <v>0</v>
      </c>
      <c r="F42" s="163">
        <v>0</v>
      </c>
      <c r="G42" s="161">
        <v>17769</v>
      </c>
      <c r="H42" s="161">
        <v>109938</v>
      </c>
      <c r="I42" s="161">
        <v>60325</v>
      </c>
      <c r="J42" s="161">
        <v>0</v>
      </c>
      <c r="K42" s="161">
        <v>0</v>
      </c>
      <c r="L42" s="163">
        <v>188032</v>
      </c>
      <c r="M42" s="164">
        <v>188032</v>
      </c>
      <c r="N42" s="107">
        <v>0</v>
      </c>
      <c r="O42" s="161">
        <v>0</v>
      </c>
      <c r="P42" s="162">
        <v>0</v>
      </c>
      <c r="Q42" s="107">
        <v>0</v>
      </c>
      <c r="R42" s="161">
        <v>0</v>
      </c>
      <c r="S42" s="161">
        <v>0</v>
      </c>
      <c r="T42" s="161">
        <v>0</v>
      </c>
      <c r="U42" s="161">
        <v>0</v>
      </c>
      <c r="V42" s="161">
        <v>0</v>
      </c>
      <c r="W42" s="162">
        <v>0</v>
      </c>
      <c r="X42" s="164">
        <v>0</v>
      </c>
      <c r="Y42" s="107">
        <v>0</v>
      </c>
      <c r="Z42" s="161">
        <v>0</v>
      </c>
      <c r="AA42" s="162">
        <v>0</v>
      </c>
      <c r="AB42" s="107">
        <v>0</v>
      </c>
      <c r="AC42" s="161">
        <v>0</v>
      </c>
      <c r="AD42" s="161">
        <v>0</v>
      </c>
      <c r="AE42" s="161">
        <v>0</v>
      </c>
      <c r="AF42" s="161">
        <v>0</v>
      </c>
      <c r="AG42" s="161">
        <v>0</v>
      </c>
      <c r="AH42" s="162">
        <v>0</v>
      </c>
      <c r="AI42" s="164">
        <v>0</v>
      </c>
      <c r="AJ42" s="107">
        <v>0</v>
      </c>
      <c r="AK42" s="161">
        <v>0</v>
      </c>
      <c r="AL42" s="162">
        <v>0</v>
      </c>
      <c r="AM42" s="107">
        <v>0</v>
      </c>
      <c r="AN42" s="161">
        <v>0</v>
      </c>
      <c r="AO42" s="161">
        <v>0</v>
      </c>
      <c r="AP42" s="161">
        <v>0</v>
      </c>
      <c r="AQ42" s="161">
        <v>0</v>
      </c>
      <c r="AR42" s="161">
        <v>0</v>
      </c>
      <c r="AS42" s="162">
        <v>0</v>
      </c>
      <c r="AT42" s="164">
        <v>0</v>
      </c>
      <c r="AU42" s="107">
        <v>0</v>
      </c>
      <c r="AV42" s="161">
        <v>0</v>
      </c>
      <c r="AW42" s="162">
        <v>0</v>
      </c>
      <c r="AX42" s="107">
        <v>0</v>
      </c>
      <c r="AY42" s="161">
        <v>0</v>
      </c>
      <c r="AZ42" s="161">
        <v>0</v>
      </c>
      <c r="BA42" s="161">
        <v>0</v>
      </c>
      <c r="BB42" s="161">
        <v>0</v>
      </c>
      <c r="BC42" s="161">
        <v>0</v>
      </c>
      <c r="BD42" s="162">
        <v>0</v>
      </c>
      <c r="BE42" s="164">
        <v>0</v>
      </c>
      <c r="BF42" s="107">
        <v>0</v>
      </c>
      <c r="BG42" s="161">
        <v>0</v>
      </c>
      <c r="BH42" s="166">
        <v>0</v>
      </c>
      <c r="BI42" s="165">
        <v>0</v>
      </c>
      <c r="BJ42" s="161">
        <v>0</v>
      </c>
      <c r="BK42" s="161">
        <v>0</v>
      </c>
      <c r="BL42" s="161">
        <v>0</v>
      </c>
      <c r="BM42" s="161">
        <v>0</v>
      </c>
      <c r="BN42" s="161">
        <v>0</v>
      </c>
      <c r="BO42" s="162">
        <v>0</v>
      </c>
      <c r="BP42" s="164">
        <v>0</v>
      </c>
      <c r="BQ42" s="107">
        <v>0</v>
      </c>
      <c r="BR42" s="161">
        <v>0</v>
      </c>
      <c r="BS42" s="162">
        <v>0</v>
      </c>
      <c r="BT42" s="107">
        <v>0</v>
      </c>
      <c r="BU42" s="161">
        <v>0</v>
      </c>
      <c r="BV42" s="161">
        <v>0</v>
      </c>
      <c r="BW42" s="161">
        <v>0</v>
      </c>
      <c r="BX42" s="161">
        <v>0</v>
      </c>
      <c r="BY42" s="161">
        <v>0</v>
      </c>
      <c r="BZ42" s="162">
        <v>0</v>
      </c>
      <c r="CA42" s="164">
        <v>0</v>
      </c>
      <c r="CB42" s="107">
        <v>0</v>
      </c>
      <c r="CC42" s="161">
        <v>0</v>
      </c>
      <c r="CD42" s="162">
        <v>0</v>
      </c>
      <c r="CE42" s="107">
        <v>0</v>
      </c>
      <c r="CF42" s="161">
        <v>16569</v>
      </c>
      <c r="CG42" s="161">
        <v>90930</v>
      </c>
      <c r="CH42" s="161">
        <v>53205</v>
      </c>
      <c r="CI42" s="161">
        <v>0</v>
      </c>
      <c r="CJ42" s="161">
        <v>0</v>
      </c>
      <c r="CK42" s="162">
        <v>160704</v>
      </c>
      <c r="CL42" s="164">
        <v>160704</v>
      </c>
      <c r="CM42" s="107">
        <v>0</v>
      </c>
      <c r="CN42" s="161">
        <v>0</v>
      </c>
      <c r="CO42" s="162">
        <v>0</v>
      </c>
      <c r="CP42" s="165">
        <v>0</v>
      </c>
      <c r="CQ42" s="161">
        <v>0</v>
      </c>
      <c r="CR42" s="161">
        <v>90930</v>
      </c>
      <c r="CS42" s="161">
        <v>0</v>
      </c>
      <c r="CT42" s="161">
        <v>0</v>
      </c>
      <c r="CU42" s="161">
        <v>0</v>
      </c>
      <c r="CV42" s="162">
        <v>90930</v>
      </c>
      <c r="CW42" s="164">
        <v>90930</v>
      </c>
      <c r="CX42" s="107">
        <v>0</v>
      </c>
      <c r="CY42" s="161">
        <v>0</v>
      </c>
      <c r="CZ42" s="162">
        <v>0</v>
      </c>
      <c r="DA42" s="107">
        <v>0</v>
      </c>
      <c r="DB42" s="161">
        <v>16569</v>
      </c>
      <c r="DC42" s="161">
        <v>0</v>
      </c>
      <c r="DD42" s="161">
        <v>53205</v>
      </c>
      <c r="DE42" s="161">
        <v>0</v>
      </c>
      <c r="DF42" s="161">
        <v>0</v>
      </c>
      <c r="DG42" s="162">
        <v>69774</v>
      </c>
      <c r="DH42" s="164">
        <v>69774</v>
      </c>
      <c r="DI42" s="107">
        <v>0</v>
      </c>
      <c r="DJ42" s="161">
        <v>0</v>
      </c>
      <c r="DK42" s="166">
        <v>0</v>
      </c>
      <c r="DL42" s="165">
        <v>0</v>
      </c>
      <c r="DM42" s="161">
        <v>0</v>
      </c>
      <c r="DN42" s="161">
        <v>0</v>
      </c>
      <c r="DO42" s="161">
        <v>0</v>
      </c>
      <c r="DP42" s="161">
        <v>0</v>
      </c>
      <c r="DQ42" s="161">
        <v>0</v>
      </c>
      <c r="DR42" s="162">
        <v>0</v>
      </c>
      <c r="DS42" s="164">
        <v>0</v>
      </c>
      <c r="DT42" s="107">
        <v>0</v>
      </c>
      <c r="DU42" s="161">
        <v>0</v>
      </c>
      <c r="DV42" s="162">
        <v>0</v>
      </c>
      <c r="DW42" s="107">
        <v>0</v>
      </c>
      <c r="DX42" s="161">
        <v>0</v>
      </c>
      <c r="DY42" s="161">
        <v>0</v>
      </c>
      <c r="DZ42" s="161">
        <v>0</v>
      </c>
      <c r="EA42" s="161">
        <v>0</v>
      </c>
      <c r="EB42" s="161">
        <v>0</v>
      </c>
      <c r="EC42" s="162">
        <v>0</v>
      </c>
      <c r="ED42" s="164">
        <v>0</v>
      </c>
      <c r="EE42" s="107">
        <v>0</v>
      </c>
      <c r="EF42" s="166">
        <v>0</v>
      </c>
      <c r="EG42" s="162">
        <v>0</v>
      </c>
      <c r="EH42" s="107">
        <v>0</v>
      </c>
      <c r="EI42" s="161">
        <v>0</v>
      </c>
      <c r="EJ42" s="161">
        <v>0</v>
      </c>
      <c r="EK42" s="161">
        <v>0</v>
      </c>
      <c r="EL42" s="161">
        <v>0</v>
      </c>
      <c r="EM42" s="161">
        <v>0</v>
      </c>
      <c r="EN42" s="166">
        <v>0</v>
      </c>
      <c r="EO42" s="164">
        <v>0</v>
      </c>
      <c r="EP42" s="107">
        <v>0</v>
      </c>
      <c r="EQ42" s="161">
        <v>0</v>
      </c>
      <c r="ER42" s="166">
        <v>0</v>
      </c>
      <c r="ES42" s="165">
        <v>0</v>
      </c>
      <c r="ET42" s="161">
        <v>0</v>
      </c>
      <c r="EU42" s="161">
        <v>0</v>
      </c>
      <c r="EV42" s="161">
        <v>0</v>
      </c>
      <c r="EW42" s="161">
        <v>0</v>
      </c>
      <c r="EX42" s="161">
        <v>0</v>
      </c>
      <c r="EY42" s="162">
        <v>0</v>
      </c>
      <c r="EZ42" s="164">
        <v>0</v>
      </c>
      <c r="FA42" s="107">
        <v>0</v>
      </c>
      <c r="FB42" s="161">
        <v>0</v>
      </c>
      <c r="FC42" s="166">
        <v>0</v>
      </c>
      <c r="FD42" s="307">
        <v>0</v>
      </c>
      <c r="FE42" s="161">
        <v>0</v>
      </c>
      <c r="FF42" s="161">
        <v>0</v>
      </c>
      <c r="FG42" s="161">
        <v>0</v>
      </c>
      <c r="FH42" s="161">
        <v>0</v>
      </c>
      <c r="FI42" s="161">
        <v>0</v>
      </c>
      <c r="FJ42" s="162">
        <v>0</v>
      </c>
      <c r="FK42" s="164">
        <v>0</v>
      </c>
      <c r="FL42" s="107">
        <v>0</v>
      </c>
      <c r="FM42" s="161">
        <v>0</v>
      </c>
      <c r="FN42" s="162">
        <v>0</v>
      </c>
      <c r="FO42" s="107">
        <v>0</v>
      </c>
      <c r="FP42" s="161">
        <v>1200</v>
      </c>
      <c r="FQ42" s="161">
        <v>19008</v>
      </c>
      <c r="FR42" s="161">
        <v>7120</v>
      </c>
      <c r="FS42" s="161">
        <v>0</v>
      </c>
      <c r="FT42" s="161">
        <v>0</v>
      </c>
      <c r="FU42" s="162">
        <v>27328</v>
      </c>
      <c r="FV42" s="164">
        <v>27328</v>
      </c>
      <c r="FW42" s="167">
        <v>0</v>
      </c>
      <c r="FX42" s="161">
        <v>0</v>
      </c>
      <c r="FY42" s="166">
        <v>0</v>
      </c>
      <c r="FZ42" s="165">
        <v>0</v>
      </c>
      <c r="GA42" s="161">
        <v>1200</v>
      </c>
      <c r="GB42" s="161">
        <v>19008</v>
      </c>
      <c r="GC42" s="161">
        <v>0</v>
      </c>
      <c r="GD42" s="161">
        <v>0</v>
      </c>
      <c r="GE42" s="161">
        <v>0</v>
      </c>
      <c r="GF42" s="162">
        <v>20208</v>
      </c>
      <c r="GG42" s="291">
        <v>20208</v>
      </c>
      <c r="GH42" s="167">
        <v>0</v>
      </c>
      <c r="GI42" s="161">
        <v>0</v>
      </c>
      <c r="GJ42" s="166">
        <v>0</v>
      </c>
      <c r="GK42" s="165">
        <v>0</v>
      </c>
      <c r="GL42" s="161">
        <v>0</v>
      </c>
      <c r="GM42" s="161">
        <v>0</v>
      </c>
      <c r="GN42" s="161">
        <v>7120</v>
      </c>
      <c r="GO42" s="161">
        <v>0</v>
      </c>
      <c r="GP42" s="161">
        <v>0</v>
      </c>
      <c r="GQ42" s="162">
        <v>7120</v>
      </c>
      <c r="GR42" s="164">
        <v>7120</v>
      </c>
      <c r="GS42" s="107">
        <v>0</v>
      </c>
      <c r="GT42" s="161">
        <v>0</v>
      </c>
      <c r="GU42" s="162">
        <v>0</v>
      </c>
      <c r="GV42" s="107">
        <v>0</v>
      </c>
      <c r="GW42" s="161">
        <v>0</v>
      </c>
      <c r="GX42" s="161">
        <v>0</v>
      </c>
      <c r="GY42" s="161">
        <v>0</v>
      </c>
      <c r="GZ42" s="161">
        <v>0</v>
      </c>
      <c r="HA42" s="161">
        <v>0</v>
      </c>
      <c r="HB42" s="166">
        <v>0</v>
      </c>
      <c r="HC42" s="164">
        <v>0</v>
      </c>
      <c r="HD42" s="107">
        <v>0</v>
      </c>
      <c r="HE42" s="161">
        <v>0</v>
      </c>
      <c r="HF42" s="166">
        <v>0</v>
      </c>
      <c r="HG42" s="165">
        <v>0</v>
      </c>
      <c r="HH42" s="161">
        <v>0</v>
      </c>
      <c r="HI42" s="161">
        <v>0</v>
      </c>
      <c r="HJ42" s="161">
        <v>0</v>
      </c>
      <c r="HK42" s="161">
        <v>0</v>
      </c>
      <c r="HL42" s="161">
        <v>0</v>
      </c>
      <c r="HM42" s="162">
        <v>0</v>
      </c>
      <c r="HN42" s="163">
        <v>0</v>
      </c>
      <c r="HO42" s="462">
        <v>0</v>
      </c>
      <c r="HP42" s="463">
        <v>0</v>
      </c>
      <c r="HQ42" s="464">
        <v>0</v>
      </c>
      <c r="HR42" s="465">
        <v>0</v>
      </c>
      <c r="HS42" s="463">
        <v>0</v>
      </c>
      <c r="HT42" s="463">
        <v>0</v>
      </c>
      <c r="HU42" s="463">
        <v>0</v>
      </c>
      <c r="HV42" s="463">
        <v>0</v>
      </c>
      <c r="HW42" s="463">
        <v>0</v>
      </c>
      <c r="HX42" s="466">
        <v>0</v>
      </c>
      <c r="HY42" s="467">
        <v>0</v>
      </c>
      <c r="HZ42" s="136">
        <v>0</v>
      </c>
      <c r="IA42" s="137">
        <v>0</v>
      </c>
      <c r="IB42" s="138">
        <v>0</v>
      </c>
      <c r="IC42" s="139">
        <v>0</v>
      </c>
      <c r="ID42" s="140">
        <v>0</v>
      </c>
      <c r="IE42" s="141">
        <v>0</v>
      </c>
      <c r="IF42" s="142">
        <v>0</v>
      </c>
      <c r="IG42" s="140">
        <v>0</v>
      </c>
      <c r="IH42" s="142">
        <v>0</v>
      </c>
      <c r="II42" s="143">
        <v>0</v>
      </c>
      <c r="IJ42" s="144">
        <v>0</v>
      </c>
      <c r="IK42" s="216">
        <v>0</v>
      </c>
      <c r="IL42" s="221">
        <v>0</v>
      </c>
      <c r="IM42" s="222">
        <v>0</v>
      </c>
      <c r="IN42" s="471">
        <v>0</v>
      </c>
      <c r="IO42" s="146">
        <v>0</v>
      </c>
      <c r="IP42" s="146">
        <v>0</v>
      </c>
      <c r="IQ42" s="146">
        <v>0</v>
      </c>
      <c r="IR42" s="146">
        <v>0</v>
      </c>
      <c r="IS42" s="146">
        <v>0</v>
      </c>
      <c r="IT42" s="147">
        <v>0</v>
      </c>
      <c r="IU42" s="293">
        <v>0</v>
      </c>
      <c r="IV42" s="148">
        <v>0</v>
      </c>
      <c r="IW42" s="146">
        <v>0</v>
      </c>
      <c r="IX42" s="150">
        <v>0</v>
      </c>
      <c r="IY42" s="471">
        <v>0</v>
      </c>
      <c r="IZ42" s="146">
        <v>0</v>
      </c>
      <c r="JA42" s="146">
        <v>0</v>
      </c>
      <c r="JB42" s="146">
        <v>0</v>
      </c>
      <c r="JC42" s="146">
        <v>0</v>
      </c>
      <c r="JD42" s="146">
        <v>0</v>
      </c>
      <c r="JE42" s="150">
        <v>0</v>
      </c>
      <c r="JF42" s="151">
        <v>0</v>
      </c>
      <c r="JG42" s="148">
        <v>0</v>
      </c>
      <c r="JH42" s="146">
        <v>0</v>
      </c>
      <c r="JI42" s="147">
        <v>0</v>
      </c>
      <c r="JJ42" s="149">
        <v>0</v>
      </c>
      <c r="JK42" s="146">
        <v>0</v>
      </c>
      <c r="JL42" s="146">
        <v>0</v>
      </c>
      <c r="JM42" s="146">
        <v>0</v>
      </c>
      <c r="JN42" s="146">
        <v>0</v>
      </c>
      <c r="JO42" s="146">
        <v>0</v>
      </c>
      <c r="JP42" s="150">
        <v>0</v>
      </c>
      <c r="JQ42" s="293">
        <v>0</v>
      </c>
      <c r="JR42" s="148">
        <v>0</v>
      </c>
      <c r="JS42" s="146">
        <v>0</v>
      </c>
      <c r="JT42" s="147">
        <v>0</v>
      </c>
      <c r="JU42" s="149">
        <v>0</v>
      </c>
      <c r="JV42" s="146">
        <v>0</v>
      </c>
      <c r="JW42" s="146">
        <v>0</v>
      </c>
      <c r="JX42" s="146">
        <v>0</v>
      </c>
      <c r="JY42" s="146">
        <v>0</v>
      </c>
      <c r="JZ42" s="146">
        <v>0</v>
      </c>
      <c r="KA42" s="150">
        <v>0</v>
      </c>
      <c r="KB42" s="293">
        <v>0</v>
      </c>
      <c r="KC42" s="218">
        <v>0</v>
      </c>
      <c r="KD42" s="214">
        <v>0</v>
      </c>
      <c r="KE42" s="150">
        <v>0</v>
      </c>
      <c r="KF42" s="149">
        <v>0</v>
      </c>
      <c r="KG42" s="146">
        <v>0</v>
      </c>
      <c r="KH42" s="146">
        <v>0</v>
      </c>
      <c r="KI42" s="146">
        <v>0</v>
      </c>
      <c r="KJ42" s="146">
        <v>0</v>
      </c>
      <c r="KK42" s="146">
        <v>0</v>
      </c>
      <c r="KL42" s="150">
        <v>0</v>
      </c>
      <c r="KM42" s="152">
        <v>0</v>
      </c>
      <c r="KN42" s="216">
        <v>0</v>
      </c>
      <c r="KO42" s="221">
        <v>0</v>
      </c>
      <c r="KP42" s="222">
        <v>0</v>
      </c>
      <c r="KQ42" s="471">
        <v>0</v>
      </c>
      <c r="KR42" s="146">
        <v>0</v>
      </c>
      <c r="KS42" s="146">
        <v>0</v>
      </c>
      <c r="KT42" s="146">
        <v>0</v>
      </c>
      <c r="KU42" s="146">
        <v>0</v>
      </c>
      <c r="KV42" s="146">
        <v>0</v>
      </c>
      <c r="KW42" s="150">
        <v>0</v>
      </c>
      <c r="KX42" s="293">
        <v>0</v>
      </c>
      <c r="KY42" s="148">
        <v>0</v>
      </c>
      <c r="KZ42" s="146">
        <v>0</v>
      </c>
      <c r="LA42" s="150">
        <v>0</v>
      </c>
      <c r="LB42" s="471">
        <v>0</v>
      </c>
      <c r="LC42" s="146">
        <v>0</v>
      </c>
      <c r="LD42" s="146">
        <v>0</v>
      </c>
      <c r="LE42" s="146">
        <v>0</v>
      </c>
      <c r="LF42" s="146">
        <v>0</v>
      </c>
      <c r="LG42" s="146">
        <v>0</v>
      </c>
      <c r="LH42" s="150">
        <v>0</v>
      </c>
      <c r="LI42" s="151">
        <v>0</v>
      </c>
      <c r="LJ42" s="148">
        <v>0</v>
      </c>
      <c r="LK42" s="146">
        <v>0</v>
      </c>
      <c r="LL42" s="150">
        <v>0</v>
      </c>
      <c r="LM42" s="471">
        <v>0</v>
      </c>
      <c r="LN42" s="146">
        <v>0</v>
      </c>
      <c r="LO42" s="146">
        <v>0</v>
      </c>
      <c r="LP42" s="146">
        <v>0</v>
      </c>
      <c r="LQ42" s="146">
        <v>0</v>
      </c>
      <c r="LR42" s="146">
        <v>0</v>
      </c>
      <c r="LS42" s="150">
        <v>0</v>
      </c>
      <c r="LT42" s="293">
        <v>0</v>
      </c>
      <c r="LU42" s="148">
        <v>0</v>
      </c>
      <c r="LV42" s="146">
        <v>0</v>
      </c>
      <c r="LW42" s="150">
        <v>0</v>
      </c>
      <c r="LX42" s="471">
        <v>0</v>
      </c>
      <c r="LY42" s="146">
        <v>0</v>
      </c>
      <c r="LZ42" s="146">
        <v>0</v>
      </c>
      <c r="MA42" s="146">
        <v>0</v>
      </c>
      <c r="MB42" s="146">
        <v>0</v>
      </c>
      <c r="MC42" s="146">
        <v>0</v>
      </c>
      <c r="MD42" s="150">
        <v>0</v>
      </c>
      <c r="ME42" s="151">
        <v>0</v>
      </c>
      <c r="MF42" s="148">
        <v>0</v>
      </c>
      <c r="MG42" s="146">
        <v>0</v>
      </c>
      <c r="MH42" s="150">
        <v>0</v>
      </c>
      <c r="MI42" s="471">
        <v>0</v>
      </c>
      <c r="MJ42" s="146">
        <v>0</v>
      </c>
      <c r="MK42" s="146">
        <v>0</v>
      </c>
      <c r="ML42" s="146">
        <v>229442</v>
      </c>
      <c r="MM42" s="146">
        <v>0</v>
      </c>
      <c r="MN42" s="146">
        <v>0</v>
      </c>
      <c r="MO42" s="150">
        <v>229442</v>
      </c>
      <c r="MP42" s="152">
        <v>229442</v>
      </c>
      <c r="MQ42" s="148">
        <v>0</v>
      </c>
      <c r="MR42" s="146">
        <v>0</v>
      </c>
      <c r="MS42" s="150">
        <v>0</v>
      </c>
      <c r="MT42" s="471">
        <v>0</v>
      </c>
      <c r="MU42" s="146">
        <v>0</v>
      </c>
      <c r="MV42" s="146">
        <v>0</v>
      </c>
      <c r="MW42" s="146">
        <v>229442</v>
      </c>
      <c r="MX42" s="146">
        <v>0</v>
      </c>
      <c r="MY42" s="146">
        <v>0</v>
      </c>
      <c r="MZ42" s="150">
        <v>229442</v>
      </c>
      <c r="NA42" s="152">
        <v>229442</v>
      </c>
      <c r="NB42" s="148">
        <v>0</v>
      </c>
      <c r="NC42" s="146">
        <v>0</v>
      </c>
      <c r="ND42" s="150">
        <v>0</v>
      </c>
      <c r="NE42" s="471">
        <v>0</v>
      </c>
      <c r="NF42" s="146">
        <v>0</v>
      </c>
      <c r="NG42" s="146">
        <v>0</v>
      </c>
      <c r="NH42" s="146">
        <v>0</v>
      </c>
      <c r="NI42" s="146">
        <v>0</v>
      </c>
      <c r="NJ42" s="146">
        <v>0</v>
      </c>
      <c r="NK42" s="150">
        <v>0</v>
      </c>
      <c r="NL42" s="293">
        <v>0</v>
      </c>
      <c r="NM42" s="148">
        <v>0</v>
      </c>
      <c r="NN42" s="146">
        <v>0</v>
      </c>
      <c r="NO42" s="150">
        <v>0</v>
      </c>
      <c r="NP42" s="471">
        <v>0</v>
      </c>
      <c r="NQ42" s="146">
        <v>0</v>
      </c>
      <c r="NR42" s="146">
        <v>0</v>
      </c>
      <c r="NS42" s="146">
        <v>0</v>
      </c>
      <c r="NT42" s="146">
        <v>0</v>
      </c>
      <c r="NU42" s="146">
        <v>0</v>
      </c>
      <c r="NV42" s="150">
        <v>0</v>
      </c>
      <c r="NW42" s="151">
        <v>0</v>
      </c>
      <c r="NX42" s="148">
        <v>0</v>
      </c>
      <c r="NY42" s="146">
        <v>0</v>
      </c>
      <c r="NZ42" s="150">
        <v>0</v>
      </c>
      <c r="OA42" s="471">
        <v>0</v>
      </c>
      <c r="OB42" s="146">
        <v>0</v>
      </c>
      <c r="OC42" s="146">
        <v>0</v>
      </c>
      <c r="OD42" s="146">
        <v>0</v>
      </c>
      <c r="OE42" s="146">
        <v>0</v>
      </c>
      <c r="OF42" s="146">
        <v>0</v>
      </c>
      <c r="OG42" s="150">
        <v>0</v>
      </c>
      <c r="OH42" s="151">
        <v>0</v>
      </c>
      <c r="OI42" s="148">
        <v>0</v>
      </c>
      <c r="OJ42" s="146">
        <v>0</v>
      </c>
      <c r="OK42" s="147">
        <v>0</v>
      </c>
      <c r="OL42" s="149">
        <v>0</v>
      </c>
      <c r="OM42" s="146">
        <v>17769</v>
      </c>
      <c r="ON42" s="146">
        <v>109938</v>
      </c>
      <c r="OO42" s="146">
        <v>289767</v>
      </c>
      <c r="OP42" s="146">
        <v>0</v>
      </c>
      <c r="OQ42" s="146">
        <v>0</v>
      </c>
      <c r="OR42" s="150">
        <v>417474</v>
      </c>
      <c r="OS42" s="152">
        <v>417474</v>
      </c>
    </row>
    <row r="43" spans="2:409" x14ac:dyDescent="0.2">
      <c r="B43" s="39"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777343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8.21875"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296" customWidth="1"/>
    <col min="83" max="83" width="7.6640625" style="296" customWidth="1"/>
    <col min="84" max="84" width="9.88671875" style="296" customWidth="1"/>
    <col min="85" max="85" width="10" style="296" customWidth="1"/>
    <col min="86" max="86" width="9.77734375" style="296" customWidth="1"/>
    <col min="87" max="87" width="9.21875" style="296" customWidth="1"/>
    <col min="88" max="88" width="8.77734375" style="296" customWidth="1"/>
    <col min="89" max="89" width="9.88671875" style="296" customWidth="1"/>
    <col min="90" max="90" width="9.77734375" style="296"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296" customWidth="1"/>
    <col min="116" max="116" width="7.21875" style="296" customWidth="1"/>
    <col min="117" max="121" width="8.21875" style="296" customWidth="1"/>
    <col min="122" max="122" width="10.109375" style="296" customWidth="1"/>
    <col min="123" max="123" width="9.77734375" style="296"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296" customWidth="1"/>
    <col min="171" max="171" width="6.6640625" style="296" customWidth="1"/>
    <col min="172" max="176" width="8.21875" style="296" customWidth="1"/>
    <col min="177" max="177" width="10.109375" style="296" customWidth="1"/>
    <col min="178" max="178" width="9.88671875" style="296"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2:409" ht="24" customHeight="1" x14ac:dyDescent="0.2">
      <c r="B1" s="15" t="s">
        <v>134</v>
      </c>
      <c r="E1" s="433">
        <f>第１表!F2</f>
        <v>6</v>
      </c>
      <c r="F1" s="229">
        <f>第１表!G2</f>
        <v>2</v>
      </c>
      <c r="G1" s="696">
        <f>IF(F1&lt;3,F1-2+12,F1-2)</f>
        <v>12</v>
      </c>
      <c r="H1" s="696"/>
      <c r="IB1" s="323"/>
      <c r="IC1" s="235"/>
      <c r="ID1" s="612"/>
      <c r="IE1" s="612"/>
    </row>
    <row r="2" spans="2:409" ht="24" customHeight="1" x14ac:dyDescent="0.2">
      <c r="B2" s="15" t="s">
        <v>145</v>
      </c>
      <c r="E2" s="232"/>
      <c r="F2" s="233"/>
      <c r="G2" s="312"/>
      <c r="H2" s="312"/>
      <c r="IB2" s="234"/>
      <c r="IC2" s="235"/>
      <c r="ID2" s="326"/>
      <c r="IE2" s="326"/>
    </row>
    <row r="3" spans="2:409" ht="24" customHeight="1" thickBot="1" x14ac:dyDescent="0.25">
      <c r="B3" s="15" t="s">
        <v>154</v>
      </c>
    </row>
    <row r="4" spans="2:409" ht="21" customHeight="1" thickBot="1" x14ac:dyDescent="0.25">
      <c r="B4" s="649" t="s">
        <v>42</v>
      </c>
      <c r="C4" s="652" t="s">
        <v>63</v>
      </c>
      <c r="D4" s="652"/>
      <c r="E4" s="652"/>
      <c r="F4" s="652"/>
      <c r="G4" s="652"/>
      <c r="H4" s="652"/>
      <c r="I4" s="652"/>
      <c r="J4" s="652"/>
      <c r="K4" s="652"/>
      <c r="L4" s="652"/>
      <c r="M4" s="652"/>
      <c r="N4" s="655"/>
      <c r="O4" s="655"/>
      <c r="P4" s="655"/>
      <c r="Q4" s="655"/>
      <c r="R4" s="655"/>
      <c r="S4" s="655"/>
      <c r="T4" s="655"/>
      <c r="U4" s="655"/>
      <c r="V4" s="655"/>
      <c r="W4" s="655"/>
      <c r="X4" s="655"/>
      <c r="Y4" s="655"/>
      <c r="Z4" s="655"/>
      <c r="AA4" s="655"/>
      <c r="AB4" s="655"/>
      <c r="AC4" s="655"/>
      <c r="AD4" s="655"/>
      <c r="AE4" s="655"/>
      <c r="AF4" s="655"/>
      <c r="AG4" s="655"/>
      <c r="AH4" s="655"/>
      <c r="AI4" s="655"/>
      <c r="AJ4" s="655"/>
      <c r="AK4" s="655"/>
      <c r="AL4" s="655"/>
      <c r="AM4" s="655"/>
      <c r="AN4" s="655"/>
      <c r="AO4" s="655"/>
      <c r="AP4" s="655"/>
      <c r="AQ4" s="655"/>
      <c r="AR4" s="655"/>
      <c r="AS4" s="655"/>
      <c r="AT4" s="655"/>
      <c r="AU4" s="655"/>
      <c r="AV4" s="655"/>
      <c r="AW4" s="655"/>
      <c r="AX4" s="655"/>
      <c r="AY4" s="655"/>
      <c r="AZ4" s="655"/>
      <c r="BA4" s="655"/>
      <c r="BB4" s="655"/>
      <c r="BC4" s="655"/>
      <c r="BD4" s="655"/>
      <c r="BE4" s="655"/>
      <c r="BF4" s="655"/>
      <c r="BG4" s="655"/>
      <c r="BH4" s="655"/>
      <c r="BI4" s="655"/>
      <c r="BJ4" s="655"/>
      <c r="BK4" s="655"/>
      <c r="BL4" s="655"/>
      <c r="BM4" s="655"/>
      <c r="BN4" s="655"/>
      <c r="BO4" s="655"/>
      <c r="BP4" s="655"/>
      <c r="BQ4" s="655"/>
      <c r="BR4" s="655"/>
      <c r="BS4" s="655"/>
      <c r="BT4" s="655"/>
      <c r="BU4" s="655"/>
      <c r="BV4" s="655"/>
      <c r="BW4" s="655"/>
      <c r="BX4" s="655"/>
      <c r="BY4" s="655"/>
      <c r="BZ4" s="655"/>
      <c r="CA4" s="655"/>
      <c r="CB4" s="655"/>
      <c r="CC4" s="655"/>
      <c r="CD4" s="655"/>
      <c r="CE4" s="655"/>
      <c r="CF4" s="655"/>
      <c r="CG4" s="655"/>
      <c r="CH4" s="655"/>
      <c r="CI4" s="655"/>
      <c r="CJ4" s="655"/>
      <c r="CK4" s="655"/>
      <c r="CL4" s="655"/>
      <c r="CM4" s="655"/>
      <c r="CN4" s="655"/>
      <c r="CO4" s="655"/>
      <c r="CP4" s="655"/>
      <c r="CQ4" s="655"/>
      <c r="CR4" s="655"/>
      <c r="CS4" s="655"/>
      <c r="CT4" s="655"/>
      <c r="CU4" s="655"/>
      <c r="CV4" s="655"/>
      <c r="CW4" s="655"/>
      <c r="CX4" s="655"/>
      <c r="CY4" s="655"/>
      <c r="CZ4" s="655"/>
      <c r="DA4" s="655"/>
      <c r="DB4" s="655"/>
      <c r="DC4" s="655"/>
      <c r="DD4" s="655"/>
      <c r="DE4" s="655"/>
      <c r="DF4" s="655"/>
      <c r="DG4" s="655"/>
      <c r="DH4" s="655"/>
      <c r="DI4" s="655"/>
      <c r="DJ4" s="655"/>
      <c r="DK4" s="655"/>
      <c r="DL4" s="655"/>
      <c r="DM4" s="655"/>
      <c r="DN4" s="655"/>
      <c r="DO4" s="655"/>
      <c r="DP4" s="655"/>
      <c r="DQ4" s="655"/>
      <c r="DR4" s="655"/>
      <c r="DS4" s="655"/>
      <c r="DT4" s="655"/>
      <c r="DU4" s="655"/>
      <c r="DV4" s="655"/>
      <c r="DW4" s="655"/>
      <c r="DX4" s="655"/>
      <c r="DY4" s="655"/>
      <c r="DZ4" s="655"/>
      <c r="EA4" s="655"/>
      <c r="EB4" s="655"/>
      <c r="EC4" s="655"/>
      <c r="ED4" s="655"/>
      <c r="EE4" s="655"/>
      <c r="EF4" s="655"/>
      <c r="EG4" s="655"/>
      <c r="EH4" s="655"/>
      <c r="EI4" s="655"/>
      <c r="EJ4" s="655"/>
      <c r="EK4" s="655"/>
      <c r="EL4" s="655"/>
      <c r="EM4" s="655"/>
      <c r="EN4" s="655"/>
      <c r="EO4" s="655"/>
      <c r="EP4" s="655"/>
      <c r="EQ4" s="655"/>
      <c r="ER4" s="655"/>
      <c r="ES4" s="655"/>
      <c r="ET4" s="655"/>
      <c r="EU4" s="655"/>
      <c r="EV4" s="655"/>
      <c r="EW4" s="655"/>
      <c r="EX4" s="655"/>
      <c r="EY4" s="655"/>
      <c r="EZ4" s="655"/>
      <c r="FA4" s="655"/>
      <c r="FB4" s="655"/>
      <c r="FC4" s="655"/>
      <c r="FD4" s="655"/>
      <c r="FE4" s="655"/>
      <c r="FF4" s="655"/>
      <c r="FG4" s="655"/>
      <c r="FH4" s="655"/>
      <c r="FI4" s="655"/>
      <c r="FJ4" s="655"/>
      <c r="FK4" s="655"/>
      <c r="FL4" s="655"/>
      <c r="FM4" s="655"/>
      <c r="FN4" s="655"/>
      <c r="FO4" s="655"/>
      <c r="FP4" s="655"/>
      <c r="FQ4" s="655"/>
      <c r="FR4" s="655"/>
      <c r="FS4" s="655"/>
      <c r="FT4" s="655"/>
      <c r="FU4" s="655"/>
      <c r="FV4" s="655"/>
      <c r="FW4" s="655"/>
      <c r="FX4" s="655"/>
      <c r="FY4" s="655"/>
      <c r="FZ4" s="655"/>
      <c r="GA4" s="655"/>
      <c r="GB4" s="655"/>
      <c r="GC4" s="655"/>
      <c r="GD4" s="655"/>
      <c r="GE4" s="655"/>
      <c r="GF4" s="655"/>
      <c r="GG4" s="655"/>
      <c r="GH4" s="655"/>
      <c r="GI4" s="655"/>
      <c r="GJ4" s="655"/>
      <c r="GK4" s="655"/>
      <c r="GL4" s="655"/>
      <c r="GM4" s="655"/>
      <c r="GN4" s="655"/>
      <c r="GO4" s="655"/>
      <c r="GP4" s="655"/>
      <c r="GQ4" s="655"/>
      <c r="GR4" s="655"/>
      <c r="GS4" s="655"/>
      <c r="GT4" s="655"/>
      <c r="GU4" s="655"/>
      <c r="GV4" s="655"/>
      <c r="GW4" s="655"/>
      <c r="GX4" s="655"/>
      <c r="GY4" s="655"/>
      <c r="GZ4" s="655"/>
      <c r="HA4" s="655"/>
      <c r="HB4" s="655"/>
      <c r="HC4" s="655"/>
      <c r="HD4" s="655"/>
      <c r="HE4" s="655"/>
      <c r="HF4" s="655"/>
      <c r="HG4" s="655"/>
      <c r="HH4" s="655"/>
      <c r="HI4" s="655"/>
      <c r="HJ4" s="655"/>
      <c r="HK4" s="655"/>
      <c r="HL4" s="655"/>
      <c r="HM4" s="655"/>
      <c r="HN4" s="655"/>
      <c r="HO4" s="655"/>
      <c r="HP4" s="655"/>
      <c r="HQ4" s="655"/>
      <c r="HR4" s="655"/>
      <c r="HS4" s="655"/>
      <c r="HT4" s="655"/>
      <c r="HU4" s="655"/>
      <c r="HV4" s="655"/>
      <c r="HW4" s="655"/>
      <c r="HX4" s="655"/>
      <c r="HY4" s="656"/>
      <c r="HZ4" s="609" t="s">
        <v>85</v>
      </c>
      <c r="IA4" s="610"/>
      <c r="IB4" s="610"/>
      <c r="IC4" s="610"/>
      <c r="ID4" s="610"/>
      <c r="IE4" s="610"/>
      <c r="IF4" s="610"/>
      <c r="IG4" s="610"/>
      <c r="IH4" s="610"/>
      <c r="II4" s="610"/>
      <c r="IJ4" s="610"/>
      <c r="IK4" s="610"/>
      <c r="IL4" s="610"/>
      <c r="IM4" s="610"/>
      <c r="IN4" s="610"/>
      <c r="IO4" s="610"/>
      <c r="IP4" s="610"/>
      <c r="IQ4" s="610"/>
      <c r="IR4" s="610"/>
      <c r="IS4" s="610"/>
      <c r="IT4" s="610"/>
      <c r="IU4" s="610"/>
      <c r="IV4" s="610"/>
      <c r="IW4" s="610"/>
      <c r="IX4" s="610"/>
      <c r="IY4" s="610"/>
      <c r="IZ4" s="610"/>
      <c r="JA4" s="610"/>
      <c r="JB4" s="610"/>
      <c r="JC4" s="610"/>
      <c r="JD4" s="610"/>
      <c r="JE4" s="610"/>
      <c r="JF4" s="610"/>
      <c r="JG4" s="610"/>
      <c r="JH4" s="610"/>
      <c r="JI4" s="610"/>
      <c r="JJ4" s="610"/>
      <c r="JK4" s="610"/>
      <c r="JL4" s="610"/>
      <c r="JM4" s="610"/>
      <c r="JN4" s="610"/>
      <c r="JO4" s="610"/>
      <c r="JP4" s="610"/>
      <c r="JQ4" s="610"/>
      <c r="JR4" s="610"/>
      <c r="JS4" s="610"/>
      <c r="JT4" s="610"/>
      <c r="JU4" s="610"/>
      <c r="JV4" s="610"/>
      <c r="JW4" s="610"/>
      <c r="JX4" s="610"/>
      <c r="JY4" s="610"/>
      <c r="JZ4" s="610"/>
      <c r="KA4" s="610"/>
      <c r="KB4" s="610"/>
      <c r="KC4" s="610"/>
      <c r="KD4" s="610"/>
      <c r="KE4" s="610"/>
      <c r="KF4" s="610"/>
      <c r="KG4" s="610"/>
      <c r="KH4" s="610"/>
      <c r="KI4" s="610"/>
      <c r="KJ4" s="610"/>
      <c r="KK4" s="610"/>
      <c r="KL4" s="610"/>
      <c r="KM4" s="610"/>
      <c r="KN4" s="610"/>
      <c r="KO4" s="610"/>
      <c r="KP4" s="610"/>
      <c r="KQ4" s="610"/>
      <c r="KR4" s="610"/>
      <c r="KS4" s="610"/>
      <c r="KT4" s="610"/>
      <c r="KU4" s="610"/>
      <c r="KV4" s="610"/>
      <c r="KW4" s="610"/>
      <c r="KX4" s="610"/>
      <c r="KY4" s="610"/>
      <c r="KZ4" s="610"/>
      <c r="LA4" s="610"/>
      <c r="LB4" s="610"/>
      <c r="LC4" s="610"/>
      <c r="LD4" s="610"/>
      <c r="LE4" s="610"/>
      <c r="LF4" s="610"/>
      <c r="LG4" s="610"/>
      <c r="LH4" s="610"/>
      <c r="LI4" s="610"/>
      <c r="LJ4" s="610"/>
      <c r="LK4" s="610"/>
      <c r="LL4" s="610"/>
      <c r="LM4" s="610"/>
      <c r="LN4" s="610"/>
      <c r="LO4" s="610"/>
      <c r="LP4" s="610"/>
      <c r="LQ4" s="610"/>
      <c r="LR4" s="610"/>
      <c r="LS4" s="610"/>
      <c r="LT4" s="610"/>
      <c r="LU4" s="610"/>
      <c r="LV4" s="610"/>
      <c r="LW4" s="610"/>
      <c r="LX4" s="610"/>
      <c r="LY4" s="610"/>
      <c r="LZ4" s="610"/>
      <c r="MA4" s="610"/>
      <c r="MB4" s="610"/>
      <c r="MC4" s="610"/>
      <c r="MD4" s="610"/>
      <c r="ME4" s="611"/>
      <c r="MF4" s="609" t="s">
        <v>86</v>
      </c>
      <c r="MG4" s="610"/>
      <c r="MH4" s="610"/>
      <c r="MI4" s="610"/>
      <c r="MJ4" s="610"/>
      <c r="MK4" s="610"/>
      <c r="ML4" s="610"/>
      <c r="MM4" s="610"/>
      <c r="MN4" s="610"/>
      <c r="MO4" s="610"/>
      <c r="MP4" s="610"/>
      <c r="MQ4" s="610"/>
      <c r="MR4" s="610"/>
      <c r="MS4" s="610"/>
      <c r="MT4" s="610"/>
      <c r="MU4" s="610"/>
      <c r="MV4" s="610"/>
      <c r="MW4" s="610"/>
      <c r="MX4" s="610"/>
      <c r="MY4" s="610"/>
      <c r="MZ4" s="610"/>
      <c r="NA4" s="610"/>
      <c r="NB4" s="610"/>
      <c r="NC4" s="610"/>
      <c r="ND4" s="610"/>
      <c r="NE4" s="610"/>
      <c r="NF4" s="610"/>
      <c r="NG4" s="610"/>
      <c r="NH4" s="610"/>
      <c r="NI4" s="610"/>
      <c r="NJ4" s="610"/>
      <c r="NK4" s="610"/>
      <c r="NL4" s="610"/>
      <c r="NM4" s="610"/>
      <c r="NN4" s="610"/>
      <c r="NO4" s="610"/>
      <c r="NP4" s="610"/>
      <c r="NQ4" s="610"/>
      <c r="NR4" s="610"/>
      <c r="NS4" s="610"/>
      <c r="NT4" s="610"/>
      <c r="NU4" s="610"/>
      <c r="NV4" s="610"/>
      <c r="NW4" s="610"/>
      <c r="NX4" s="610"/>
      <c r="NY4" s="610"/>
      <c r="NZ4" s="610"/>
      <c r="OA4" s="610"/>
      <c r="OB4" s="610"/>
      <c r="OC4" s="610"/>
      <c r="OD4" s="610"/>
      <c r="OE4" s="610"/>
      <c r="OF4" s="610"/>
      <c r="OG4" s="610"/>
      <c r="OH4" s="611"/>
      <c r="OI4" s="564" t="s">
        <v>60</v>
      </c>
      <c r="OJ4" s="474"/>
      <c r="OK4" s="474"/>
      <c r="OL4" s="474"/>
      <c r="OM4" s="474"/>
      <c r="ON4" s="474"/>
      <c r="OO4" s="474"/>
      <c r="OP4" s="474"/>
      <c r="OQ4" s="474"/>
      <c r="OR4" s="474"/>
      <c r="OS4" s="475"/>
    </row>
    <row r="5" spans="2:409" ht="21" customHeight="1" thickBot="1" x14ac:dyDescent="0.25">
      <c r="B5" s="650"/>
      <c r="C5" s="653"/>
      <c r="D5" s="653"/>
      <c r="E5" s="653"/>
      <c r="F5" s="653"/>
      <c r="G5" s="653"/>
      <c r="H5" s="653"/>
      <c r="I5" s="653"/>
      <c r="J5" s="653"/>
      <c r="K5" s="653"/>
      <c r="L5" s="653"/>
      <c r="M5" s="653"/>
      <c r="N5" s="657" t="s">
        <v>64</v>
      </c>
      <c r="O5" s="658"/>
      <c r="P5" s="658"/>
      <c r="Q5" s="658"/>
      <c r="R5" s="658"/>
      <c r="S5" s="658"/>
      <c r="T5" s="658"/>
      <c r="U5" s="658"/>
      <c r="V5" s="658"/>
      <c r="W5" s="658"/>
      <c r="X5" s="658"/>
      <c r="Y5" s="658"/>
      <c r="Z5" s="658"/>
      <c r="AA5" s="658"/>
      <c r="AB5" s="658"/>
      <c r="AC5" s="658"/>
      <c r="AD5" s="658"/>
      <c r="AE5" s="658"/>
      <c r="AF5" s="658"/>
      <c r="AG5" s="658"/>
      <c r="AH5" s="658"/>
      <c r="AI5" s="658"/>
      <c r="AJ5" s="658"/>
      <c r="AK5" s="658"/>
      <c r="AL5" s="658"/>
      <c r="AM5" s="658"/>
      <c r="AN5" s="658"/>
      <c r="AO5" s="658"/>
      <c r="AP5" s="658"/>
      <c r="AQ5" s="658"/>
      <c r="AR5" s="658"/>
      <c r="AS5" s="658"/>
      <c r="AT5" s="658"/>
      <c r="AU5" s="658"/>
      <c r="AV5" s="658"/>
      <c r="AW5" s="658"/>
      <c r="AX5" s="658"/>
      <c r="AY5" s="658"/>
      <c r="AZ5" s="658"/>
      <c r="BA5" s="658"/>
      <c r="BB5" s="658"/>
      <c r="BC5" s="658"/>
      <c r="BD5" s="658"/>
      <c r="BE5" s="658"/>
      <c r="BF5" s="658"/>
      <c r="BG5" s="658"/>
      <c r="BH5" s="658"/>
      <c r="BI5" s="658"/>
      <c r="BJ5" s="658"/>
      <c r="BK5" s="658"/>
      <c r="BL5" s="658"/>
      <c r="BM5" s="658"/>
      <c r="BN5" s="658"/>
      <c r="BO5" s="658"/>
      <c r="BP5" s="658"/>
      <c r="BQ5" s="658"/>
      <c r="BR5" s="658"/>
      <c r="BS5" s="658"/>
      <c r="BT5" s="658"/>
      <c r="BU5" s="658"/>
      <c r="BV5" s="658"/>
      <c r="BW5" s="658"/>
      <c r="BX5" s="658"/>
      <c r="BY5" s="658"/>
      <c r="BZ5" s="658"/>
      <c r="CA5" s="659"/>
      <c r="CB5" s="657" t="s">
        <v>65</v>
      </c>
      <c r="CC5" s="658"/>
      <c r="CD5" s="658"/>
      <c r="CE5" s="658"/>
      <c r="CF5" s="658"/>
      <c r="CG5" s="658"/>
      <c r="CH5" s="658"/>
      <c r="CI5" s="658"/>
      <c r="CJ5" s="658"/>
      <c r="CK5" s="658"/>
      <c r="CL5" s="658"/>
      <c r="CM5" s="658"/>
      <c r="CN5" s="658"/>
      <c r="CO5" s="658"/>
      <c r="CP5" s="658"/>
      <c r="CQ5" s="658"/>
      <c r="CR5" s="658"/>
      <c r="CS5" s="658"/>
      <c r="CT5" s="658"/>
      <c r="CU5" s="658"/>
      <c r="CV5" s="658"/>
      <c r="CW5" s="658"/>
      <c r="CX5" s="658"/>
      <c r="CY5" s="658"/>
      <c r="CZ5" s="658"/>
      <c r="DA5" s="658"/>
      <c r="DB5" s="658"/>
      <c r="DC5" s="658"/>
      <c r="DD5" s="658"/>
      <c r="DE5" s="658"/>
      <c r="DF5" s="658"/>
      <c r="DG5" s="658"/>
      <c r="DH5" s="659"/>
      <c r="DI5" s="478" t="s">
        <v>66</v>
      </c>
      <c r="DJ5" s="479"/>
      <c r="DK5" s="479"/>
      <c r="DL5" s="479"/>
      <c r="DM5" s="479"/>
      <c r="DN5" s="479"/>
      <c r="DO5" s="479"/>
      <c r="DP5" s="479"/>
      <c r="DQ5" s="479"/>
      <c r="DR5" s="479"/>
      <c r="DS5" s="479"/>
      <c r="DT5" s="479"/>
      <c r="DU5" s="479"/>
      <c r="DV5" s="479"/>
      <c r="DW5" s="479"/>
      <c r="DX5" s="479"/>
      <c r="DY5" s="479"/>
      <c r="DZ5" s="479"/>
      <c r="EA5" s="479"/>
      <c r="EB5" s="479"/>
      <c r="EC5" s="479"/>
      <c r="ED5" s="479"/>
      <c r="EE5" s="479"/>
      <c r="EF5" s="479"/>
      <c r="EG5" s="479"/>
      <c r="EH5" s="479"/>
      <c r="EI5" s="479"/>
      <c r="EJ5" s="479"/>
      <c r="EK5" s="479"/>
      <c r="EL5" s="479"/>
      <c r="EM5" s="479"/>
      <c r="EN5" s="479"/>
      <c r="EO5" s="479"/>
      <c r="EP5" s="479"/>
      <c r="EQ5" s="479"/>
      <c r="ER5" s="479"/>
      <c r="ES5" s="479"/>
      <c r="ET5" s="479"/>
      <c r="EU5" s="479"/>
      <c r="EV5" s="479"/>
      <c r="EW5" s="479"/>
      <c r="EX5" s="479"/>
      <c r="EY5" s="479"/>
      <c r="EZ5" s="479"/>
      <c r="FA5" s="479"/>
      <c r="FB5" s="479"/>
      <c r="FC5" s="479"/>
      <c r="FD5" s="479"/>
      <c r="FE5" s="479"/>
      <c r="FF5" s="479"/>
      <c r="FG5" s="479"/>
      <c r="FH5" s="479"/>
      <c r="FI5" s="479"/>
      <c r="FJ5" s="479"/>
      <c r="FK5" s="480"/>
      <c r="FL5" s="657" t="s">
        <v>67</v>
      </c>
      <c r="FM5" s="658"/>
      <c r="FN5" s="658"/>
      <c r="FO5" s="658"/>
      <c r="FP5" s="658"/>
      <c r="FQ5" s="658"/>
      <c r="FR5" s="658"/>
      <c r="FS5" s="658"/>
      <c r="FT5" s="658"/>
      <c r="FU5" s="658"/>
      <c r="FV5" s="658"/>
      <c r="FW5" s="658"/>
      <c r="FX5" s="658"/>
      <c r="FY5" s="658"/>
      <c r="FZ5" s="658"/>
      <c r="GA5" s="658"/>
      <c r="GB5" s="658"/>
      <c r="GC5" s="658"/>
      <c r="GD5" s="658"/>
      <c r="GE5" s="658"/>
      <c r="GF5" s="658"/>
      <c r="GG5" s="658"/>
      <c r="GH5" s="658"/>
      <c r="GI5" s="658"/>
      <c r="GJ5" s="658"/>
      <c r="GK5" s="658"/>
      <c r="GL5" s="658"/>
      <c r="GM5" s="658"/>
      <c r="GN5" s="658"/>
      <c r="GO5" s="658"/>
      <c r="GP5" s="658"/>
      <c r="GQ5" s="658"/>
      <c r="GR5" s="658"/>
      <c r="GS5" s="658"/>
      <c r="GT5" s="658"/>
      <c r="GU5" s="658"/>
      <c r="GV5" s="658"/>
      <c r="GW5" s="658"/>
      <c r="GX5" s="658"/>
      <c r="GY5" s="658"/>
      <c r="GZ5" s="658"/>
      <c r="HA5" s="658"/>
      <c r="HB5" s="658"/>
      <c r="HC5" s="659"/>
      <c r="HD5" s="660" t="s">
        <v>68</v>
      </c>
      <c r="HE5" s="661"/>
      <c r="HF5" s="661"/>
      <c r="HG5" s="661"/>
      <c r="HH5" s="661"/>
      <c r="HI5" s="661"/>
      <c r="HJ5" s="661"/>
      <c r="HK5" s="661"/>
      <c r="HL5" s="661"/>
      <c r="HM5" s="661"/>
      <c r="HN5" s="662"/>
      <c r="HO5" s="660" t="s">
        <v>69</v>
      </c>
      <c r="HP5" s="661"/>
      <c r="HQ5" s="661"/>
      <c r="HR5" s="661"/>
      <c r="HS5" s="661"/>
      <c r="HT5" s="661"/>
      <c r="HU5" s="661"/>
      <c r="HV5" s="661"/>
      <c r="HW5" s="661"/>
      <c r="HX5" s="661"/>
      <c r="HY5" s="662"/>
      <c r="HZ5" s="588"/>
      <c r="IA5" s="589"/>
      <c r="IB5" s="589"/>
      <c r="IC5" s="589"/>
      <c r="ID5" s="589"/>
      <c r="IE5" s="589"/>
      <c r="IF5" s="589"/>
      <c r="IG5" s="589"/>
      <c r="IH5" s="589"/>
      <c r="II5" s="589"/>
      <c r="IJ5" s="590"/>
      <c r="IK5" s="564" t="s">
        <v>94</v>
      </c>
      <c r="IL5" s="474"/>
      <c r="IM5" s="474"/>
      <c r="IN5" s="474"/>
      <c r="IO5" s="474"/>
      <c r="IP5" s="474"/>
      <c r="IQ5" s="474"/>
      <c r="IR5" s="474"/>
      <c r="IS5" s="474"/>
      <c r="IT5" s="474"/>
      <c r="IU5" s="475"/>
      <c r="IV5" s="564" t="s">
        <v>88</v>
      </c>
      <c r="IW5" s="474"/>
      <c r="IX5" s="474"/>
      <c r="IY5" s="474"/>
      <c r="IZ5" s="474"/>
      <c r="JA5" s="474"/>
      <c r="JB5" s="474"/>
      <c r="JC5" s="474"/>
      <c r="JD5" s="474"/>
      <c r="JE5" s="474"/>
      <c r="JF5" s="475"/>
      <c r="JG5" s="594" t="s">
        <v>142</v>
      </c>
      <c r="JH5" s="595"/>
      <c r="JI5" s="595"/>
      <c r="JJ5" s="595"/>
      <c r="JK5" s="595"/>
      <c r="JL5" s="595"/>
      <c r="JM5" s="595"/>
      <c r="JN5" s="595"/>
      <c r="JO5" s="595"/>
      <c r="JP5" s="595"/>
      <c r="JQ5" s="596"/>
      <c r="JR5" s="564" t="s">
        <v>90</v>
      </c>
      <c r="JS5" s="474"/>
      <c r="JT5" s="474"/>
      <c r="JU5" s="474"/>
      <c r="JV5" s="474"/>
      <c r="JW5" s="474"/>
      <c r="JX5" s="474"/>
      <c r="JY5" s="474"/>
      <c r="JZ5" s="474"/>
      <c r="KA5" s="474"/>
      <c r="KB5" s="475"/>
      <c r="KC5" s="564" t="s">
        <v>89</v>
      </c>
      <c r="KD5" s="474"/>
      <c r="KE5" s="474"/>
      <c r="KF5" s="474"/>
      <c r="KG5" s="474"/>
      <c r="KH5" s="474"/>
      <c r="KI5" s="474"/>
      <c r="KJ5" s="474"/>
      <c r="KK5" s="474"/>
      <c r="KL5" s="474"/>
      <c r="KM5" s="475"/>
      <c r="KN5" s="564" t="s">
        <v>91</v>
      </c>
      <c r="KO5" s="474"/>
      <c r="KP5" s="474"/>
      <c r="KQ5" s="474"/>
      <c r="KR5" s="474"/>
      <c r="KS5" s="474"/>
      <c r="KT5" s="474"/>
      <c r="KU5" s="474"/>
      <c r="KV5" s="474"/>
      <c r="KW5" s="474"/>
      <c r="KX5" s="475"/>
      <c r="KY5" s="564" t="s">
        <v>92</v>
      </c>
      <c r="KZ5" s="474"/>
      <c r="LA5" s="474"/>
      <c r="LB5" s="474"/>
      <c r="LC5" s="474"/>
      <c r="LD5" s="474"/>
      <c r="LE5" s="474"/>
      <c r="LF5" s="474"/>
      <c r="LG5" s="474"/>
      <c r="LH5" s="474"/>
      <c r="LI5" s="475"/>
      <c r="LJ5" s="600" t="s">
        <v>93</v>
      </c>
      <c r="LK5" s="601"/>
      <c r="LL5" s="601"/>
      <c r="LM5" s="601"/>
      <c r="LN5" s="601"/>
      <c r="LO5" s="601"/>
      <c r="LP5" s="601"/>
      <c r="LQ5" s="601"/>
      <c r="LR5" s="601"/>
      <c r="LS5" s="601"/>
      <c r="LT5" s="602"/>
      <c r="LU5" s="603" t="s">
        <v>143</v>
      </c>
      <c r="LV5" s="604"/>
      <c r="LW5" s="604"/>
      <c r="LX5" s="604"/>
      <c r="LY5" s="604"/>
      <c r="LZ5" s="604"/>
      <c r="MA5" s="604"/>
      <c r="MB5" s="604"/>
      <c r="MC5" s="604"/>
      <c r="MD5" s="604"/>
      <c r="ME5" s="605"/>
      <c r="MF5" s="588"/>
      <c r="MG5" s="589"/>
      <c r="MH5" s="589"/>
      <c r="MI5" s="589"/>
      <c r="MJ5" s="589"/>
      <c r="MK5" s="589"/>
      <c r="ML5" s="589"/>
      <c r="MM5" s="589"/>
      <c r="MN5" s="589"/>
      <c r="MO5" s="589"/>
      <c r="MP5" s="590"/>
      <c r="MQ5" s="564" t="s">
        <v>57</v>
      </c>
      <c r="MR5" s="474"/>
      <c r="MS5" s="474"/>
      <c r="MT5" s="474"/>
      <c r="MU5" s="474"/>
      <c r="MV5" s="474"/>
      <c r="MW5" s="474"/>
      <c r="MX5" s="474"/>
      <c r="MY5" s="474"/>
      <c r="MZ5" s="474"/>
      <c r="NA5" s="475"/>
      <c r="NB5" s="564" t="s">
        <v>58</v>
      </c>
      <c r="NC5" s="474"/>
      <c r="ND5" s="474"/>
      <c r="NE5" s="474"/>
      <c r="NF5" s="474"/>
      <c r="NG5" s="474"/>
      <c r="NH5" s="474"/>
      <c r="NI5" s="474"/>
      <c r="NJ5" s="474"/>
      <c r="NK5" s="474"/>
      <c r="NL5" s="475"/>
      <c r="NM5" s="564" t="s">
        <v>59</v>
      </c>
      <c r="NN5" s="474"/>
      <c r="NO5" s="474"/>
      <c r="NP5" s="474"/>
      <c r="NQ5" s="474"/>
      <c r="NR5" s="474"/>
      <c r="NS5" s="474"/>
      <c r="NT5" s="474"/>
      <c r="NU5" s="474"/>
      <c r="NV5" s="474"/>
      <c r="NW5" s="475"/>
      <c r="NX5" s="613" t="s">
        <v>149</v>
      </c>
      <c r="NY5" s="614"/>
      <c r="NZ5" s="614"/>
      <c r="OA5" s="614"/>
      <c r="OB5" s="614"/>
      <c r="OC5" s="614"/>
      <c r="OD5" s="614"/>
      <c r="OE5" s="614"/>
      <c r="OF5" s="614"/>
      <c r="OG5" s="614"/>
      <c r="OH5" s="615"/>
      <c r="OI5" s="585"/>
      <c r="OJ5" s="586"/>
      <c r="OK5" s="586"/>
      <c r="OL5" s="586"/>
      <c r="OM5" s="586"/>
      <c r="ON5" s="586"/>
      <c r="OO5" s="586"/>
      <c r="OP5" s="586"/>
      <c r="OQ5" s="586"/>
      <c r="OR5" s="586"/>
      <c r="OS5" s="587"/>
    </row>
    <row r="6" spans="2:409" ht="21" customHeight="1" thickBot="1" x14ac:dyDescent="0.25">
      <c r="B6" s="650"/>
      <c r="C6" s="654"/>
      <c r="D6" s="654"/>
      <c r="E6" s="654"/>
      <c r="F6" s="654"/>
      <c r="G6" s="654"/>
      <c r="H6" s="654"/>
      <c r="I6" s="654"/>
      <c r="J6" s="654"/>
      <c r="K6" s="654"/>
      <c r="L6" s="654"/>
      <c r="M6" s="654"/>
      <c r="N6" s="487"/>
      <c r="O6" s="488"/>
      <c r="P6" s="488"/>
      <c r="Q6" s="488"/>
      <c r="R6" s="488"/>
      <c r="S6" s="488"/>
      <c r="T6" s="488"/>
      <c r="U6" s="488"/>
      <c r="V6" s="488"/>
      <c r="W6" s="488"/>
      <c r="X6" s="489"/>
      <c r="Y6" s="669" t="s">
        <v>70</v>
      </c>
      <c r="Z6" s="491"/>
      <c r="AA6" s="491"/>
      <c r="AB6" s="491"/>
      <c r="AC6" s="491"/>
      <c r="AD6" s="491"/>
      <c r="AE6" s="491"/>
      <c r="AF6" s="491"/>
      <c r="AG6" s="491"/>
      <c r="AH6" s="491"/>
      <c r="AI6" s="492"/>
      <c r="AJ6" s="666" t="s">
        <v>71</v>
      </c>
      <c r="AK6" s="667"/>
      <c r="AL6" s="667"/>
      <c r="AM6" s="667"/>
      <c r="AN6" s="667"/>
      <c r="AO6" s="667"/>
      <c r="AP6" s="667"/>
      <c r="AQ6" s="667"/>
      <c r="AR6" s="667"/>
      <c r="AS6" s="667"/>
      <c r="AT6" s="668"/>
      <c r="AU6" s="666" t="s">
        <v>72</v>
      </c>
      <c r="AV6" s="667"/>
      <c r="AW6" s="667"/>
      <c r="AX6" s="667"/>
      <c r="AY6" s="667"/>
      <c r="AZ6" s="667"/>
      <c r="BA6" s="667"/>
      <c r="BB6" s="667"/>
      <c r="BC6" s="667"/>
      <c r="BD6" s="667"/>
      <c r="BE6" s="668"/>
      <c r="BF6" s="666" t="s">
        <v>73</v>
      </c>
      <c r="BG6" s="667"/>
      <c r="BH6" s="667"/>
      <c r="BI6" s="667"/>
      <c r="BJ6" s="667"/>
      <c r="BK6" s="667"/>
      <c r="BL6" s="667"/>
      <c r="BM6" s="667"/>
      <c r="BN6" s="667"/>
      <c r="BO6" s="667"/>
      <c r="BP6" s="668"/>
      <c r="BQ6" s="666" t="s">
        <v>74</v>
      </c>
      <c r="BR6" s="667"/>
      <c r="BS6" s="667"/>
      <c r="BT6" s="667"/>
      <c r="BU6" s="667"/>
      <c r="BV6" s="667"/>
      <c r="BW6" s="667"/>
      <c r="BX6" s="667"/>
      <c r="BY6" s="667"/>
      <c r="BZ6" s="667"/>
      <c r="CA6" s="668"/>
      <c r="CB6" s="670"/>
      <c r="CC6" s="671"/>
      <c r="CD6" s="671"/>
      <c r="CE6" s="671"/>
      <c r="CF6" s="671"/>
      <c r="CG6" s="671"/>
      <c r="CH6" s="671"/>
      <c r="CI6" s="671"/>
      <c r="CJ6" s="671"/>
      <c r="CK6" s="671"/>
      <c r="CL6" s="672"/>
      <c r="CM6" s="666" t="s">
        <v>75</v>
      </c>
      <c r="CN6" s="667"/>
      <c r="CO6" s="667"/>
      <c r="CP6" s="667"/>
      <c r="CQ6" s="667"/>
      <c r="CR6" s="667"/>
      <c r="CS6" s="667"/>
      <c r="CT6" s="667"/>
      <c r="CU6" s="667"/>
      <c r="CV6" s="667"/>
      <c r="CW6" s="668"/>
      <c r="CX6" s="666" t="s">
        <v>76</v>
      </c>
      <c r="CY6" s="667"/>
      <c r="CZ6" s="667"/>
      <c r="DA6" s="667"/>
      <c r="DB6" s="667"/>
      <c r="DC6" s="667"/>
      <c r="DD6" s="667"/>
      <c r="DE6" s="667"/>
      <c r="DF6" s="667"/>
      <c r="DG6" s="667"/>
      <c r="DH6" s="668"/>
      <c r="DI6" s="670"/>
      <c r="DJ6" s="671"/>
      <c r="DK6" s="671"/>
      <c r="DL6" s="671"/>
      <c r="DM6" s="671"/>
      <c r="DN6" s="671"/>
      <c r="DO6" s="671"/>
      <c r="DP6" s="671"/>
      <c r="DQ6" s="671"/>
      <c r="DR6" s="671"/>
      <c r="DS6" s="671"/>
      <c r="DT6" s="666" t="s">
        <v>77</v>
      </c>
      <c r="DU6" s="667"/>
      <c r="DV6" s="667"/>
      <c r="DW6" s="667"/>
      <c r="DX6" s="667"/>
      <c r="DY6" s="667"/>
      <c r="DZ6" s="667"/>
      <c r="EA6" s="667"/>
      <c r="EB6" s="667"/>
      <c r="EC6" s="667"/>
      <c r="ED6" s="668"/>
      <c r="EE6" s="666" t="s">
        <v>78</v>
      </c>
      <c r="EF6" s="667"/>
      <c r="EG6" s="667"/>
      <c r="EH6" s="667"/>
      <c r="EI6" s="667"/>
      <c r="EJ6" s="667"/>
      <c r="EK6" s="667"/>
      <c r="EL6" s="667"/>
      <c r="EM6" s="667"/>
      <c r="EN6" s="667"/>
      <c r="EO6" s="668"/>
      <c r="EP6" s="666" t="s">
        <v>79</v>
      </c>
      <c r="EQ6" s="667"/>
      <c r="ER6" s="667"/>
      <c r="ES6" s="667"/>
      <c r="ET6" s="667"/>
      <c r="EU6" s="667"/>
      <c r="EV6" s="667"/>
      <c r="EW6" s="667"/>
      <c r="EX6" s="667"/>
      <c r="EY6" s="667"/>
      <c r="EZ6" s="668"/>
      <c r="FA6" s="647" t="s">
        <v>150</v>
      </c>
      <c r="FB6" s="667"/>
      <c r="FC6" s="667"/>
      <c r="FD6" s="667"/>
      <c r="FE6" s="667"/>
      <c r="FF6" s="667"/>
      <c r="FG6" s="667"/>
      <c r="FH6" s="667"/>
      <c r="FI6" s="667"/>
      <c r="FJ6" s="667"/>
      <c r="FK6" s="668"/>
      <c r="FL6" s="670"/>
      <c r="FM6" s="671"/>
      <c r="FN6" s="671"/>
      <c r="FO6" s="671"/>
      <c r="FP6" s="671"/>
      <c r="FQ6" s="671"/>
      <c r="FR6" s="671"/>
      <c r="FS6" s="671"/>
      <c r="FT6" s="671"/>
      <c r="FU6" s="671"/>
      <c r="FV6" s="671"/>
      <c r="FW6" s="666" t="s">
        <v>80</v>
      </c>
      <c r="FX6" s="667"/>
      <c r="FY6" s="667"/>
      <c r="FZ6" s="667"/>
      <c r="GA6" s="667"/>
      <c r="GB6" s="667"/>
      <c r="GC6" s="667"/>
      <c r="GD6" s="667"/>
      <c r="GE6" s="667"/>
      <c r="GF6" s="667"/>
      <c r="GG6" s="668"/>
      <c r="GH6" s="669" t="s">
        <v>81</v>
      </c>
      <c r="GI6" s="491"/>
      <c r="GJ6" s="491"/>
      <c r="GK6" s="491"/>
      <c r="GL6" s="491"/>
      <c r="GM6" s="491"/>
      <c r="GN6" s="491"/>
      <c r="GO6" s="491"/>
      <c r="GP6" s="491"/>
      <c r="GQ6" s="491"/>
      <c r="GR6" s="492"/>
      <c r="GS6" s="669" t="s">
        <v>82</v>
      </c>
      <c r="GT6" s="491"/>
      <c r="GU6" s="491"/>
      <c r="GV6" s="491"/>
      <c r="GW6" s="491"/>
      <c r="GX6" s="491"/>
      <c r="GY6" s="491"/>
      <c r="GZ6" s="491"/>
      <c r="HA6" s="491"/>
      <c r="HB6" s="491"/>
      <c r="HC6" s="492"/>
      <c r="HD6" s="663"/>
      <c r="HE6" s="664"/>
      <c r="HF6" s="664"/>
      <c r="HG6" s="664"/>
      <c r="HH6" s="664"/>
      <c r="HI6" s="664"/>
      <c r="HJ6" s="664"/>
      <c r="HK6" s="664"/>
      <c r="HL6" s="664"/>
      <c r="HM6" s="664"/>
      <c r="HN6" s="665"/>
      <c r="HO6" s="663"/>
      <c r="HP6" s="664"/>
      <c r="HQ6" s="664"/>
      <c r="HR6" s="664"/>
      <c r="HS6" s="664"/>
      <c r="HT6" s="664"/>
      <c r="HU6" s="664"/>
      <c r="HV6" s="664"/>
      <c r="HW6" s="664"/>
      <c r="HX6" s="664"/>
      <c r="HY6" s="665"/>
      <c r="HZ6" s="591"/>
      <c r="IA6" s="592"/>
      <c r="IB6" s="592"/>
      <c r="IC6" s="592"/>
      <c r="ID6" s="592"/>
      <c r="IE6" s="592"/>
      <c r="IF6" s="592"/>
      <c r="IG6" s="592"/>
      <c r="IH6" s="592"/>
      <c r="II6" s="592"/>
      <c r="IJ6" s="593"/>
      <c r="IK6" s="565"/>
      <c r="IL6" s="556"/>
      <c r="IM6" s="556"/>
      <c r="IN6" s="556"/>
      <c r="IO6" s="556"/>
      <c r="IP6" s="556"/>
      <c r="IQ6" s="556"/>
      <c r="IR6" s="556"/>
      <c r="IS6" s="556"/>
      <c r="IT6" s="556"/>
      <c r="IU6" s="566"/>
      <c r="IV6" s="565"/>
      <c r="IW6" s="556"/>
      <c r="IX6" s="556"/>
      <c r="IY6" s="556"/>
      <c r="IZ6" s="556"/>
      <c r="JA6" s="556"/>
      <c r="JB6" s="556"/>
      <c r="JC6" s="556"/>
      <c r="JD6" s="556"/>
      <c r="JE6" s="556"/>
      <c r="JF6" s="566"/>
      <c r="JG6" s="597"/>
      <c r="JH6" s="598"/>
      <c r="JI6" s="598"/>
      <c r="JJ6" s="598"/>
      <c r="JK6" s="598"/>
      <c r="JL6" s="598"/>
      <c r="JM6" s="598"/>
      <c r="JN6" s="598"/>
      <c r="JO6" s="598"/>
      <c r="JP6" s="598"/>
      <c r="JQ6" s="599"/>
      <c r="JR6" s="565"/>
      <c r="JS6" s="556"/>
      <c r="JT6" s="556"/>
      <c r="JU6" s="556"/>
      <c r="JV6" s="556"/>
      <c r="JW6" s="556"/>
      <c r="JX6" s="556"/>
      <c r="JY6" s="556"/>
      <c r="JZ6" s="556"/>
      <c r="KA6" s="556"/>
      <c r="KB6" s="566"/>
      <c r="KC6" s="565"/>
      <c r="KD6" s="556"/>
      <c r="KE6" s="556"/>
      <c r="KF6" s="556"/>
      <c r="KG6" s="556"/>
      <c r="KH6" s="556"/>
      <c r="KI6" s="556"/>
      <c r="KJ6" s="556"/>
      <c r="KK6" s="556"/>
      <c r="KL6" s="556"/>
      <c r="KM6" s="566"/>
      <c r="KN6" s="565"/>
      <c r="KO6" s="556"/>
      <c r="KP6" s="556"/>
      <c r="KQ6" s="556"/>
      <c r="KR6" s="556"/>
      <c r="KS6" s="556"/>
      <c r="KT6" s="556"/>
      <c r="KU6" s="556"/>
      <c r="KV6" s="556"/>
      <c r="KW6" s="556"/>
      <c r="KX6" s="566"/>
      <c r="KY6" s="565"/>
      <c r="KZ6" s="556"/>
      <c r="LA6" s="556"/>
      <c r="LB6" s="556"/>
      <c r="LC6" s="556"/>
      <c r="LD6" s="556"/>
      <c r="LE6" s="556"/>
      <c r="LF6" s="556"/>
      <c r="LG6" s="556"/>
      <c r="LH6" s="556"/>
      <c r="LI6" s="566"/>
      <c r="LJ6" s="591"/>
      <c r="LK6" s="592"/>
      <c r="LL6" s="592"/>
      <c r="LM6" s="592"/>
      <c r="LN6" s="592"/>
      <c r="LO6" s="592"/>
      <c r="LP6" s="592"/>
      <c r="LQ6" s="592"/>
      <c r="LR6" s="592"/>
      <c r="LS6" s="592"/>
      <c r="LT6" s="593"/>
      <c r="LU6" s="606"/>
      <c r="LV6" s="607"/>
      <c r="LW6" s="607"/>
      <c r="LX6" s="607"/>
      <c r="LY6" s="607"/>
      <c r="LZ6" s="607"/>
      <c r="MA6" s="607"/>
      <c r="MB6" s="607"/>
      <c r="MC6" s="607"/>
      <c r="MD6" s="607"/>
      <c r="ME6" s="608"/>
      <c r="MF6" s="591"/>
      <c r="MG6" s="592"/>
      <c r="MH6" s="592"/>
      <c r="MI6" s="592"/>
      <c r="MJ6" s="592"/>
      <c r="MK6" s="592"/>
      <c r="ML6" s="592"/>
      <c r="MM6" s="592"/>
      <c r="MN6" s="592"/>
      <c r="MO6" s="592"/>
      <c r="MP6" s="593"/>
      <c r="MQ6" s="565"/>
      <c r="MR6" s="556"/>
      <c r="MS6" s="556"/>
      <c r="MT6" s="556"/>
      <c r="MU6" s="556"/>
      <c r="MV6" s="556"/>
      <c r="MW6" s="556"/>
      <c r="MX6" s="556"/>
      <c r="MY6" s="556"/>
      <c r="MZ6" s="556"/>
      <c r="NA6" s="566"/>
      <c r="NB6" s="565"/>
      <c r="NC6" s="556"/>
      <c r="ND6" s="556"/>
      <c r="NE6" s="556"/>
      <c r="NF6" s="556"/>
      <c r="NG6" s="556"/>
      <c r="NH6" s="556"/>
      <c r="NI6" s="556"/>
      <c r="NJ6" s="556"/>
      <c r="NK6" s="556"/>
      <c r="NL6" s="566"/>
      <c r="NM6" s="565"/>
      <c r="NN6" s="556"/>
      <c r="NO6" s="556"/>
      <c r="NP6" s="556"/>
      <c r="NQ6" s="556"/>
      <c r="NR6" s="556"/>
      <c r="NS6" s="556"/>
      <c r="NT6" s="556"/>
      <c r="NU6" s="556"/>
      <c r="NV6" s="556"/>
      <c r="NW6" s="566"/>
      <c r="NX6" s="616"/>
      <c r="NY6" s="617"/>
      <c r="NZ6" s="617"/>
      <c r="OA6" s="617"/>
      <c r="OB6" s="617"/>
      <c r="OC6" s="617"/>
      <c r="OD6" s="617"/>
      <c r="OE6" s="617"/>
      <c r="OF6" s="617"/>
      <c r="OG6" s="617"/>
      <c r="OH6" s="618"/>
      <c r="OI6" s="565"/>
      <c r="OJ6" s="556"/>
      <c r="OK6" s="556"/>
      <c r="OL6" s="556"/>
      <c r="OM6" s="556"/>
      <c r="ON6" s="556"/>
      <c r="OO6" s="556"/>
      <c r="OP6" s="556"/>
      <c r="OQ6" s="556"/>
      <c r="OR6" s="556"/>
      <c r="OS6" s="566"/>
    </row>
    <row r="7" spans="2:409" ht="21" customHeight="1" x14ac:dyDescent="0.2">
      <c r="B7" s="650"/>
      <c r="C7" s="673" t="s">
        <v>61</v>
      </c>
      <c r="D7" s="673"/>
      <c r="E7" s="673"/>
      <c r="F7" s="674" t="s">
        <v>62</v>
      </c>
      <c r="G7" s="673"/>
      <c r="H7" s="673"/>
      <c r="I7" s="673"/>
      <c r="J7" s="673"/>
      <c r="K7" s="673"/>
      <c r="L7" s="673"/>
      <c r="M7" s="674" t="s">
        <v>52</v>
      </c>
      <c r="N7" s="676" t="s">
        <v>61</v>
      </c>
      <c r="O7" s="673"/>
      <c r="P7" s="673"/>
      <c r="Q7" s="674" t="s">
        <v>62</v>
      </c>
      <c r="R7" s="673"/>
      <c r="S7" s="673"/>
      <c r="T7" s="673"/>
      <c r="U7" s="673"/>
      <c r="V7" s="673"/>
      <c r="W7" s="677"/>
      <c r="X7" s="681" t="s">
        <v>52</v>
      </c>
      <c r="Y7" s="487" t="s">
        <v>61</v>
      </c>
      <c r="Z7" s="488"/>
      <c r="AA7" s="683"/>
      <c r="AB7" s="684" t="s">
        <v>62</v>
      </c>
      <c r="AC7" s="488"/>
      <c r="AD7" s="488"/>
      <c r="AE7" s="488"/>
      <c r="AF7" s="488"/>
      <c r="AG7" s="488"/>
      <c r="AH7" s="683"/>
      <c r="AI7" s="489" t="s">
        <v>52</v>
      </c>
      <c r="AJ7" s="686" t="s">
        <v>61</v>
      </c>
      <c r="AK7" s="679"/>
      <c r="AL7" s="687"/>
      <c r="AM7" s="678" t="s">
        <v>62</v>
      </c>
      <c r="AN7" s="679"/>
      <c r="AO7" s="679"/>
      <c r="AP7" s="679"/>
      <c r="AQ7" s="679"/>
      <c r="AR7" s="679"/>
      <c r="AS7" s="680"/>
      <c r="AT7" s="489" t="s">
        <v>52</v>
      </c>
      <c r="AU7" s="686" t="s">
        <v>61</v>
      </c>
      <c r="AV7" s="679"/>
      <c r="AW7" s="687"/>
      <c r="AX7" s="678" t="s">
        <v>62</v>
      </c>
      <c r="AY7" s="679"/>
      <c r="AZ7" s="679"/>
      <c r="BA7" s="679"/>
      <c r="BB7" s="679"/>
      <c r="BC7" s="679"/>
      <c r="BD7" s="680"/>
      <c r="BE7" s="489" t="s">
        <v>52</v>
      </c>
      <c r="BF7" s="686" t="s">
        <v>61</v>
      </c>
      <c r="BG7" s="679"/>
      <c r="BH7" s="687"/>
      <c r="BI7" s="678" t="s">
        <v>62</v>
      </c>
      <c r="BJ7" s="679"/>
      <c r="BK7" s="679"/>
      <c r="BL7" s="679"/>
      <c r="BM7" s="679"/>
      <c r="BN7" s="679"/>
      <c r="BO7" s="680"/>
      <c r="BP7" s="489" t="s">
        <v>52</v>
      </c>
      <c r="BQ7" s="686" t="s">
        <v>61</v>
      </c>
      <c r="BR7" s="679"/>
      <c r="BS7" s="687"/>
      <c r="BT7" s="678" t="s">
        <v>62</v>
      </c>
      <c r="BU7" s="679"/>
      <c r="BV7" s="679"/>
      <c r="BW7" s="679"/>
      <c r="BX7" s="679"/>
      <c r="BY7" s="679"/>
      <c r="BZ7" s="680"/>
      <c r="CA7" s="489" t="s">
        <v>52</v>
      </c>
      <c r="CB7" s="688" t="s">
        <v>61</v>
      </c>
      <c r="CC7" s="689"/>
      <c r="CD7" s="690"/>
      <c r="CE7" s="691" t="s">
        <v>62</v>
      </c>
      <c r="CF7" s="689"/>
      <c r="CG7" s="689"/>
      <c r="CH7" s="689"/>
      <c r="CI7" s="689"/>
      <c r="CJ7" s="689"/>
      <c r="CK7" s="692"/>
      <c r="CL7" s="681" t="s">
        <v>52</v>
      </c>
      <c r="CM7" s="686" t="s">
        <v>61</v>
      </c>
      <c r="CN7" s="679"/>
      <c r="CO7" s="680"/>
      <c r="CP7" s="678" t="s">
        <v>62</v>
      </c>
      <c r="CQ7" s="679"/>
      <c r="CR7" s="679"/>
      <c r="CS7" s="679"/>
      <c r="CT7" s="679"/>
      <c r="CU7" s="679"/>
      <c r="CV7" s="680"/>
      <c r="CW7" s="693" t="s">
        <v>52</v>
      </c>
      <c r="CX7" s="686" t="s">
        <v>61</v>
      </c>
      <c r="CY7" s="679"/>
      <c r="CZ7" s="680"/>
      <c r="DA7" s="678" t="s">
        <v>62</v>
      </c>
      <c r="DB7" s="679"/>
      <c r="DC7" s="679"/>
      <c r="DD7" s="679"/>
      <c r="DE7" s="679"/>
      <c r="DF7" s="679"/>
      <c r="DG7" s="680"/>
      <c r="DH7" s="693" t="s">
        <v>52</v>
      </c>
      <c r="DI7" s="688" t="s">
        <v>61</v>
      </c>
      <c r="DJ7" s="689"/>
      <c r="DK7" s="692"/>
      <c r="DL7" s="691" t="s">
        <v>62</v>
      </c>
      <c r="DM7" s="689"/>
      <c r="DN7" s="689"/>
      <c r="DO7" s="689"/>
      <c r="DP7" s="689"/>
      <c r="DQ7" s="689"/>
      <c r="DR7" s="692"/>
      <c r="DS7" s="681" t="s">
        <v>52</v>
      </c>
      <c r="DT7" s="686" t="s">
        <v>61</v>
      </c>
      <c r="DU7" s="679"/>
      <c r="DV7" s="687"/>
      <c r="DW7" s="678" t="s">
        <v>62</v>
      </c>
      <c r="DX7" s="679"/>
      <c r="DY7" s="679"/>
      <c r="DZ7" s="679"/>
      <c r="EA7" s="679"/>
      <c r="EB7" s="679"/>
      <c r="EC7" s="680"/>
      <c r="ED7" s="489" t="s">
        <v>52</v>
      </c>
      <c r="EE7" s="686" t="s">
        <v>61</v>
      </c>
      <c r="EF7" s="679"/>
      <c r="EG7" s="687"/>
      <c r="EH7" s="678" t="s">
        <v>62</v>
      </c>
      <c r="EI7" s="679"/>
      <c r="EJ7" s="679"/>
      <c r="EK7" s="679"/>
      <c r="EL7" s="679"/>
      <c r="EM7" s="679"/>
      <c r="EN7" s="680"/>
      <c r="EO7" s="489" t="s">
        <v>52</v>
      </c>
      <c r="EP7" s="686" t="s">
        <v>61</v>
      </c>
      <c r="EQ7" s="679"/>
      <c r="ER7" s="687"/>
      <c r="ES7" s="678" t="s">
        <v>62</v>
      </c>
      <c r="ET7" s="679"/>
      <c r="EU7" s="679"/>
      <c r="EV7" s="679"/>
      <c r="EW7" s="679"/>
      <c r="EX7" s="679"/>
      <c r="EY7" s="680"/>
      <c r="EZ7" s="489" t="s">
        <v>52</v>
      </c>
      <c r="FA7" s="686" t="s">
        <v>61</v>
      </c>
      <c r="FB7" s="679"/>
      <c r="FC7" s="687"/>
      <c r="FD7" s="678" t="s">
        <v>62</v>
      </c>
      <c r="FE7" s="679"/>
      <c r="FF7" s="679"/>
      <c r="FG7" s="679"/>
      <c r="FH7" s="679"/>
      <c r="FI7" s="679"/>
      <c r="FJ7" s="680"/>
      <c r="FK7" s="489" t="s">
        <v>52</v>
      </c>
      <c r="FL7" s="688" t="s">
        <v>61</v>
      </c>
      <c r="FM7" s="689"/>
      <c r="FN7" s="690"/>
      <c r="FO7" s="691" t="s">
        <v>62</v>
      </c>
      <c r="FP7" s="689"/>
      <c r="FQ7" s="689"/>
      <c r="FR7" s="689"/>
      <c r="FS7" s="689"/>
      <c r="FT7" s="689"/>
      <c r="FU7" s="692"/>
      <c r="FV7" s="673" t="s">
        <v>52</v>
      </c>
      <c r="FW7" s="686" t="s">
        <v>61</v>
      </c>
      <c r="FX7" s="679"/>
      <c r="FY7" s="687"/>
      <c r="FZ7" s="678" t="s">
        <v>62</v>
      </c>
      <c r="GA7" s="679"/>
      <c r="GB7" s="679"/>
      <c r="GC7" s="679"/>
      <c r="GD7" s="679"/>
      <c r="GE7" s="679"/>
      <c r="GF7" s="680"/>
      <c r="GG7" s="489" t="s">
        <v>52</v>
      </c>
      <c r="GH7" s="487" t="s">
        <v>61</v>
      </c>
      <c r="GI7" s="488"/>
      <c r="GJ7" s="488"/>
      <c r="GK7" s="684" t="s">
        <v>62</v>
      </c>
      <c r="GL7" s="488"/>
      <c r="GM7" s="488"/>
      <c r="GN7" s="488"/>
      <c r="GO7" s="488"/>
      <c r="GP7" s="488"/>
      <c r="GQ7" s="683"/>
      <c r="GR7" s="694" t="s">
        <v>52</v>
      </c>
      <c r="GS7" s="487" t="s">
        <v>61</v>
      </c>
      <c r="GT7" s="488"/>
      <c r="GU7" s="683"/>
      <c r="GV7" s="684" t="s">
        <v>62</v>
      </c>
      <c r="GW7" s="488"/>
      <c r="GX7" s="488"/>
      <c r="GY7" s="488"/>
      <c r="GZ7" s="488"/>
      <c r="HA7" s="488"/>
      <c r="HB7" s="683"/>
      <c r="HC7" s="694" t="s">
        <v>52</v>
      </c>
      <c r="HD7" s="686" t="s">
        <v>61</v>
      </c>
      <c r="HE7" s="679"/>
      <c r="HF7" s="687"/>
      <c r="HG7" s="678" t="s">
        <v>62</v>
      </c>
      <c r="HH7" s="679"/>
      <c r="HI7" s="679"/>
      <c r="HJ7" s="679"/>
      <c r="HK7" s="679"/>
      <c r="HL7" s="679"/>
      <c r="HM7" s="680"/>
      <c r="HN7" s="489" t="s">
        <v>52</v>
      </c>
      <c r="HO7" s="686" t="s">
        <v>61</v>
      </c>
      <c r="HP7" s="679"/>
      <c r="HQ7" s="687"/>
      <c r="HR7" s="678" t="s">
        <v>62</v>
      </c>
      <c r="HS7" s="679"/>
      <c r="HT7" s="679"/>
      <c r="HU7" s="679"/>
      <c r="HV7" s="679"/>
      <c r="HW7" s="679"/>
      <c r="HX7" s="680"/>
      <c r="HY7" s="489" t="s">
        <v>52</v>
      </c>
      <c r="HZ7" s="543" t="s">
        <v>61</v>
      </c>
      <c r="IA7" s="544"/>
      <c r="IB7" s="545"/>
      <c r="IC7" s="580" t="s">
        <v>62</v>
      </c>
      <c r="ID7" s="544"/>
      <c r="IE7" s="544"/>
      <c r="IF7" s="544"/>
      <c r="IG7" s="544"/>
      <c r="IH7" s="544"/>
      <c r="II7" s="581"/>
      <c r="IJ7" s="547" t="s">
        <v>52</v>
      </c>
      <c r="IK7" s="560" t="s">
        <v>61</v>
      </c>
      <c r="IL7" s="553"/>
      <c r="IM7" s="554"/>
      <c r="IN7" s="583" t="s">
        <v>62</v>
      </c>
      <c r="IO7" s="553"/>
      <c r="IP7" s="553"/>
      <c r="IQ7" s="553"/>
      <c r="IR7" s="553"/>
      <c r="IS7" s="553"/>
      <c r="IT7" s="584"/>
      <c r="IU7" s="566" t="s">
        <v>52</v>
      </c>
      <c r="IV7" s="560" t="s">
        <v>61</v>
      </c>
      <c r="IW7" s="553"/>
      <c r="IX7" s="584"/>
      <c r="IY7" s="583" t="s">
        <v>62</v>
      </c>
      <c r="IZ7" s="553"/>
      <c r="JA7" s="553"/>
      <c r="JB7" s="553"/>
      <c r="JC7" s="553"/>
      <c r="JD7" s="553"/>
      <c r="JE7" s="584"/>
      <c r="JF7" s="566" t="s">
        <v>52</v>
      </c>
      <c r="JG7" s="560" t="s">
        <v>61</v>
      </c>
      <c r="JH7" s="553"/>
      <c r="JI7" s="554"/>
      <c r="JJ7" s="583" t="s">
        <v>62</v>
      </c>
      <c r="JK7" s="553"/>
      <c r="JL7" s="553"/>
      <c r="JM7" s="553"/>
      <c r="JN7" s="553"/>
      <c r="JO7" s="553"/>
      <c r="JP7" s="584"/>
      <c r="JQ7" s="578" t="s">
        <v>52</v>
      </c>
      <c r="JR7" s="560" t="s">
        <v>61</v>
      </c>
      <c r="JS7" s="553"/>
      <c r="JT7" s="554"/>
      <c r="JU7" s="583" t="s">
        <v>62</v>
      </c>
      <c r="JV7" s="553"/>
      <c r="JW7" s="553"/>
      <c r="JX7" s="553"/>
      <c r="JY7" s="553"/>
      <c r="JZ7" s="553"/>
      <c r="KA7" s="584"/>
      <c r="KB7" s="578" t="s">
        <v>52</v>
      </c>
      <c r="KC7" s="560" t="s">
        <v>61</v>
      </c>
      <c r="KD7" s="553"/>
      <c r="KE7" s="554"/>
      <c r="KF7" s="583" t="s">
        <v>62</v>
      </c>
      <c r="KG7" s="553"/>
      <c r="KH7" s="553"/>
      <c r="KI7" s="553"/>
      <c r="KJ7" s="553"/>
      <c r="KK7" s="553"/>
      <c r="KL7" s="584"/>
      <c r="KM7" s="578" t="s">
        <v>52</v>
      </c>
      <c r="KN7" s="560" t="s">
        <v>61</v>
      </c>
      <c r="KO7" s="553"/>
      <c r="KP7" s="554"/>
      <c r="KQ7" s="583" t="s">
        <v>62</v>
      </c>
      <c r="KR7" s="553"/>
      <c r="KS7" s="553"/>
      <c r="KT7" s="553"/>
      <c r="KU7" s="553"/>
      <c r="KV7" s="553"/>
      <c r="KW7" s="584"/>
      <c r="KX7" s="578" t="s">
        <v>52</v>
      </c>
      <c r="KY7" s="560" t="s">
        <v>61</v>
      </c>
      <c r="KZ7" s="553"/>
      <c r="LA7" s="554"/>
      <c r="LB7" s="583" t="s">
        <v>62</v>
      </c>
      <c r="LC7" s="553"/>
      <c r="LD7" s="553"/>
      <c r="LE7" s="553"/>
      <c r="LF7" s="553"/>
      <c r="LG7" s="553"/>
      <c r="LH7" s="584"/>
      <c r="LI7" s="578" t="s">
        <v>52</v>
      </c>
      <c r="LJ7" s="560" t="s">
        <v>61</v>
      </c>
      <c r="LK7" s="553"/>
      <c r="LL7" s="554"/>
      <c r="LM7" s="583" t="s">
        <v>62</v>
      </c>
      <c r="LN7" s="553"/>
      <c r="LO7" s="553"/>
      <c r="LP7" s="553"/>
      <c r="LQ7" s="553"/>
      <c r="LR7" s="553"/>
      <c r="LS7" s="584"/>
      <c r="LT7" s="578" t="s">
        <v>52</v>
      </c>
      <c r="LU7" s="560" t="s">
        <v>61</v>
      </c>
      <c r="LV7" s="553"/>
      <c r="LW7" s="554"/>
      <c r="LX7" s="583" t="s">
        <v>62</v>
      </c>
      <c r="LY7" s="553"/>
      <c r="LZ7" s="553"/>
      <c r="MA7" s="553"/>
      <c r="MB7" s="553"/>
      <c r="MC7" s="553"/>
      <c r="MD7" s="584"/>
      <c r="ME7" s="578" t="s">
        <v>52</v>
      </c>
      <c r="MF7" s="543" t="s">
        <v>61</v>
      </c>
      <c r="MG7" s="544"/>
      <c r="MH7" s="545"/>
      <c r="MI7" s="580" t="s">
        <v>62</v>
      </c>
      <c r="MJ7" s="544"/>
      <c r="MK7" s="544"/>
      <c r="ML7" s="544"/>
      <c r="MM7" s="544"/>
      <c r="MN7" s="544"/>
      <c r="MO7" s="581"/>
      <c r="MP7" s="582" t="s">
        <v>52</v>
      </c>
      <c r="MQ7" s="560" t="s">
        <v>61</v>
      </c>
      <c r="MR7" s="553"/>
      <c r="MS7" s="554"/>
      <c r="MT7" s="583" t="s">
        <v>62</v>
      </c>
      <c r="MU7" s="553"/>
      <c r="MV7" s="553"/>
      <c r="MW7" s="553"/>
      <c r="MX7" s="553"/>
      <c r="MY7" s="553"/>
      <c r="MZ7" s="584"/>
      <c r="NA7" s="578" t="s">
        <v>52</v>
      </c>
      <c r="NB7" s="560" t="s">
        <v>61</v>
      </c>
      <c r="NC7" s="553"/>
      <c r="ND7" s="554"/>
      <c r="NE7" s="583" t="s">
        <v>62</v>
      </c>
      <c r="NF7" s="553"/>
      <c r="NG7" s="553"/>
      <c r="NH7" s="553"/>
      <c r="NI7" s="553"/>
      <c r="NJ7" s="553"/>
      <c r="NK7" s="584"/>
      <c r="NL7" s="578" t="s">
        <v>52</v>
      </c>
      <c r="NM7" s="560" t="s">
        <v>61</v>
      </c>
      <c r="NN7" s="553"/>
      <c r="NO7" s="554"/>
      <c r="NP7" s="583" t="s">
        <v>62</v>
      </c>
      <c r="NQ7" s="553"/>
      <c r="NR7" s="553"/>
      <c r="NS7" s="553"/>
      <c r="NT7" s="553"/>
      <c r="NU7" s="553"/>
      <c r="NV7" s="584"/>
      <c r="NW7" s="578" t="s">
        <v>52</v>
      </c>
      <c r="NX7" s="560" t="s">
        <v>61</v>
      </c>
      <c r="NY7" s="553"/>
      <c r="NZ7" s="554"/>
      <c r="OA7" s="583" t="s">
        <v>62</v>
      </c>
      <c r="OB7" s="553"/>
      <c r="OC7" s="553"/>
      <c r="OD7" s="553"/>
      <c r="OE7" s="553"/>
      <c r="OF7" s="553"/>
      <c r="OG7" s="584"/>
      <c r="OH7" s="578" t="s">
        <v>52</v>
      </c>
      <c r="OI7" s="543" t="s">
        <v>61</v>
      </c>
      <c r="OJ7" s="544"/>
      <c r="OK7" s="545"/>
      <c r="OL7" s="580" t="s">
        <v>62</v>
      </c>
      <c r="OM7" s="544"/>
      <c r="ON7" s="544"/>
      <c r="OO7" s="544"/>
      <c r="OP7" s="544"/>
      <c r="OQ7" s="544"/>
      <c r="OR7" s="581"/>
      <c r="OS7" s="582" t="s">
        <v>52</v>
      </c>
    </row>
    <row r="8" spans="2:409" ht="30" customHeight="1" thickBot="1" x14ac:dyDescent="0.25">
      <c r="B8" s="651"/>
      <c r="C8" s="297" t="s">
        <v>43</v>
      </c>
      <c r="D8" s="41" t="s">
        <v>44</v>
      </c>
      <c r="E8" s="298" t="s">
        <v>45</v>
      </c>
      <c r="F8" s="44" t="s">
        <v>83</v>
      </c>
      <c r="G8" s="41" t="s">
        <v>47</v>
      </c>
      <c r="H8" s="41" t="s">
        <v>48</v>
      </c>
      <c r="I8" s="41" t="s">
        <v>49</v>
      </c>
      <c r="J8" s="41" t="s">
        <v>50</v>
      </c>
      <c r="K8" s="41" t="s">
        <v>51</v>
      </c>
      <c r="L8" s="42" t="s">
        <v>45</v>
      </c>
      <c r="M8" s="675"/>
      <c r="N8" s="43" t="s">
        <v>43</v>
      </c>
      <c r="O8" s="41" t="s">
        <v>44</v>
      </c>
      <c r="P8" s="42" t="s">
        <v>45</v>
      </c>
      <c r="Q8" s="44" t="s">
        <v>83</v>
      </c>
      <c r="R8" s="41" t="s">
        <v>47</v>
      </c>
      <c r="S8" s="41" t="s">
        <v>48</v>
      </c>
      <c r="T8" s="41" t="s">
        <v>49</v>
      </c>
      <c r="U8" s="41" t="s">
        <v>50</v>
      </c>
      <c r="V8" s="41" t="s">
        <v>51</v>
      </c>
      <c r="W8" s="42" t="s">
        <v>45</v>
      </c>
      <c r="X8" s="682"/>
      <c r="Y8" s="43" t="s">
        <v>43</v>
      </c>
      <c r="Z8" s="41" t="s">
        <v>44</v>
      </c>
      <c r="AA8" s="42" t="s">
        <v>45</v>
      </c>
      <c r="AB8" s="44" t="s">
        <v>83</v>
      </c>
      <c r="AC8" s="41" t="s">
        <v>47</v>
      </c>
      <c r="AD8" s="41" t="s">
        <v>48</v>
      </c>
      <c r="AE8" s="41" t="s">
        <v>49</v>
      </c>
      <c r="AF8" s="41" t="s">
        <v>50</v>
      </c>
      <c r="AG8" s="41" t="s">
        <v>51</v>
      </c>
      <c r="AH8" s="42" t="s">
        <v>45</v>
      </c>
      <c r="AI8" s="685"/>
      <c r="AJ8" s="43" t="s">
        <v>43</v>
      </c>
      <c r="AK8" s="41" t="s">
        <v>44</v>
      </c>
      <c r="AL8" s="298" t="s">
        <v>45</v>
      </c>
      <c r="AM8" s="44" t="s">
        <v>83</v>
      </c>
      <c r="AN8" s="41" t="s">
        <v>47</v>
      </c>
      <c r="AO8" s="41" t="s">
        <v>48</v>
      </c>
      <c r="AP8" s="41" t="s">
        <v>49</v>
      </c>
      <c r="AQ8" s="41" t="s">
        <v>50</v>
      </c>
      <c r="AR8" s="41" t="s">
        <v>51</v>
      </c>
      <c r="AS8" s="42" t="s">
        <v>45</v>
      </c>
      <c r="AT8" s="685"/>
      <c r="AU8" s="43" t="s">
        <v>43</v>
      </c>
      <c r="AV8" s="41" t="s">
        <v>44</v>
      </c>
      <c r="AW8" s="298" t="s">
        <v>45</v>
      </c>
      <c r="AX8" s="44" t="s">
        <v>83</v>
      </c>
      <c r="AY8" s="41" t="s">
        <v>47</v>
      </c>
      <c r="AZ8" s="41" t="s">
        <v>48</v>
      </c>
      <c r="BA8" s="41" t="s">
        <v>49</v>
      </c>
      <c r="BB8" s="41" t="s">
        <v>50</v>
      </c>
      <c r="BC8" s="41" t="s">
        <v>51</v>
      </c>
      <c r="BD8" s="42" t="s">
        <v>45</v>
      </c>
      <c r="BE8" s="685"/>
      <c r="BF8" s="299" t="s">
        <v>43</v>
      </c>
      <c r="BG8" s="41" t="s">
        <v>44</v>
      </c>
      <c r="BH8" s="298" t="s">
        <v>45</v>
      </c>
      <c r="BI8" s="44" t="s">
        <v>83</v>
      </c>
      <c r="BJ8" s="41" t="s">
        <v>47</v>
      </c>
      <c r="BK8" s="41" t="s">
        <v>48</v>
      </c>
      <c r="BL8" s="41" t="s">
        <v>49</v>
      </c>
      <c r="BM8" s="41" t="s">
        <v>50</v>
      </c>
      <c r="BN8" s="41" t="s">
        <v>51</v>
      </c>
      <c r="BO8" s="42" t="s">
        <v>45</v>
      </c>
      <c r="BP8" s="685"/>
      <c r="BQ8" s="43" t="s">
        <v>43</v>
      </c>
      <c r="BR8" s="41" t="s">
        <v>44</v>
      </c>
      <c r="BS8" s="298" t="s">
        <v>45</v>
      </c>
      <c r="BT8" s="44" t="s">
        <v>83</v>
      </c>
      <c r="BU8" s="41" t="s">
        <v>47</v>
      </c>
      <c r="BV8" s="41" t="s">
        <v>48</v>
      </c>
      <c r="BW8" s="41" t="s">
        <v>49</v>
      </c>
      <c r="BX8" s="41" t="s">
        <v>50</v>
      </c>
      <c r="BY8" s="41" t="s">
        <v>51</v>
      </c>
      <c r="BZ8" s="42" t="s">
        <v>45</v>
      </c>
      <c r="CA8" s="685"/>
      <c r="CB8" s="43" t="s">
        <v>43</v>
      </c>
      <c r="CC8" s="41" t="s">
        <v>44</v>
      </c>
      <c r="CD8" s="298" t="s">
        <v>45</v>
      </c>
      <c r="CE8" s="44" t="s">
        <v>83</v>
      </c>
      <c r="CF8" s="41" t="s">
        <v>47</v>
      </c>
      <c r="CG8" s="41" t="s">
        <v>48</v>
      </c>
      <c r="CH8" s="41" t="s">
        <v>49</v>
      </c>
      <c r="CI8" s="41" t="s">
        <v>50</v>
      </c>
      <c r="CJ8" s="41" t="s">
        <v>51</v>
      </c>
      <c r="CK8" s="42" t="s">
        <v>45</v>
      </c>
      <c r="CL8" s="682"/>
      <c r="CM8" s="43" t="s">
        <v>43</v>
      </c>
      <c r="CN8" s="41" t="s">
        <v>44</v>
      </c>
      <c r="CO8" s="42" t="s">
        <v>45</v>
      </c>
      <c r="CP8" s="44" t="s">
        <v>83</v>
      </c>
      <c r="CQ8" s="41" t="s">
        <v>47</v>
      </c>
      <c r="CR8" s="41" t="s">
        <v>48</v>
      </c>
      <c r="CS8" s="41" t="s">
        <v>49</v>
      </c>
      <c r="CT8" s="41" t="s">
        <v>50</v>
      </c>
      <c r="CU8" s="41" t="s">
        <v>51</v>
      </c>
      <c r="CV8" s="42" t="s">
        <v>45</v>
      </c>
      <c r="CW8" s="682"/>
      <c r="CX8" s="43" t="s">
        <v>43</v>
      </c>
      <c r="CY8" s="41" t="s">
        <v>44</v>
      </c>
      <c r="CZ8" s="42" t="s">
        <v>45</v>
      </c>
      <c r="DA8" s="44" t="s">
        <v>83</v>
      </c>
      <c r="DB8" s="41" t="s">
        <v>47</v>
      </c>
      <c r="DC8" s="41" t="s">
        <v>48</v>
      </c>
      <c r="DD8" s="41" t="s">
        <v>49</v>
      </c>
      <c r="DE8" s="41" t="s">
        <v>50</v>
      </c>
      <c r="DF8" s="41" t="s">
        <v>51</v>
      </c>
      <c r="DG8" s="42" t="s">
        <v>45</v>
      </c>
      <c r="DH8" s="682"/>
      <c r="DI8" s="43" t="s">
        <v>43</v>
      </c>
      <c r="DJ8" s="41" t="s">
        <v>44</v>
      </c>
      <c r="DK8" s="42" t="s">
        <v>45</v>
      </c>
      <c r="DL8" s="44" t="s">
        <v>83</v>
      </c>
      <c r="DM8" s="41" t="s">
        <v>47</v>
      </c>
      <c r="DN8" s="41" t="s">
        <v>48</v>
      </c>
      <c r="DO8" s="41" t="s">
        <v>49</v>
      </c>
      <c r="DP8" s="41" t="s">
        <v>50</v>
      </c>
      <c r="DQ8" s="41" t="s">
        <v>51</v>
      </c>
      <c r="DR8" s="42" t="s">
        <v>45</v>
      </c>
      <c r="DS8" s="682"/>
      <c r="DT8" s="43" t="s">
        <v>43</v>
      </c>
      <c r="DU8" s="41" t="s">
        <v>44</v>
      </c>
      <c r="DV8" s="298" t="s">
        <v>45</v>
      </c>
      <c r="DW8" s="44" t="s">
        <v>83</v>
      </c>
      <c r="DX8" s="41" t="s">
        <v>47</v>
      </c>
      <c r="DY8" s="41" t="s">
        <v>48</v>
      </c>
      <c r="DZ8" s="41" t="s">
        <v>49</v>
      </c>
      <c r="EA8" s="41" t="s">
        <v>50</v>
      </c>
      <c r="EB8" s="41" t="s">
        <v>51</v>
      </c>
      <c r="EC8" s="42" t="s">
        <v>45</v>
      </c>
      <c r="ED8" s="685"/>
      <c r="EE8" s="43" t="s">
        <v>43</v>
      </c>
      <c r="EF8" s="41" t="s">
        <v>44</v>
      </c>
      <c r="EG8" s="298" t="s">
        <v>45</v>
      </c>
      <c r="EH8" s="44" t="s">
        <v>83</v>
      </c>
      <c r="EI8" s="41" t="s">
        <v>47</v>
      </c>
      <c r="EJ8" s="41" t="s">
        <v>48</v>
      </c>
      <c r="EK8" s="41" t="s">
        <v>49</v>
      </c>
      <c r="EL8" s="41" t="s">
        <v>50</v>
      </c>
      <c r="EM8" s="41" t="s">
        <v>51</v>
      </c>
      <c r="EN8" s="42" t="s">
        <v>45</v>
      </c>
      <c r="EO8" s="685"/>
      <c r="EP8" s="43" t="s">
        <v>43</v>
      </c>
      <c r="EQ8" s="41" t="s">
        <v>44</v>
      </c>
      <c r="ER8" s="298" t="s">
        <v>45</v>
      </c>
      <c r="ES8" s="44" t="s">
        <v>83</v>
      </c>
      <c r="ET8" s="41" t="s">
        <v>47</v>
      </c>
      <c r="EU8" s="41" t="s">
        <v>48</v>
      </c>
      <c r="EV8" s="41" t="s">
        <v>49</v>
      </c>
      <c r="EW8" s="41" t="s">
        <v>50</v>
      </c>
      <c r="EX8" s="41" t="s">
        <v>51</v>
      </c>
      <c r="EY8" s="42" t="s">
        <v>45</v>
      </c>
      <c r="EZ8" s="685"/>
      <c r="FA8" s="43" t="s">
        <v>43</v>
      </c>
      <c r="FB8" s="41" t="s">
        <v>44</v>
      </c>
      <c r="FC8" s="298" t="s">
        <v>45</v>
      </c>
      <c r="FD8" s="44" t="s">
        <v>83</v>
      </c>
      <c r="FE8" s="41" t="s">
        <v>47</v>
      </c>
      <c r="FF8" s="41" t="s">
        <v>48</v>
      </c>
      <c r="FG8" s="41" t="s">
        <v>49</v>
      </c>
      <c r="FH8" s="41" t="s">
        <v>50</v>
      </c>
      <c r="FI8" s="41" t="s">
        <v>51</v>
      </c>
      <c r="FJ8" s="42" t="s">
        <v>45</v>
      </c>
      <c r="FK8" s="685"/>
      <c r="FL8" s="43" t="s">
        <v>43</v>
      </c>
      <c r="FM8" s="41" t="s">
        <v>44</v>
      </c>
      <c r="FN8" s="298" t="s">
        <v>45</v>
      </c>
      <c r="FO8" s="44" t="s">
        <v>83</v>
      </c>
      <c r="FP8" s="41" t="s">
        <v>47</v>
      </c>
      <c r="FQ8" s="41" t="s">
        <v>48</v>
      </c>
      <c r="FR8" s="41" t="s">
        <v>49</v>
      </c>
      <c r="FS8" s="41" t="s">
        <v>50</v>
      </c>
      <c r="FT8" s="41" t="s">
        <v>51</v>
      </c>
      <c r="FU8" s="42" t="s">
        <v>45</v>
      </c>
      <c r="FV8" s="697"/>
      <c r="FW8" s="43" t="s">
        <v>43</v>
      </c>
      <c r="FX8" s="41" t="s">
        <v>44</v>
      </c>
      <c r="FY8" s="298" t="s">
        <v>45</v>
      </c>
      <c r="FZ8" s="44" t="s">
        <v>83</v>
      </c>
      <c r="GA8" s="41" t="s">
        <v>47</v>
      </c>
      <c r="GB8" s="41" t="s">
        <v>48</v>
      </c>
      <c r="GC8" s="41" t="s">
        <v>49</v>
      </c>
      <c r="GD8" s="41" t="s">
        <v>50</v>
      </c>
      <c r="GE8" s="41" t="s">
        <v>51</v>
      </c>
      <c r="GF8" s="42" t="s">
        <v>45</v>
      </c>
      <c r="GG8" s="685"/>
      <c r="GH8" s="43" t="s">
        <v>43</v>
      </c>
      <c r="GI8" s="41" t="s">
        <v>44</v>
      </c>
      <c r="GJ8" s="298" t="s">
        <v>45</v>
      </c>
      <c r="GK8" s="44" t="s">
        <v>83</v>
      </c>
      <c r="GL8" s="41" t="s">
        <v>47</v>
      </c>
      <c r="GM8" s="41" t="s">
        <v>48</v>
      </c>
      <c r="GN8" s="41" t="s">
        <v>49</v>
      </c>
      <c r="GO8" s="41" t="s">
        <v>50</v>
      </c>
      <c r="GP8" s="41" t="s">
        <v>51</v>
      </c>
      <c r="GQ8" s="42" t="s">
        <v>45</v>
      </c>
      <c r="GR8" s="695"/>
      <c r="GS8" s="43" t="s">
        <v>43</v>
      </c>
      <c r="GT8" s="41" t="s">
        <v>44</v>
      </c>
      <c r="GU8" s="298" t="s">
        <v>45</v>
      </c>
      <c r="GV8" s="44" t="s">
        <v>83</v>
      </c>
      <c r="GW8" s="41" t="s">
        <v>47</v>
      </c>
      <c r="GX8" s="41" t="s">
        <v>48</v>
      </c>
      <c r="GY8" s="41" t="s">
        <v>49</v>
      </c>
      <c r="GZ8" s="41" t="s">
        <v>50</v>
      </c>
      <c r="HA8" s="41" t="s">
        <v>51</v>
      </c>
      <c r="HB8" s="42" t="s">
        <v>45</v>
      </c>
      <c r="HC8" s="695"/>
      <c r="HD8" s="43" t="s">
        <v>43</v>
      </c>
      <c r="HE8" s="41" t="s">
        <v>44</v>
      </c>
      <c r="HF8" s="298" t="s">
        <v>45</v>
      </c>
      <c r="HG8" s="44" t="s">
        <v>83</v>
      </c>
      <c r="HH8" s="41" t="s">
        <v>47</v>
      </c>
      <c r="HI8" s="41" t="s">
        <v>48</v>
      </c>
      <c r="HJ8" s="41" t="s">
        <v>49</v>
      </c>
      <c r="HK8" s="41" t="s">
        <v>50</v>
      </c>
      <c r="HL8" s="41" t="s">
        <v>51</v>
      </c>
      <c r="HM8" s="42" t="s">
        <v>45</v>
      </c>
      <c r="HN8" s="685"/>
      <c r="HO8" s="43" t="s">
        <v>43</v>
      </c>
      <c r="HP8" s="41" t="s">
        <v>44</v>
      </c>
      <c r="HQ8" s="298" t="s">
        <v>45</v>
      </c>
      <c r="HR8" s="44" t="s">
        <v>83</v>
      </c>
      <c r="HS8" s="41" t="s">
        <v>47</v>
      </c>
      <c r="HT8" s="41" t="s">
        <v>48</v>
      </c>
      <c r="HU8" s="41" t="s">
        <v>49</v>
      </c>
      <c r="HV8" s="41" t="s">
        <v>50</v>
      </c>
      <c r="HW8" s="41" t="s">
        <v>51</v>
      </c>
      <c r="HX8" s="42" t="s">
        <v>45</v>
      </c>
      <c r="HY8" s="685"/>
      <c r="HZ8" s="324" t="s">
        <v>43</v>
      </c>
      <c r="IA8" s="325" t="s">
        <v>44</v>
      </c>
      <c r="IB8" s="36" t="s">
        <v>45</v>
      </c>
      <c r="IC8" s="37" t="s">
        <v>83</v>
      </c>
      <c r="ID8" s="325" t="s">
        <v>47</v>
      </c>
      <c r="IE8" s="325" t="s">
        <v>48</v>
      </c>
      <c r="IF8" s="325" t="s">
        <v>49</v>
      </c>
      <c r="IG8" s="325" t="s">
        <v>50</v>
      </c>
      <c r="IH8" s="325" t="s">
        <v>51</v>
      </c>
      <c r="II8" s="14" t="s">
        <v>45</v>
      </c>
      <c r="IJ8" s="620"/>
      <c r="IK8" s="324" t="s">
        <v>43</v>
      </c>
      <c r="IL8" s="325" t="s">
        <v>44</v>
      </c>
      <c r="IM8" s="36" t="s">
        <v>45</v>
      </c>
      <c r="IN8" s="37" t="s">
        <v>83</v>
      </c>
      <c r="IO8" s="51" t="s">
        <v>47</v>
      </c>
      <c r="IP8" s="51" t="s">
        <v>48</v>
      </c>
      <c r="IQ8" s="51" t="s">
        <v>49</v>
      </c>
      <c r="IR8" s="51" t="s">
        <v>50</v>
      </c>
      <c r="IS8" s="51" t="s">
        <v>51</v>
      </c>
      <c r="IT8" s="54" t="s">
        <v>45</v>
      </c>
      <c r="IU8" s="619"/>
      <c r="IV8" s="53" t="s">
        <v>43</v>
      </c>
      <c r="IW8" s="51" t="s">
        <v>44</v>
      </c>
      <c r="IX8" s="54" t="s">
        <v>45</v>
      </c>
      <c r="IY8" s="37" t="s">
        <v>83</v>
      </c>
      <c r="IZ8" s="51" t="s">
        <v>47</v>
      </c>
      <c r="JA8" s="51" t="s">
        <v>48</v>
      </c>
      <c r="JB8" s="51" t="s">
        <v>49</v>
      </c>
      <c r="JC8" s="51" t="s">
        <v>50</v>
      </c>
      <c r="JD8" s="51" t="s">
        <v>51</v>
      </c>
      <c r="JE8" s="54" t="s">
        <v>45</v>
      </c>
      <c r="JF8" s="619"/>
      <c r="JG8" s="53" t="s">
        <v>43</v>
      </c>
      <c r="JH8" s="51" t="s">
        <v>44</v>
      </c>
      <c r="JI8" s="52" t="s">
        <v>45</v>
      </c>
      <c r="JJ8" s="28" t="s">
        <v>83</v>
      </c>
      <c r="JK8" s="51" t="s">
        <v>47</v>
      </c>
      <c r="JL8" s="51" t="s">
        <v>48</v>
      </c>
      <c r="JM8" s="51" t="s">
        <v>49</v>
      </c>
      <c r="JN8" s="51" t="s">
        <v>50</v>
      </c>
      <c r="JO8" s="51" t="s">
        <v>51</v>
      </c>
      <c r="JP8" s="54" t="s">
        <v>45</v>
      </c>
      <c r="JQ8" s="579"/>
      <c r="JR8" s="53" t="s">
        <v>43</v>
      </c>
      <c r="JS8" s="51" t="s">
        <v>44</v>
      </c>
      <c r="JT8" s="52" t="s">
        <v>45</v>
      </c>
      <c r="JU8" s="28" t="s">
        <v>83</v>
      </c>
      <c r="JV8" s="51" t="s">
        <v>47</v>
      </c>
      <c r="JW8" s="51" t="s">
        <v>48</v>
      </c>
      <c r="JX8" s="51" t="s">
        <v>49</v>
      </c>
      <c r="JY8" s="51" t="s">
        <v>50</v>
      </c>
      <c r="JZ8" s="51" t="s">
        <v>51</v>
      </c>
      <c r="KA8" s="54" t="s">
        <v>45</v>
      </c>
      <c r="KB8" s="579"/>
      <c r="KC8" s="53" t="s">
        <v>43</v>
      </c>
      <c r="KD8" s="51" t="s">
        <v>44</v>
      </c>
      <c r="KE8" s="52" t="s">
        <v>45</v>
      </c>
      <c r="KF8" s="28" t="s">
        <v>83</v>
      </c>
      <c r="KG8" s="51" t="s">
        <v>47</v>
      </c>
      <c r="KH8" s="51" t="s">
        <v>48</v>
      </c>
      <c r="KI8" s="51" t="s">
        <v>49</v>
      </c>
      <c r="KJ8" s="51" t="s">
        <v>50</v>
      </c>
      <c r="KK8" s="51" t="s">
        <v>51</v>
      </c>
      <c r="KL8" s="54" t="s">
        <v>45</v>
      </c>
      <c r="KM8" s="579"/>
      <c r="KN8" s="53" t="s">
        <v>43</v>
      </c>
      <c r="KO8" s="51" t="s">
        <v>44</v>
      </c>
      <c r="KP8" s="52" t="s">
        <v>45</v>
      </c>
      <c r="KQ8" s="37" t="s">
        <v>83</v>
      </c>
      <c r="KR8" s="51" t="s">
        <v>47</v>
      </c>
      <c r="KS8" s="51" t="s">
        <v>48</v>
      </c>
      <c r="KT8" s="51" t="s">
        <v>49</v>
      </c>
      <c r="KU8" s="51" t="s">
        <v>50</v>
      </c>
      <c r="KV8" s="51" t="s">
        <v>51</v>
      </c>
      <c r="KW8" s="54" t="s">
        <v>45</v>
      </c>
      <c r="KX8" s="579"/>
      <c r="KY8" s="53" t="s">
        <v>43</v>
      </c>
      <c r="KZ8" s="51" t="s">
        <v>44</v>
      </c>
      <c r="LA8" s="52" t="s">
        <v>45</v>
      </c>
      <c r="LB8" s="37" t="s">
        <v>83</v>
      </c>
      <c r="LC8" s="51" t="s">
        <v>47</v>
      </c>
      <c r="LD8" s="51" t="s">
        <v>48</v>
      </c>
      <c r="LE8" s="51" t="s">
        <v>49</v>
      </c>
      <c r="LF8" s="51" t="s">
        <v>50</v>
      </c>
      <c r="LG8" s="51" t="s">
        <v>51</v>
      </c>
      <c r="LH8" s="54" t="s">
        <v>45</v>
      </c>
      <c r="LI8" s="579"/>
      <c r="LJ8" s="53" t="s">
        <v>43</v>
      </c>
      <c r="LK8" s="51" t="s">
        <v>44</v>
      </c>
      <c r="LL8" s="52" t="s">
        <v>45</v>
      </c>
      <c r="LM8" s="37" t="s">
        <v>83</v>
      </c>
      <c r="LN8" s="51" t="s">
        <v>47</v>
      </c>
      <c r="LO8" s="51" t="s">
        <v>48</v>
      </c>
      <c r="LP8" s="51" t="s">
        <v>49</v>
      </c>
      <c r="LQ8" s="51" t="s">
        <v>50</v>
      </c>
      <c r="LR8" s="51" t="s">
        <v>51</v>
      </c>
      <c r="LS8" s="54" t="s">
        <v>45</v>
      </c>
      <c r="LT8" s="579"/>
      <c r="LU8" s="53" t="s">
        <v>43</v>
      </c>
      <c r="LV8" s="51" t="s">
        <v>44</v>
      </c>
      <c r="LW8" s="52" t="s">
        <v>45</v>
      </c>
      <c r="LX8" s="37" t="s">
        <v>83</v>
      </c>
      <c r="LY8" s="51" t="s">
        <v>47</v>
      </c>
      <c r="LZ8" s="51" t="s">
        <v>48</v>
      </c>
      <c r="MA8" s="51" t="s">
        <v>49</v>
      </c>
      <c r="MB8" s="51" t="s">
        <v>50</v>
      </c>
      <c r="MC8" s="51" t="s">
        <v>51</v>
      </c>
      <c r="MD8" s="54" t="s">
        <v>45</v>
      </c>
      <c r="ME8" s="579"/>
      <c r="MF8" s="53" t="s">
        <v>43</v>
      </c>
      <c r="MG8" s="51" t="s">
        <v>44</v>
      </c>
      <c r="MH8" s="52" t="s">
        <v>45</v>
      </c>
      <c r="MI8" s="37" t="s">
        <v>83</v>
      </c>
      <c r="MJ8" s="51" t="s">
        <v>47</v>
      </c>
      <c r="MK8" s="51" t="s">
        <v>48</v>
      </c>
      <c r="ML8" s="51" t="s">
        <v>49</v>
      </c>
      <c r="MM8" s="51" t="s">
        <v>50</v>
      </c>
      <c r="MN8" s="51" t="s">
        <v>51</v>
      </c>
      <c r="MO8" s="54" t="s">
        <v>45</v>
      </c>
      <c r="MP8" s="579"/>
      <c r="MQ8" s="53" t="s">
        <v>43</v>
      </c>
      <c r="MR8" s="51" t="s">
        <v>44</v>
      </c>
      <c r="MS8" s="52" t="s">
        <v>45</v>
      </c>
      <c r="MT8" s="37" t="s">
        <v>83</v>
      </c>
      <c r="MU8" s="51" t="s">
        <v>47</v>
      </c>
      <c r="MV8" s="51" t="s">
        <v>48</v>
      </c>
      <c r="MW8" s="51" t="s">
        <v>49</v>
      </c>
      <c r="MX8" s="51" t="s">
        <v>50</v>
      </c>
      <c r="MY8" s="51" t="s">
        <v>51</v>
      </c>
      <c r="MZ8" s="54" t="s">
        <v>45</v>
      </c>
      <c r="NA8" s="579"/>
      <c r="NB8" s="53" t="s">
        <v>43</v>
      </c>
      <c r="NC8" s="51" t="s">
        <v>44</v>
      </c>
      <c r="ND8" s="52" t="s">
        <v>45</v>
      </c>
      <c r="NE8" s="37" t="s">
        <v>83</v>
      </c>
      <c r="NF8" s="51" t="s">
        <v>47</v>
      </c>
      <c r="NG8" s="51" t="s">
        <v>48</v>
      </c>
      <c r="NH8" s="51" t="s">
        <v>49</v>
      </c>
      <c r="NI8" s="51" t="s">
        <v>50</v>
      </c>
      <c r="NJ8" s="51" t="s">
        <v>51</v>
      </c>
      <c r="NK8" s="54" t="s">
        <v>45</v>
      </c>
      <c r="NL8" s="579"/>
      <c r="NM8" s="53" t="s">
        <v>43</v>
      </c>
      <c r="NN8" s="51" t="s">
        <v>44</v>
      </c>
      <c r="NO8" s="52" t="s">
        <v>45</v>
      </c>
      <c r="NP8" s="37" t="s">
        <v>83</v>
      </c>
      <c r="NQ8" s="51" t="s">
        <v>47</v>
      </c>
      <c r="NR8" s="51" t="s">
        <v>48</v>
      </c>
      <c r="NS8" s="51" t="s">
        <v>49</v>
      </c>
      <c r="NT8" s="51" t="s">
        <v>50</v>
      </c>
      <c r="NU8" s="51" t="s">
        <v>51</v>
      </c>
      <c r="NV8" s="54" t="s">
        <v>45</v>
      </c>
      <c r="NW8" s="579"/>
      <c r="NX8" s="53" t="s">
        <v>43</v>
      </c>
      <c r="NY8" s="51" t="s">
        <v>44</v>
      </c>
      <c r="NZ8" s="52" t="s">
        <v>45</v>
      </c>
      <c r="OA8" s="37" t="s">
        <v>83</v>
      </c>
      <c r="OB8" s="51" t="s">
        <v>47</v>
      </c>
      <c r="OC8" s="51" t="s">
        <v>48</v>
      </c>
      <c r="OD8" s="51" t="s">
        <v>49</v>
      </c>
      <c r="OE8" s="51" t="s">
        <v>50</v>
      </c>
      <c r="OF8" s="51" t="s">
        <v>51</v>
      </c>
      <c r="OG8" s="54" t="s">
        <v>45</v>
      </c>
      <c r="OH8" s="579"/>
      <c r="OI8" s="53" t="s">
        <v>43</v>
      </c>
      <c r="OJ8" s="51" t="s">
        <v>44</v>
      </c>
      <c r="OK8" s="52" t="s">
        <v>45</v>
      </c>
      <c r="OL8" s="28" t="s">
        <v>83</v>
      </c>
      <c r="OM8" s="51" t="s">
        <v>47</v>
      </c>
      <c r="ON8" s="51" t="s">
        <v>48</v>
      </c>
      <c r="OO8" s="51" t="s">
        <v>49</v>
      </c>
      <c r="OP8" s="51" t="s">
        <v>50</v>
      </c>
      <c r="OQ8" s="51" t="s">
        <v>51</v>
      </c>
      <c r="OR8" s="54" t="s">
        <v>45</v>
      </c>
      <c r="OS8" s="579"/>
    </row>
    <row r="9" spans="2:409" s="417" customFormat="1" ht="21" customHeight="1" x14ac:dyDescent="0.2">
      <c r="B9" s="435" t="s">
        <v>4</v>
      </c>
      <c r="C9" s="342">
        <v>26137205</v>
      </c>
      <c r="D9" s="343">
        <v>45993681</v>
      </c>
      <c r="E9" s="344">
        <v>72130886</v>
      </c>
      <c r="F9" s="345">
        <v>0</v>
      </c>
      <c r="G9" s="343">
        <v>261422354</v>
      </c>
      <c r="H9" s="343">
        <v>368081369</v>
      </c>
      <c r="I9" s="343">
        <v>305888160</v>
      </c>
      <c r="J9" s="343">
        <v>312584452</v>
      </c>
      <c r="K9" s="343">
        <v>230026990</v>
      </c>
      <c r="L9" s="346">
        <v>1478003325</v>
      </c>
      <c r="M9" s="347">
        <v>1550134211</v>
      </c>
      <c r="N9" s="342">
        <v>7661843</v>
      </c>
      <c r="O9" s="343">
        <v>16615765</v>
      </c>
      <c r="P9" s="348">
        <v>24277608</v>
      </c>
      <c r="Q9" s="342">
        <v>0</v>
      </c>
      <c r="R9" s="343">
        <v>83888945</v>
      </c>
      <c r="S9" s="343">
        <v>125667559</v>
      </c>
      <c r="T9" s="343">
        <v>100099395</v>
      </c>
      <c r="U9" s="343">
        <v>115262530</v>
      </c>
      <c r="V9" s="343">
        <v>102239122</v>
      </c>
      <c r="W9" s="348">
        <v>527157551</v>
      </c>
      <c r="X9" s="347">
        <v>551435159</v>
      </c>
      <c r="Y9" s="342">
        <v>0</v>
      </c>
      <c r="Z9" s="343">
        <v>7005</v>
      </c>
      <c r="AA9" s="348">
        <v>7005</v>
      </c>
      <c r="AB9" s="349">
        <v>0</v>
      </c>
      <c r="AC9" s="350">
        <v>33962938</v>
      </c>
      <c r="AD9" s="350">
        <v>50544200</v>
      </c>
      <c r="AE9" s="350">
        <v>47953297</v>
      </c>
      <c r="AF9" s="350">
        <v>60711827</v>
      </c>
      <c r="AG9" s="350">
        <v>54253596</v>
      </c>
      <c r="AH9" s="348">
        <v>247425858</v>
      </c>
      <c r="AI9" s="347">
        <v>247432863</v>
      </c>
      <c r="AJ9" s="351">
        <v>0</v>
      </c>
      <c r="AK9" s="350">
        <v>64699</v>
      </c>
      <c r="AL9" s="348">
        <v>64699</v>
      </c>
      <c r="AM9" s="349">
        <v>0</v>
      </c>
      <c r="AN9" s="350">
        <v>519736</v>
      </c>
      <c r="AO9" s="346">
        <v>1386527</v>
      </c>
      <c r="AP9" s="350">
        <v>2612964</v>
      </c>
      <c r="AQ9" s="350">
        <v>7307986</v>
      </c>
      <c r="AR9" s="350">
        <v>12224460</v>
      </c>
      <c r="AS9" s="348">
        <v>24051673</v>
      </c>
      <c r="AT9" s="347">
        <v>24116372</v>
      </c>
      <c r="AU9" s="351">
        <v>4005820</v>
      </c>
      <c r="AV9" s="350">
        <v>11249625</v>
      </c>
      <c r="AW9" s="348">
        <v>15255445</v>
      </c>
      <c r="AX9" s="349">
        <v>0</v>
      </c>
      <c r="AY9" s="350">
        <v>32172868</v>
      </c>
      <c r="AZ9" s="350">
        <v>49981523</v>
      </c>
      <c r="BA9" s="350">
        <v>30760538</v>
      </c>
      <c r="BB9" s="350">
        <v>26928624</v>
      </c>
      <c r="BC9" s="350">
        <v>20673809</v>
      </c>
      <c r="BD9" s="348">
        <v>160517362</v>
      </c>
      <c r="BE9" s="352">
        <v>175772807</v>
      </c>
      <c r="BF9" s="351">
        <v>556315</v>
      </c>
      <c r="BG9" s="346">
        <v>1841581</v>
      </c>
      <c r="BH9" s="353">
        <v>2397896</v>
      </c>
      <c r="BI9" s="349">
        <v>0</v>
      </c>
      <c r="BJ9" s="350">
        <v>2536176</v>
      </c>
      <c r="BK9" s="350">
        <v>4749611</v>
      </c>
      <c r="BL9" s="350">
        <v>2636239</v>
      </c>
      <c r="BM9" s="350">
        <v>2821198</v>
      </c>
      <c r="BN9" s="350">
        <v>1400787</v>
      </c>
      <c r="BO9" s="348">
        <v>14144011</v>
      </c>
      <c r="BP9" s="347">
        <v>16541907</v>
      </c>
      <c r="BQ9" s="351">
        <v>3099708</v>
      </c>
      <c r="BR9" s="350">
        <v>3452855</v>
      </c>
      <c r="BS9" s="348">
        <v>6552563</v>
      </c>
      <c r="BT9" s="349">
        <v>0</v>
      </c>
      <c r="BU9" s="350">
        <v>14697227</v>
      </c>
      <c r="BV9" s="350">
        <v>19005698</v>
      </c>
      <c r="BW9" s="350">
        <v>16136357</v>
      </c>
      <c r="BX9" s="350">
        <v>17492895</v>
      </c>
      <c r="BY9" s="350">
        <v>13686470</v>
      </c>
      <c r="BZ9" s="348">
        <v>81018647</v>
      </c>
      <c r="CA9" s="347">
        <v>87571210</v>
      </c>
      <c r="CB9" s="351">
        <v>2594275</v>
      </c>
      <c r="CC9" s="350">
        <v>6457266</v>
      </c>
      <c r="CD9" s="348">
        <v>9051541</v>
      </c>
      <c r="CE9" s="349">
        <v>0</v>
      </c>
      <c r="CF9" s="350">
        <v>66659580</v>
      </c>
      <c r="CG9" s="350">
        <v>87746610</v>
      </c>
      <c r="CH9" s="354">
        <v>58879325</v>
      </c>
      <c r="CI9" s="350">
        <v>37860302</v>
      </c>
      <c r="CJ9" s="350">
        <v>17816255</v>
      </c>
      <c r="CK9" s="348">
        <v>268962072</v>
      </c>
      <c r="CL9" s="347">
        <v>278013613</v>
      </c>
      <c r="CM9" s="342">
        <v>0</v>
      </c>
      <c r="CN9" s="343">
        <v>9912</v>
      </c>
      <c r="CO9" s="348">
        <v>9912</v>
      </c>
      <c r="CP9" s="349">
        <v>0</v>
      </c>
      <c r="CQ9" s="350">
        <v>52053321</v>
      </c>
      <c r="CR9" s="350">
        <v>63081182</v>
      </c>
      <c r="CS9" s="350">
        <v>40472823</v>
      </c>
      <c r="CT9" s="350">
        <v>26138112</v>
      </c>
      <c r="CU9" s="350">
        <v>11604930</v>
      </c>
      <c r="CV9" s="355">
        <v>193350368</v>
      </c>
      <c r="CW9" s="347">
        <v>193360280</v>
      </c>
      <c r="CX9" s="351">
        <v>2594275</v>
      </c>
      <c r="CY9" s="350">
        <v>6447354</v>
      </c>
      <c r="CZ9" s="348">
        <v>9041629</v>
      </c>
      <c r="DA9" s="349">
        <v>0</v>
      </c>
      <c r="DB9" s="350">
        <v>14606259</v>
      </c>
      <c r="DC9" s="350">
        <v>24665428</v>
      </c>
      <c r="DD9" s="350">
        <v>18406502</v>
      </c>
      <c r="DE9" s="350">
        <v>11722190</v>
      </c>
      <c r="DF9" s="350">
        <v>6211325</v>
      </c>
      <c r="DG9" s="348">
        <v>75611704</v>
      </c>
      <c r="DH9" s="347">
        <v>84653333</v>
      </c>
      <c r="DI9" s="351">
        <v>82001</v>
      </c>
      <c r="DJ9" s="350">
        <v>831505</v>
      </c>
      <c r="DK9" s="353">
        <v>913506</v>
      </c>
      <c r="DL9" s="349">
        <v>0</v>
      </c>
      <c r="DM9" s="350">
        <v>7903823</v>
      </c>
      <c r="DN9" s="350">
        <v>17042626</v>
      </c>
      <c r="DO9" s="350">
        <v>23630710</v>
      </c>
      <c r="DP9" s="350">
        <v>19878630</v>
      </c>
      <c r="DQ9" s="350">
        <v>12334670</v>
      </c>
      <c r="DR9" s="356">
        <v>80790459</v>
      </c>
      <c r="DS9" s="347">
        <v>81703965</v>
      </c>
      <c r="DT9" s="351">
        <v>62311</v>
      </c>
      <c r="DU9" s="350">
        <v>633336</v>
      </c>
      <c r="DV9" s="348">
        <v>695647</v>
      </c>
      <c r="DW9" s="349">
        <v>0</v>
      </c>
      <c r="DX9" s="350">
        <v>6707652</v>
      </c>
      <c r="DY9" s="350">
        <v>13536611</v>
      </c>
      <c r="DZ9" s="350">
        <v>20101003</v>
      </c>
      <c r="EA9" s="350">
        <v>16385721</v>
      </c>
      <c r="EB9" s="350">
        <v>9851480</v>
      </c>
      <c r="EC9" s="348">
        <v>66582467</v>
      </c>
      <c r="ED9" s="347">
        <v>67278114</v>
      </c>
      <c r="EE9" s="351">
        <v>19690</v>
      </c>
      <c r="EF9" s="346">
        <v>198169</v>
      </c>
      <c r="EG9" s="348">
        <v>217859</v>
      </c>
      <c r="EH9" s="352">
        <v>0</v>
      </c>
      <c r="EI9" s="350">
        <v>1196171</v>
      </c>
      <c r="EJ9" s="350">
        <v>3506015</v>
      </c>
      <c r="EK9" s="350">
        <v>3529707</v>
      </c>
      <c r="EL9" s="350">
        <v>3492909</v>
      </c>
      <c r="EM9" s="354">
        <v>2483190</v>
      </c>
      <c r="EN9" s="346">
        <v>14207992</v>
      </c>
      <c r="EO9" s="347">
        <v>14425851</v>
      </c>
      <c r="EP9" s="351">
        <v>0</v>
      </c>
      <c r="EQ9" s="350">
        <v>0</v>
      </c>
      <c r="ER9" s="346">
        <v>0</v>
      </c>
      <c r="ES9" s="349">
        <v>0</v>
      </c>
      <c r="ET9" s="350">
        <v>0</v>
      </c>
      <c r="EU9" s="350">
        <v>0</v>
      </c>
      <c r="EV9" s="350">
        <v>0</v>
      </c>
      <c r="EW9" s="350">
        <v>0</v>
      </c>
      <c r="EX9" s="350">
        <v>0</v>
      </c>
      <c r="EY9" s="355">
        <v>0</v>
      </c>
      <c r="EZ9" s="347">
        <v>0</v>
      </c>
      <c r="FA9" s="351">
        <v>0</v>
      </c>
      <c r="FB9" s="350">
        <v>0</v>
      </c>
      <c r="FC9" s="346">
        <v>0</v>
      </c>
      <c r="FD9" s="468">
        <v>0</v>
      </c>
      <c r="FE9" s="350">
        <v>0</v>
      </c>
      <c r="FF9" s="350">
        <v>0</v>
      </c>
      <c r="FG9" s="350">
        <v>0</v>
      </c>
      <c r="FH9" s="350">
        <v>0</v>
      </c>
      <c r="FI9" s="350">
        <v>0</v>
      </c>
      <c r="FJ9" s="355">
        <v>0</v>
      </c>
      <c r="FK9" s="347">
        <v>0</v>
      </c>
      <c r="FL9" s="351">
        <v>4608929</v>
      </c>
      <c r="FM9" s="350">
        <v>9682418</v>
      </c>
      <c r="FN9" s="348">
        <v>14291347</v>
      </c>
      <c r="FO9" s="349">
        <v>0</v>
      </c>
      <c r="FP9" s="350">
        <v>14519829</v>
      </c>
      <c r="FQ9" s="350">
        <v>32027572</v>
      </c>
      <c r="FR9" s="350">
        <v>23220442</v>
      </c>
      <c r="FS9" s="350">
        <v>20511920</v>
      </c>
      <c r="FT9" s="350">
        <v>14406809</v>
      </c>
      <c r="FU9" s="348">
        <v>104686572</v>
      </c>
      <c r="FV9" s="347">
        <v>118977919</v>
      </c>
      <c r="FW9" s="351">
        <v>2586505</v>
      </c>
      <c r="FX9" s="350">
        <v>6754181</v>
      </c>
      <c r="FY9" s="346">
        <v>9340686</v>
      </c>
      <c r="FZ9" s="352">
        <v>0</v>
      </c>
      <c r="GA9" s="350">
        <v>10186763</v>
      </c>
      <c r="GB9" s="358">
        <v>28792126</v>
      </c>
      <c r="GC9" s="350">
        <v>20547448</v>
      </c>
      <c r="GD9" s="358">
        <v>18912685</v>
      </c>
      <c r="GE9" s="350">
        <v>13400976</v>
      </c>
      <c r="GF9" s="355">
        <v>91839998</v>
      </c>
      <c r="GG9" s="359">
        <v>101180684</v>
      </c>
      <c r="GH9" s="360">
        <v>305500</v>
      </c>
      <c r="GI9" s="350">
        <v>323098</v>
      </c>
      <c r="GJ9" s="358">
        <v>628598</v>
      </c>
      <c r="GK9" s="345">
        <v>0</v>
      </c>
      <c r="GL9" s="350">
        <v>811957</v>
      </c>
      <c r="GM9" s="346">
        <v>990430</v>
      </c>
      <c r="GN9" s="350">
        <v>644439</v>
      </c>
      <c r="GO9" s="346">
        <v>852018</v>
      </c>
      <c r="GP9" s="350">
        <v>334883</v>
      </c>
      <c r="GQ9" s="356">
        <v>3633727</v>
      </c>
      <c r="GR9" s="347">
        <v>4262325</v>
      </c>
      <c r="GS9" s="346">
        <v>1716924</v>
      </c>
      <c r="GT9" s="350">
        <v>2605139</v>
      </c>
      <c r="GU9" s="348">
        <v>4322063</v>
      </c>
      <c r="GV9" s="346">
        <v>0</v>
      </c>
      <c r="GW9" s="350">
        <v>3521109</v>
      </c>
      <c r="GX9" s="346">
        <v>2245016</v>
      </c>
      <c r="GY9" s="350">
        <v>2028555</v>
      </c>
      <c r="GZ9" s="346">
        <v>747217</v>
      </c>
      <c r="HA9" s="350">
        <v>670950</v>
      </c>
      <c r="HB9" s="346">
        <v>9212847</v>
      </c>
      <c r="HC9" s="347">
        <v>13534910</v>
      </c>
      <c r="HD9" s="346">
        <v>11190157</v>
      </c>
      <c r="HE9" s="350">
        <v>12406727</v>
      </c>
      <c r="HF9" s="346">
        <v>23596884</v>
      </c>
      <c r="HG9" s="352">
        <v>0</v>
      </c>
      <c r="HH9" s="350">
        <v>88450177</v>
      </c>
      <c r="HI9" s="358">
        <v>105597002</v>
      </c>
      <c r="HJ9" s="350">
        <v>100058288</v>
      </c>
      <c r="HK9" s="358">
        <v>119071070</v>
      </c>
      <c r="HL9" s="350">
        <v>83230134</v>
      </c>
      <c r="HM9" s="355">
        <v>496406671</v>
      </c>
      <c r="HN9" s="346">
        <v>520003555</v>
      </c>
      <c r="HO9" s="445">
        <v>0</v>
      </c>
      <c r="HP9" s="446">
        <v>0</v>
      </c>
      <c r="HQ9" s="447">
        <v>0</v>
      </c>
      <c r="HR9" s="448">
        <v>0</v>
      </c>
      <c r="HS9" s="446">
        <v>0</v>
      </c>
      <c r="HT9" s="448">
        <v>0</v>
      </c>
      <c r="HU9" s="446">
        <v>0</v>
      </c>
      <c r="HV9" s="448">
        <v>0</v>
      </c>
      <c r="HW9" s="446">
        <v>0</v>
      </c>
      <c r="HX9" s="448">
        <v>0</v>
      </c>
      <c r="HY9" s="449">
        <v>0</v>
      </c>
      <c r="HZ9" s="361">
        <v>475289</v>
      </c>
      <c r="IA9" s="362">
        <v>1489717</v>
      </c>
      <c r="IB9" s="363">
        <v>1965006</v>
      </c>
      <c r="IC9" s="364">
        <v>0</v>
      </c>
      <c r="ID9" s="362">
        <v>52690014</v>
      </c>
      <c r="IE9" s="365">
        <v>72680482</v>
      </c>
      <c r="IF9" s="366">
        <v>77808305</v>
      </c>
      <c r="IG9" s="362">
        <v>60134878</v>
      </c>
      <c r="IH9" s="366">
        <v>47773979</v>
      </c>
      <c r="II9" s="367">
        <v>311087658</v>
      </c>
      <c r="IJ9" s="368">
        <v>313052664</v>
      </c>
      <c r="IK9" s="369">
        <v>0</v>
      </c>
      <c r="IL9" s="370">
        <v>0</v>
      </c>
      <c r="IM9" s="371">
        <v>0</v>
      </c>
      <c r="IN9" s="468">
        <v>0</v>
      </c>
      <c r="IO9" s="373">
        <v>1227662</v>
      </c>
      <c r="IP9" s="373">
        <v>3334397</v>
      </c>
      <c r="IQ9" s="373">
        <v>3334892</v>
      </c>
      <c r="IR9" s="373">
        <v>4381996</v>
      </c>
      <c r="IS9" s="373">
        <v>5174493</v>
      </c>
      <c r="IT9" s="374">
        <v>17453440</v>
      </c>
      <c r="IU9" s="375">
        <v>17453440</v>
      </c>
      <c r="IV9" s="376">
        <v>0</v>
      </c>
      <c r="IW9" s="373">
        <v>0</v>
      </c>
      <c r="IX9" s="377">
        <v>0</v>
      </c>
      <c r="IY9" s="468">
        <v>0</v>
      </c>
      <c r="IZ9" s="373">
        <v>174840</v>
      </c>
      <c r="JA9" s="373">
        <v>665625</v>
      </c>
      <c r="JB9" s="373">
        <v>519274</v>
      </c>
      <c r="JC9" s="373">
        <v>675406</v>
      </c>
      <c r="JD9" s="373">
        <v>1623639</v>
      </c>
      <c r="JE9" s="377">
        <v>3658784</v>
      </c>
      <c r="JF9" s="378">
        <v>3658784</v>
      </c>
      <c r="JG9" s="376">
        <v>0</v>
      </c>
      <c r="JH9" s="373">
        <v>0</v>
      </c>
      <c r="JI9" s="374">
        <v>0</v>
      </c>
      <c r="JJ9" s="379">
        <v>0</v>
      </c>
      <c r="JK9" s="373">
        <v>25254551</v>
      </c>
      <c r="JL9" s="373">
        <v>29530122</v>
      </c>
      <c r="JM9" s="373">
        <v>18143470</v>
      </c>
      <c r="JN9" s="373">
        <v>12146659</v>
      </c>
      <c r="JO9" s="373">
        <v>4730918</v>
      </c>
      <c r="JP9" s="377">
        <v>89805720</v>
      </c>
      <c r="JQ9" s="375">
        <v>89805720</v>
      </c>
      <c r="JR9" s="376">
        <v>31416</v>
      </c>
      <c r="JS9" s="373">
        <v>0</v>
      </c>
      <c r="JT9" s="374">
        <v>31416</v>
      </c>
      <c r="JU9" s="379">
        <v>0</v>
      </c>
      <c r="JV9" s="373">
        <v>3299298</v>
      </c>
      <c r="JW9" s="373">
        <v>5120895</v>
      </c>
      <c r="JX9" s="373">
        <v>6937744</v>
      </c>
      <c r="JY9" s="373">
        <v>2568199</v>
      </c>
      <c r="JZ9" s="373">
        <v>2593574</v>
      </c>
      <c r="KA9" s="377">
        <v>20519710</v>
      </c>
      <c r="KB9" s="375">
        <v>20551126</v>
      </c>
      <c r="KC9" s="380">
        <v>443873</v>
      </c>
      <c r="KD9" s="381">
        <v>1489717</v>
      </c>
      <c r="KE9" s="377">
        <v>1933590</v>
      </c>
      <c r="KF9" s="379">
        <v>0</v>
      </c>
      <c r="KG9" s="373">
        <v>8107064</v>
      </c>
      <c r="KH9" s="373">
        <v>7138660</v>
      </c>
      <c r="KI9" s="373">
        <v>14211321</v>
      </c>
      <c r="KJ9" s="373">
        <v>9282216</v>
      </c>
      <c r="KK9" s="373">
        <v>4262777</v>
      </c>
      <c r="KL9" s="377">
        <v>43002038</v>
      </c>
      <c r="KM9" s="382">
        <v>44935628</v>
      </c>
      <c r="KN9" s="369">
        <v>0</v>
      </c>
      <c r="KO9" s="370">
        <v>0</v>
      </c>
      <c r="KP9" s="371">
        <v>0</v>
      </c>
      <c r="KQ9" s="468">
        <v>0</v>
      </c>
      <c r="KR9" s="373">
        <v>13501953</v>
      </c>
      <c r="KS9" s="373">
        <v>22934157</v>
      </c>
      <c r="KT9" s="373">
        <v>27545422</v>
      </c>
      <c r="KU9" s="373">
        <v>22168639</v>
      </c>
      <c r="KV9" s="373">
        <v>18674209</v>
      </c>
      <c r="KW9" s="377">
        <v>104824380</v>
      </c>
      <c r="KX9" s="375">
        <v>104824380</v>
      </c>
      <c r="KY9" s="376">
        <v>0</v>
      </c>
      <c r="KZ9" s="373">
        <v>0</v>
      </c>
      <c r="LA9" s="377">
        <v>0</v>
      </c>
      <c r="LB9" s="468">
        <v>0</v>
      </c>
      <c r="LC9" s="373">
        <v>170584</v>
      </c>
      <c r="LD9" s="373">
        <v>637013</v>
      </c>
      <c r="LE9" s="373">
        <v>1355377</v>
      </c>
      <c r="LF9" s="373">
        <v>770543</v>
      </c>
      <c r="LG9" s="373">
        <v>1045581</v>
      </c>
      <c r="LH9" s="377">
        <v>3979098</v>
      </c>
      <c r="LI9" s="378">
        <v>3979098</v>
      </c>
      <c r="LJ9" s="376">
        <v>0</v>
      </c>
      <c r="LK9" s="373">
        <v>0</v>
      </c>
      <c r="LL9" s="377">
        <v>0</v>
      </c>
      <c r="LM9" s="468">
        <v>0</v>
      </c>
      <c r="LN9" s="373">
        <v>189476</v>
      </c>
      <c r="LO9" s="373">
        <v>412829</v>
      </c>
      <c r="LP9" s="373">
        <v>1875768</v>
      </c>
      <c r="LQ9" s="373">
        <v>4262942</v>
      </c>
      <c r="LR9" s="373">
        <v>1811088</v>
      </c>
      <c r="LS9" s="377">
        <v>8552103</v>
      </c>
      <c r="LT9" s="375">
        <v>8552103</v>
      </c>
      <c r="LU9" s="376">
        <v>0</v>
      </c>
      <c r="LV9" s="373">
        <v>0</v>
      </c>
      <c r="LW9" s="377">
        <v>0</v>
      </c>
      <c r="LX9" s="468">
        <v>0</v>
      </c>
      <c r="LY9" s="373">
        <v>764586</v>
      </c>
      <c r="LZ9" s="373">
        <v>2906784</v>
      </c>
      <c r="MA9" s="373">
        <v>3885037</v>
      </c>
      <c r="MB9" s="373">
        <v>3878278</v>
      </c>
      <c r="MC9" s="373">
        <v>7857700</v>
      </c>
      <c r="MD9" s="377">
        <v>19292385</v>
      </c>
      <c r="ME9" s="378">
        <v>19292385</v>
      </c>
      <c r="MF9" s="376">
        <v>0</v>
      </c>
      <c r="MG9" s="373">
        <v>0</v>
      </c>
      <c r="MH9" s="377">
        <v>0</v>
      </c>
      <c r="MI9" s="468">
        <v>0</v>
      </c>
      <c r="MJ9" s="373">
        <v>15332263</v>
      </c>
      <c r="MK9" s="373">
        <v>37562959</v>
      </c>
      <c r="ML9" s="373">
        <v>105218798</v>
      </c>
      <c r="MM9" s="373">
        <v>163516042</v>
      </c>
      <c r="MN9" s="373">
        <v>107827748</v>
      </c>
      <c r="MO9" s="377">
        <v>429457810</v>
      </c>
      <c r="MP9" s="382">
        <v>429457810</v>
      </c>
      <c r="MQ9" s="376">
        <v>0</v>
      </c>
      <c r="MR9" s="373">
        <v>0</v>
      </c>
      <c r="MS9" s="377">
        <v>0</v>
      </c>
      <c r="MT9" s="468">
        <v>0</v>
      </c>
      <c r="MU9" s="373">
        <v>1859030</v>
      </c>
      <c r="MV9" s="373">
        <v>7246126</v>
      </c>
      <c r="MW9" s="373">
        <v>61151983</v>
      </c>
      <c r="MX9" s="373">
        <v>91555400</v>
      </c>
      <c r="MY9" s="373">
        <v>66745574</v>
      </c>
      <c r="MZ9" s="377">
        <v>228558113</v>
      </c>
      <c r="NA9" s="382">
        <v>228558113</v>
      </c>
      <c r="NB9" s="376">
        <v>0</v>
      </c>
      <c r="NC9" s="373">
        <v>0</v>
      </c>
      <c r="ND9" s="377">
        <v>0</v>
      </c>
      <c r="NE9" s="468">
        <v>0</v>
      </c>
      <c r="NF9" s="373">
        <v>13473233</v>
      </c>
      <c r="NG9" s="373">
        <v>29919393</v>
      </c>
      <c r="NH9" s="373">
        <v>43597636</v>
      </c>
      <c r="NI9" s="373">
        <v>68696972</v>
      </c>
      <c r="NJ9" s="373">
        <v>31896478</v>
      </c>
      <c r="NK9" s="377">
        <v>187583712</v>
      </c>
      <c r="NL9" s="375">
        <v>187583712</v>
      </c>
      <c r="NM9" s="376">
        <v>0</v>
      </c>
      <c r="NN9" s="373">
        <v>0</v>
      </c>
      <c r="NO9" s="377">
        <v>0</v>
      </c>
      <c r="NP9" s="468">
        <v>0</v>
      </c>
      <c r="NQ9" s="373">
        <v>0</v>
      </c>
      <c r="NR9" s="373">
        <v>0</v>
      </c>
      <c r="NS9" s="373">
        <v>185961</v>
      </c>
      <c r="NT9" s="373">
        <v>630985</v>
      </c>
      <c r="NU9" s="373">
        <v>868128</v>
      </c>
      <c r="NV9" s="377">
        <v>1685074</v>
      </c>
      <c r="NW9" s="378">
        <v>1685074</v>
      </c>
      <c r="NX9" s="376">
        <v>0</v>
      </c>
      <c r="NY9" s="373">
        <v>0</v>
      </c>
      <c r="NZ9" s="377">
        <v>0</v>
      </c>
      <c r="OA9" s="468">
        <v>0</v>
      </c>
      <c r="OB9" s="373">
        <v>0</v>
      </c>
      <c r="OC9" s="373">
        <v>397440</v>
      </c>
      <c r="OD9" s="373">
        <v>283218</v>
      </c>
      <c r="OE9" s="373">
        <v>2632685</v>
      </c>
      <c r="OF9" s="373">
        <v>8317568</v>
      </c>
      <c r="OG9" s="377">
        <v>11630911</v>
      </c>
      <c r="OH9" s="378">
        <v>11630911</v>
      </c>
      <c r="OI9" s="376">
        <v>26612494</v>
      </c>
      <c r="OJ9" s="373">
        <v>47483398</v>
      </c>
      <c r="OK9" s="374">
        <v>74095892</v>
      </c>
      <c r="OL9" s="379">
        <v>0</v>
      </c>
      <c r="OM9" s="373">
        <v>329444631</v>
      </c>
      <c r="ON9" s="373">
        <v>478324810</v>
      </c>
      <c r="OO9" s="373">
        <v>488915263</v>
      </c>
      <c r="OP9" s="373">
        <v>536235372</v>
      </c>
      <c r="OQ9" s="373">
        <v>385628717</v>
      </c>
      <c r="OR9" s="377">
        <v>2218548793</v>
      </c>
      <c r="OS9" s="382">
        <v>2292644685</v>
      </c>
    </row>
    <row r="10" spans="2:409" s="417" customFormat="1" ht="21" customHeight="1" x14ac:dyDescent="0.2">
      <c r="B10" s="436" t="s">
        <v>5</v>
      </c>
      <c r="C10" s="384">
        <v>11990633</v>
      </c>
      <c r="D10" s="385">
        <v>24086397</v>
      </c>
      <c r="E10" s="386">
        <v>36077030</v>
      </c>
      <c r="F10" s="387">
        <v>0</v>
      </c>
      <c r="G10" s="385">
        <v>96190566</v>
      </c>
      <c r="H10" s="385">
        <v>181242218</v>
      </c>
      <c r="I10" s="385">
        <v>134496269</v>
      </c>
      <c r="J10" s="385">
        <v>139312860</v>
      </c>
      <c r="K10" s="385">
        <v>100865016</v>
      </c>
      <c r="L10" s="387">
        <v>652106929</v>
      </c>
      <c r="M10" s="388">
        <v>688183959</v>
      </c>
      <c r="N10" s="384">
        <v>3488042</v>
      </c>
      <c r="O10" s="385">
        <v>9233620</v>
      </c>
      <c r="P10" s="386">
        <v>12721662</v>
      </c>
      <c r="Q10" s="384">
        <v>0</v>
      </c>
      <c r="R10" s="385">
        <v>31100237</v>
      </c>
      <c r="S10" s="385">
        <v>64622136</v>
      </c>
      <c r="T10" s="385">
        <v>44076517</v>
      </c>
      <c r="U10" s="385">
        <v>50105440</v>
      </c>
      <c r="V10" s="385">
        <v>47096417</v>
      </c>
      <c r="W10" s="386">
        <v>237000747</v>
      </c>
      <c r="X10" s="388">
        <v>249722409</v>
      </c>
      <c r="Y10" s="384">
        <v>0</v>
      </c>
      <c r="Z10" s="385">
        <v>0</v>
      </c>
      <c r="AA10" s="386">
        <v>0</v>
      </c>
      <c r="AB10" s="384">
        <v>0</v>
      </c>
      <c r="AC10" s="385">
        <v>12948605</v>
      </c>
      <c r="AD10" s="385">
        <v>24899975</v>
      </c>
      <c r="AE10" s="385">
        <v>19501442</v>
      </c>
      <c r="AF10" s="385">
        <v>24879913</v>
      </c>
      <c r="AG10" s="385">
        <v>24131066</v>
      </c>
      <c r="AH10" s="386">
        <v>106361001</v>
      </c>
      <c r="AI10" s="388">
        <v>106361001</v>
      </c>
      <c r="AJ10" s="384">
        <v>0</v>
      </c>
      <c r="AK10" s="385">
        <v>64699</v>
      </c>
      <c r="AL10" s="386">
        <v>64699</v>
      </c>
      <c r="AM10" s="384">
        <v>0</v>
      </c>
      <c r="AN10" s="385">
        <v>130323</v>
      </c>
      <c r="AO10" s="385">
        <v>543472</v>
      </c>
      <c r="AP10" s="385">
        <v>1140537</v>
      </c>
      <c r="AQ10" s="385">
        <v>2840478</v>
      </c>
      <c r="AR10" s="385">
        <v>6759886</v>
      </c>
      <c r="AS10" s="386">
        <v>11414696</v>
      </c>
      <c r="AT10" s="388">
        <v>11479395</v>
      </c>
      <c r="AU10" s="384">
        <v>1877593</v>
      </c>
      <c r="AV10" s="385">
        <v>6167489</v>
      </c>
      <c r="AW10" s="386">
        <v>8045082</v>
      </c>
      <c r="AX10" s="384">
        <v>0</v>
      </c>
      <c r="AY10" s="385">
        <v>11455334</v>
      </c>
      <c r="AZ10" s="385">
        <v>27543906</v>
      </c>
      <c r="BA10" s="385">
        <v>15135992</v>
      </c>
      <c r="BB10" s="385">
        <v>13192352</v>
      </c>
      <c r="BC10" s="385">
        <v>9926842</v>
      </c>
      <c r="BD10" s="386">
        <v>77254426</v>
      </c>
      <c r="BE10" s="388">
        <v>85299508</v>
      </c>
      <c r="BF10" s="384">
        <v>226273</v>
      </c>
      <c r="BG10" s="385">
        <v>1143156</v>
      </c>
      <c r="BH10" s="389">
        <v>1369429</v>
      </c>
      <c r="BI10" s="390">
        <v>0</v>
      </c>
      <c r="BJ10" s="385">
        <v>773054</v>
      </c>
      <c r="BK10" s="385">
        <v>2479133</v>
      </c>
      <c r="BL10" s="385">
        <v>1117933</v>
      </c>
      <c r="BM10" s="385">
        <v>1180476</v>
      </c>
      <c r="BN10" s="385">
        <v>611678</v>
      </c>
      <c r="BO10" s="386">
        <v>6162274</v>
      </c>
      <c r="BP10" s="388">
        <v>7531703</v>
      </c>
      <c r="BQ10" s="384">
        <v>1384176</v>
      </c>
      <c r="BR10" s="385">
        <v>1858276</v>
      </c>
      <c r="BS10" s="386">
        <v>3242452</v>
      </c>
      <c r="BT10" s="384">
        <v>0</v>
      </c>
      <c r="BU10" s="385">
        <v>5792921</v>
      </c>
      <c r="BV10" s="385">
        <v>9155650</v>
      </c>
      <c r="BW10" s="385">
        <v>7180613</v>
      </c>
      <c r="BX10" s="385">
        <v>8012221</v>
      </c>
      <c r="BY10" s="385">
        <v>5666945</v>
      </c>
      <c r="BZ10" s="386">
        <v>35808350</v>
      </c>
      <c r="CA10" s="388">
        <v>39050802</v>
      </c>
      <c r="CB10" s="384">
        <v>1372940</v>
      </c>
      <c r="CC10" s="385">
        <v>3452206</v>
      </c>
      <c r="CD10" s="386">
        <v>4825146</v>
      </c>
      <c r="CE10" s="384">
        <v>0</v>
      </c>
      <c r="CF10" s="385">
        <v>22482953</v>
      </c>
      <c r="CG10" s="385">
        <v>39678797</v>
      </c>
      <c r="CH10" s="385">
        <v>22658889</v>
      </c>
      <c r="CI10" s="385">
        <v>15556791</v>
      </c>
      <c r="CJ10" s="385">
        <v>7649424</v>
      </c>
      <c r="CK10" s="386">
        <v>108026854</v>
      </c>
      <c r="CL10" s="388">
        <v>112852000</v>
      </c>
      <c r="CM10" s="384">
        <v>0</v>
      </c>
      <c r="CN10" s="385">
        <v>0</v>
      </c>
      <c r="CO10" s="386">
        <v>0</v>
      </c>
      <c r="CP10" s="390">
        <v>0</v>
      </c>
      <c r="CQ10" s="385">
        <v>17769840</v>
      </c>
      <c r="CR10" s="385">
        <v>27281913</v>
      </c>
      <c r="CS10" s="385">
        <v>14557900</v>
      </c>
      <c r="CT10" s="385">
        <v>10160150</v>
      </c>
      <c r="CU10" s="385">
        <v>4601393</v>
      </c>
      <c r="CV10" s="386">
        <v>74371196</v>
      </c>
      <c r="CW10" s="388">
        <v>74371196</v>
      </c>
      <c r="CX10" s="384">
        <v>1372940</v>
      </c>
      <c r="CY10" s="385">
        <v>3452206</v>
      </c>
      <c r="CZ10" s="386">
        <v>4825146</v>
      </c>
      <c r="DA10" s="384">
        <v>0</v>
      </c>
      <c r="DB10" s="385">
        <v>4713113</v>
      </c>
      <c r="DC10" s="385">
        <v>12396884</v>
      </c>
      <c r="DD10" s="385">
        <v>8100989</v>
      </c>
      <c r="DE10" s="385">
        <v>5396641</v>
      </c>
      <c r="DF10" s="385">
        <v>3048031</v>
      </c>
      <c r="DG10" s="386">
        <v>33655658</v>
      </c>
      <c r="DH10" s="388">
        <v>38480804</v>
      </c>
      <c r="DI10" s="384">
        <v>39620</v>
      </c>
      <c r="DJ10" s="385">
        <v>429335</v>
      </c>
      <c r="DK10" s="389">
        <v>468955</v>
      </c>
      <c r="DL10" s="390">
        <v>0</v>
      </c>
      <c r="DM10" s="385">
        <v>2866551</v>
      </c>
      <c r="DN10" s="385">
        <v>7947218</v>
      </c>
      <c r="DO10" s="385">
        <v>10251591</v>
      </c>
      <c r="DP10" s="385">
        <v>9362806</v>
      </c>
      <c r="DQ10" s="385">
        <v>5983944</v>
      </c>
      <c r="DR10" s="386">
        <v>36412110</v>
      </c>
      <c r="DS10" s="388">
        <v>36881065</v>
      </c>
      <c r="DT10" s="384">
        <v>19930</v>
      </c>
      <c r="DU10" s="385">
        <v>231166</v>
      </c>
      <c r="DV10" s="386">
        <v>251096</v>
      </c>
      <c r="DW10" s="384">
        <v>0</v>
      </c>
      <c r="DX10" s="385">
        <v>2314385</v>
      </c>
      <c r="DY10" s="385">
        <v>5557178</v>
      </c>
      <c r="DZ10" s="385">
        <v>8376402</v>
      </c>
      <c r="EA10" s="385">
        <v>6816356</v>
      </c>
      <c r="EB10" s="385">
        <v>4584084</v>
      </c>
      <c r="EC10" s="386">
        <v>27648405</v>
      </c>
      <c r="ED10" s="388">
        <v>27899501</v>
      </c>
      <c r="EE10" s="384">
        <v>19690</v>
      </c>
      <c r="EF10" s="389">
        <v>198169</v>
      </c>
      <c r="EG10" s="386">
        <v>217859</v>
      </c>
      <c r="EH10" s="384">
        <v>0</v>
      </c>
      <c r="EI10" s="385">
        <v>552166</v>
      </c>
      <c r="EJ10" s="385">
        <v>2390040</v>
      </c>
      <c r="EK10" s="385">
        <v>1875189</v>
      </c>
      <c r="EL10" s="385">
        <v>2546450</v>
      </c>
      <c r="EM10" s="385">
        <v>1399860</v>
      </c>
      <c r="EN10" s="389">
        <v>8763705</v>
      </c>
      <c r="EO10" s="388">
        <v>8981564</v>
      </c>
      <c r="EP10" s="384">
        <v>0</v>
      </c>
      <c r="EQ10" s="385">
        <v>0</v>
      </c>
      <c r="ER10" s="389">
        <v>0</v>
      </c>
      <c r="ES10" s="390">
        <v>0</v>
      </c>
      <c r="ET10" s="385">
        <v>0</v>
      </c>
      <c r="EU10" s="385">
        <v>0</v>
      </c>
      <c r="EV10" s="385">
        <v>0</v>
      </c>
      <c r="EW10" s="385">
        <v>0</v>
      </c>
      <c r="EX10" s="385">
        <v>0</v>
      </c>
      <c r="EY10" s="386">
        <v>0</v>
      </c>
      <c r="EZ10" s="388">
        <v>0</v>
      </c>
      <c r="FA10" s="384">
        <v>0</v>
      </c>
      <c r="FB10" s="385">
        <v>0</v>
      </c>
      <c r="FC10" s="389">
        <v>0</v>
      </c>
      <c r="FD10" s="469">
        <v>0</v>
      </c>
      <c r="FE10" s="385">
        <v>0</v>
      </c>
      <c r="FF10" s="385">
        <v>0</v>
      </c>
      <c r="FG10" s="385">
        <v>0</v>
      </c>
      <c r="FH10" s="385">
        <v>0</v>
      </c>
      <c r="FI10" s="385">
        <v>0</v>
      </c>
      <c r="FJ10" s="386">
        <v>0</v>
      </c>
      <c r="FK10" s="388">
        <v>0</v>
      </c>
      <c r="FL10" s="384">
        <v>2252173</v>
      </c>
      <c r="FM10" s="385">
        <v>4403386</v>
      </c>
      <c r="FN10" s="386">
        <v>6655559</v>
      </c>
      <c r="FO10" s="384">
        <v>0</v>
      </c>
      <c r="FP10" s="385">
        <v>4129682</v>
      </c>
      <c r="FQ10" s="385">
        <v>14608878</v>
      </c>
      <c r="FR10" s="385">
        <v>9889480</v>
      </c>
      <c r="FS10" s="385">
        <v>8851737</v>
      </c>
      <c r="FT10" s="385">
        <v>6438716</v>
      </c>
      <c r="FU10" s="386">
        <v>43918493</v>
      </c>
      <c r="FV10" s="388">
        <v>50574052</v>
      </c>
      <c r="FW10" s="392">
        <v>914816</v>
      </c>
      <c r="FX10" s="385">
        <v>2932594</v>
      </c>
      <c r="FY10" s="389">
        <v>3847410</v>
      </c>
      <c r="FZ10" s="390">
        <v>0</v>
      </c>
      <c r="GA10" s="385">
        <v>2890852</v>
      </c>
      <c r="GB10" s="385">
        <v>13392537</v>
      </c>
      <c r="GC10" s="385">
        <v>8674371</v>
      </c>
      <c r="GD10" s="385">
        <v>8100876</v>
      </c>
      <c r="GE10" s="385">
        <v>5688733</v>
      </c>
      <c r="GF10" s="386">
        <v>38747369</v>
      </c>
      <c r="GG10" s="393">
        <v>42594779</v>
      </c>
      <c r="GH10" s="392">
        <v>64583</v>
      </c>
      <c r="GI10" s="385">
        <v>167093</v>
      </c>
      <c r="GJ10" s="389">
        <v>231676</v>
      </c>
      <c r="GK10" s="390">
        <v>0</v>
      </c>
      <c r="GL10" s="385">
        <v>207853</v>
      </c>
      <c r="GM10" s="385">
        <v>340781</v>
      </c>
      <c r="GN10" s="385">
        <v>315042</v>
      </c>
      <c r="GO10" s="385">
        <v>381611</v>
      </c>
      <c r="GP10" s="385">
        <v>156733</v>
      </c>
      <c r="GQ10" s="386">
        <v>1402020</v>
      </c>
      <c r="GR10" s="388">
        <v>1633696</v>
      </c>
      <c r="GS10" s="384">
        <v>1272774</v>
      </c>
      <c r="GT10" s="385">
        <v>1303699</v>
      </c>
      <c r="GU10" s="386">
        <v>2576473</v>
      </c>
      <c r="GV10" s="384">
        <v>0</v>
      </c>
      <c r="GW10" s="385">
        <v>1030977</v>
      </c>
      <c r="GX10" s="385">
        <v>875560</v>
      </c>
      <c r="GY10" s="385">
        <v>900067</v>
      </c>
      <c r="GZ10" s="385">
        <v>369250</v>
      </c>
      <c r="HA10" s="385">
        <v>593250</v>
      </c>
      <c r="HB10" s="389">
        <v>3769104</v>
      </c>
      <c r="HC10" s="388">
        <v>6345577</v>
      </c>
      <c r="HD10" s="384">
        <v>4837858</v>
      </c>
      <c r="HE10" s="385">
        <v>6567850</v>
      </c>
      <c r="HF10" s="389">
        <v>11405708</v>
      </c>
      <c r="HG10" s="390">
        <v>0</v>
      </c>
      <c r="HH10" s="385">
        <v>35611143</v>
      </c>
      <c r="HI10" s="385">
        <v>54385189</v>
      </c>
      <c r="HJ10" s="385">
        <v>47619792</v>
      </c>
      <c r="HK10" s="385">
        <v>55436086</v>
      </c>
      <c r="HL10" s="385">
        <v>33696515</v>
      </c>
      <c r="HM10" s="386">
        <v>226748725</v>
      </c>
      <c r="HN10" s="387">
        <v>238154433</v>
      </c>
      <c r="HO10" s="450">
        <v>0</v>
      </c>
      <c r="HP10" s="451">
        <v>0</v>
      </c>
      <c r="HQ10" s="452">
        <v>0</v>
      </c>
      <c r="HR10" s="453">
        <v>0</v>
      </c>
      <c r="HS10" s="451">
        <v>0</v>
      </c>
      <c r="HT10" s="451">
        <v>0</v>
      </c>
      <c r="HU10" s="451">
        <v>0</v>
      </c>
      <c r="HV10" s="451">
        <v>0</v>
      </c>
      <c r="HW10" s="451">
        <v>0</v>
      </c>
      <c r="HX10" s="454">
        <v>0</v>
      </c>
      <c r="HY10" s="455">
        <v>0</v>
      </c>
      <c r="HZ10" s="394">
        <v>287292</v>
      </c>
      <c r="IA10" s="395">
        <v>682264</v>
      </c>
      <c r="IB10" s="396">
        <v>969556</v>
      </c>
      <c r="IC10" s="397">
        <v>0</v>
      </c>
      <c r="ID10" s="398">
        <v>21585864</v>
      </c>
      <c r="IE10" s="399">
        <v>32106243</v>
      </c>
      <c r="IF10" s="400">
        <v>32268461</v>
      </c>
      <c r="IG10" s="398">
        <v>30382265</v>
      </c>
      <c r="IH10" s="400">
        <v>20489626</v>
      </c>
      <c r="II10" s="401">
        <v>136832459</v>
      </c>
      <c r="IJ10" s="402">
        <v>137802015</v>
      </c>
      <c r="IK10" s="403">
        <v>0</v>
      </c>
      <c r="IL10" s="404">
        <v>0</v>
      </c>
      <c r="IM10" s="405">
        <v>0</v>
      </c>
      <c r="IN10" s="469">
        <v>0</v>
      </c>
      <c r="IO10" s="407">
        <v>391562</v>
      </c>
      <c r="IP10" s="407">
        <v>1550226</v>
      </c>
      <c r="IQ10" s="407">
        <v>2313649</v>
      </c>
      <c r="IR10" s="407">
        <v>1671819</v>
      </c>
      <c r="IS10" s="407">
        <v>2891662</v>
      </c>
      <c r="IT10" s="408">
        <v>8818918</v>
      </c>
      <c r="IU10" s="409">
        <v>8818918</v>
      </c>
      <c r="IV10" s="410">
        <v>0</v>
      </c>
      <c r="IW10" s="407">
        <v>0</v>
      </c>
      <c r="IX10" s="411">
        <v>0</v>
      </c>
      <c r="IY10" s="469">
        <v>0</v>
      </c>
      <c r="IZ10" s="407">
        <v>75882</v>
      </c>
      <c r="JA10" s="407">
        <v>460229</v>
      </c>
      <c r="JB10" s="407">
        <v>411415</v>
      </c>
      <c r="JC10" s="407">
        <v>535527</v>
      </c>
      <c r="JD10" s="407">
        <v>1163647</v>
      </c>
      <c r="JE10" s="411">
        <v>2646700</v>
      </c>
      <c r="JF10" s="412">
        <v>2646700</v>
      </c>
      <c r="JG10" s="410">
        <v>0</v>
      </c>
      <c r="JH10" s="407">
        <v>0</v>
      </c>
      <c r="JI10" s="408">
        <v>0</v>
      </c>
      <c r="JJ10" s="413">
        <v>0</v>
      </c>
      <c r="JK10" s="407">
        <v>9570150</v>
      </c>
      <c r="JL10" s="407">
        <v>15699361</v>
      </c>
      <c r="JM10" s="407">
        <v>8895169</v>
      </c>
      <c r="JN10" s="407">
        <v>6911461</v>
      </c>
      <c r="JO10" s="407">
        <v>2282871</v>
      </c>
      <c r="JP10" s="411">
        <v>43359012</v>
      </c>
      <c r="JQ10" s="409">
        <v>43359012</v>
      </c>
      <c r="JR10" s="410">
        <v>31416</v>
      </c>
      <c r="JS10" s="407">
        <v>0</v>
      </c>
      <c r="JT10" s="408">
        <v>31416</v>
      </c>
      <c r="JU10" s="413">
        <v>0</v>
      </c>
      <c r="JV10" s="407">
        <v>1550806</v>
      </c>
      <c r="JW10" s="407">
        <v>2535540</v>
      </c>
      <c r="JX10" s="407">
        <v>3619652</v>
      </c>
      <c r="JY10" s="407">
        <v>1536471</v>
      </c>
      <c r="JZ10" s="407">
        <v>1921667</v>
      </c>
      <c r="KA10" s="411">
        <v>11164136</v>
      </c>
      <c r="KB10" s="409">
        <v>11195552</v>
      </c>
      <c r="KC10" s="414">
        <v>255876</v>
      </c>
      <c r="KD10" s="415">
        <v>682264</v>
      </c>
      <c r="KE10" s="411">
        <v>938140</v>
      </c>
      <c r="KF10" s="413">
        <v>0</v>
      </c>
      <c r="KG10" s="407">
        <v>3344507</v>
      </c>
      <c r="KH10" s="407">
        <v>3138651</v>
      </c>
      <c r="KI10" s="407">
        <v>6171344</v>
      </c>
      <c r="KJ10" s="407">
        <v>6769031</v>
      </c>
      <c r="KK10" s="407">
        <v>1798231</v>
      </c>
      <c r="KL10" s="411">
        <v>21221764</v>
      </c>
      <c r="KM10" s="416">
        <v>22159904</v>
      </c>
      <c r="KN10" s="403">
        <v>0</v>
      </c>
      <c r="KO10" s="404">
        <v>0</v>
      </c>
      <c r="KP10" s="405">
        <v>0</v>
      </c>
      <c r="KQ10" s="469">
        <v>0</v>
      </c>
      <c r="KR10" s="407">
        <v>6652957</v>
      </c>
      <c r="KS10" s="407">
        <v>7568693</v>
      </c>
      <c r="KT10" s="407">
        <v>9965098</v>
      </c>
      <c r="KU10" s="407">
        <v>10672340</v>
      </c>
      <c r="KV10" s="407">
        <v>7182637</v>
      </c>
      <c r="KW10" s="411">
        <v>42041725</v>
      </c>
      <c r="KX10" s="409">
        <v>42041725</v>
      </c>
      <c r="KY10" s="410">
        <v>0</v>
      </c>
      <c r="KZ10" s="407">
        <v>0</v>
      </c>
      <c r="LA10" s="411">
        <v>0</v>
      </c>
      <c r="LB10" s="469">
        <v>0</v>
      </c>
      <c r="LC10" s="407">
        <v>0</v>
      </c>
      <c r="LD10" s="407">
        <v>0</v>
      </c>
      <c r="LE10" s="407">
        <v>0</v>
      </c>
      <c r="LF10" s="407">
        <v>0</v>
      </c>
      <c r="LG10" s="407">
        <v>0</v>
      </c>
      <c r="LH10" s="411">
        <v>0</v>
      </c>
      <c r="LI10" s="412">
        <v>0</v>
      </c>
      <c r="LJ10" s="410">
        <v>0</v>
      </c>
      <c r="LK10" s="407">
        <v>0</v>
      </c>
      <c r="LL10" s="411">
        <v>0</v>
      </c>
      <c r="LM10" s="469">
        <v>0</v>
      </c>
      <c r="LN10" s="407">
        <v>0</v>
      </c>
      <c r="LO10" s="407">
        <v>230770</v>
      </c>
      <c r="LP10" s="407">
        <v>0</v>
      </c>
      <c r="LQ10" s="407">
        <v>268349</v>
      </c>
      <c r="LR10" s="407">
        <v>286104</v>
      </c>
      <c r="LS10" s="411">
        <v>785223</v>
      </c>
      <c r="LT10" s="409">
        <v>785223</v>
      </c>
      <c r="LU10" s="410">
        <v>0</v>
      </c>
      <c r="LV10" s="407">
        <v>0</v>
      </c>
      <c r="LW10" s="411">
        <v>0</v>
      </c>
      <c r="LX10" s="469">
        <v>0</v>
      </c>
      <c r="LY10" s="407">
        <v>0</v>
      </c>
      <c r="LZ10" s="407">
        <v>922773</v>
      </c>
      <c r="MA10" s="407">
        <v>892134</v>
      </c>
      <c r="MB10" s="407">
        <v>2017267</v>
      </c>
      <c r="MC10" s="407">
        <v>2962807</v>
      </c>
      <c r="MD10" s="411">
        <v>6794981</v>
      </c>
      <c r="ME10" s="412">
        <v>6794981</v>
      </c>
      <c r="MF10" s="410">
        <v>0</v>
      </c>
      <c r="MG10" s="407">
        <v>0</v>
      </c>
      <c r="MH10" s="411">
        <v>0</v>
      </c>
      <c r="MI10" s="469">
        <v>0</v>
      </c>
      <c r="MJ10" s="407">
        <v>6611359</v>
      </c>
      <c r="MK10" s="407">
        <v>21850477</v>
      </c>
      <c r="ML10" s="407">
        <v>54805556</v>
      </c>
      <c r="MM10" s="407">
        <v>75479414</v>
      </c>
      <c r="MN10" s="407">
        <v>48132912</v>
      </c>
      <c r="MO10" s="411">
        <v>206879718</v>
      </c>
      <c r="MP10" s="416">
        <v>206879718</v>
      </c>
      <c r="MQ10" s="410">
        <v>0</v>
      </c>
      <c r="MR10" s="407">
        <v>0</v>
      </c>
      <c r="MS10" s="411">
        <v>0</v>
      </c>
      <c r="MT10" s="469">
        <v>0</v>
      </c>
      <c r="MU10" s="407">
        <v>1323100</v>
      </c>
      <c r="MV10" s="407">
        <v>4888173</v>
      </c>
      <c r="MW10" s="407">
        <v>33176461</v>
      </c>
      <c r="MX10" s="407">
        <v>41241206</v>
      </c>
      <c r="MY10" s="407">
        <v>26919600</v>
      </c>
      <c r="MZ10" s="411">
        <v>107548540</v>
      </c>
      <c r="NA10" s="416">
        <v>107548540</v>
      </c>
      <c r="NB10" s="410">
        <v>0</v>
      </c>
      <c r="NC10" s="407">
        <v>0</v>
      </c>
      <c r="ND10" s="411">
        <v>0</v>
      </c>
      <c r="NE10" s="469">
        <v>0</v>
      </c>
      <c r="NF10" s="407">
        <v>5288259</v>
      </c>
      <c r="NG10" s="407">
        <v>16962304</v>
      </c>
      <c r="NH10" s="407">
        <v>21629095</v>
      </c>
      <c r="NI10" s="407">
        <v>32367245</v>
      </c>
      <c r="NJ10" s="407">
        <v>17667885</v>
      </c>
      <c r="NK10" s="411">
        <v>93914788</v>
      </c>
      <c r="NL10" s="409">
        <v>93914788</v>
      </c>
      <c r="NM10" s="410">
        <v>0</v>
      </c>
      <c r="NN10" s="407">
        <v>0</v>
      </c>
      <c r="NO10" s="411">
        <v>0</v>
      </c>
      <c r="NP10" s="469">
        <v>0</v>
      </c>
      <c r="NQ10" s="407">
        <v>0</v>
      </c>
      <c r="NR10" s="407">
        <v>0</v>
      </c>
      <c r="NS10" s="407">
        <v>0</v>
      </c>
      <c r="NT10" s="407">
        <v>108990</v>
      </c>
      <c r="NU10" s="407">
        <v>301292</v>
      </c>
      <c r="NV10" s="411">
        <v>410282</v>
      </c>
      <c r="NW10" s="412">
        <v>410282</v>
      </c>
      <c r="NX10" s="410">
        <v>0</v>
      </c>
      <c r="NY10" s="407">
        <v>0</v>
      </c>
      <c r="NZ10" s="411">
        <v>0</v>
      </c>
      <c r="OA10" s="469">
        <v>0</v>
      </c>
      <c r="OB10" s="407">
        <v>0</v>
      </c>
      <c r="OC10" s="407">
        <v>0</v>
      </c>
      <c r="OD10" s="407">
        <v>0</v>
      </c>
      <c r="OE10" s="407">
        <v>1761973</v>
      </c>
      <c r="OF10" s="407">
        <v>3244135</v>
      </c>
      <c r="OG10" s="411">
        <v>5006108</v>
      </c>
      <c r="OH10" s="412">
        <v>5006108</v>
      </c>
      <c r="OI10" s="410">
        <v>12277925</v>
      </c>
      <c r="OJ10" s="407">
        <v>24768661</v>
      </c>
      <c r="OK10" s="408">
        <v>37046586</v>
      </c>
      <c r="OL10" s="413">
        <v>0</v>
      </c>
      <c r="OM10" s="407">
        <v>124387789</v>
      </c>
      <c r="ON10" s="407">
        <v>235198938</v>
      </c>
      <c r="OO10" s="407">
        <v>221570286</v>
      </c>
      <c r="OP10" s="407">
        <v>245174539</v>
      </c>
      <c r="OQ10" s="407">
        <v>169487554</v>
      </c>
      <c r="OR10" s="411">
        <v>995819106</v>
      </c>
      <c r="OS10" s="416">
        <v>1032865692</v>
      </c>
    </row>
    <row r="11" spans="2:409" ht="21" customHeight="1" x14ac:dyDescent="0.2">
      <c r="B11" s="437" t="s">
        <v>6</v>
      </c>
      <c r="C11" s="100">
        <v>4220505</v>
      </c>
      <c r="D11" s="104">
        <v>6028952</v>
      </c>
      <c r="E11" s="103">
        <v>10249457</v>
      </c>
      <c r="F11" s="99">
        <v>0</v>
      </c>
      <c r="G11" s="104">
        <v>53398134</v>
      </c>
      <c r="H11" s="104">
        <v>55396283</v>
      </c>
      <c r="I11" s="104">
        <v>48798286</v>
      </c>
      <c r="J11" s="104">
        <v>54442349</v>
      </c>
      <c r="K11" s="104">
        <v>39635939</v>
      </c>
      <c r="L11" s="99">
        <v>251670991</v>
      </c>
      <c r="M11" s="106">
        <v>261920448</v>
      </c>
      <c r="N11" s="100">
        <v>1413070</v>
      </c>
      <c r="O11" s="104">
        <v>2588809</v>
      </c>
      <c r="P11" s="103">
        <v>4001879</v>
      </c>
      <c r="Q11" s="100">
        <v>0</v>
      </c>
      <c r="R11" s="104">
        <v>18718019</v>
      </c>
      <c r="S11" s="104">
        <v>18758916</v>
      </c>
      <c r="T11" s="104">
        <v>16892941</v>
      </c>
      <c r="U11" s="104">
        <v>21446451</v>
      </c>
      <c r="V11" s="104">
        <v>17261963</v>
      </c>
      <c r="W11" s="103">
        <v>93078290</v>
      </c>
      <c r="X11" s="106">
        <v>97080169</v>
      </c>
      <c r="Y11" s="100">
        <v>0</v>
      </c>
      <c r="Z11" s="104">
        <v>7005</v>
      </c>
      <c r="AA11" s="103">
        <v>7005</v>
      </c>
      <c r="AB11" s="100">
        <v>0</v>
      </c>
      <c r="AC11" s="104">
        <v>6627771</v>
      </c>
      <c r="AD11" s="104">
        <v>7235716</v>
      </c>
      <c r="AE11" s="104">
        <v>7536943</v>
      </c>
      <c r="AF11" s="104">
        <v>12088264</v>
      </c>
      <c r="AG11" s="104">
        <v>10650893</v>
      </c>
      <c r="AH11" s="103">
        <v>44139587</v>
      </c>
      <c r="AI11" s="106">
        <v>44146592</v>
      </c>
      <c r="AJ11" s="100">
        <v>0</v>
      </c>
      <c r="AK11" s="104">
        <v>0</v>
      </c>
      <c r="AL11" s="103">
        <v>0</v>
      </c>
      <c r="AM11" s="100">
        <v>0</v>
      </c>
      <c r="AN11" s="104">
        <v>95688</v>
      </c>
      <c r="AO11" s="104">
        <v>327763</v>
      </c>
      <c r="AP11" s="104">
        <v>663435</v>
      </c>
      <c r="AQ11" s="104">
        <v>1212745</v>
      </c>
      <c r="AR11" s="104">
        <v>1257991</v>
      </c>
      <c r="AS11" s="103">
        <v>3557622</v>
      </c>
      <c r="AT11" s="106">
        <v>3557622</v>
      </c>
      <c r="AU11" s="100">
        <v>763910</v>
      </c>
      <c r="AV11" s="104">
        <v>1985199</v>
      </c>
      <c r="AW11" s="103">
        <v>2749109</v>
      </c>
      <c r="AX11" s="100">
        <v>0</v>
      </c>
      <c r="AY11" s="104">
        <v>8261671</v>
      </c>
      <c r="AZ11" s="104">
        <v>7359580</v>
      </c>
      <c r="BA11" s="104">
        <v>5624820</v>
      </c>
      <c r="BB11" s="104">
        <v>4488533</v>
      </c>
      <c r="BC11" s="104">
        <v>2409450</v>
      </c>
      <c r="BD11" s="103">
        <v>28144054</v>
      </c>
      <c r="BE11" s="106">
        <v>30893163</v>
      </c>
      <c r="BF11" s="100">
        <v>114633</v>
      </c>
      <c r="BG11" s="104">
        <v>107214</v>
      </c>
      <c r="BH11" s="102">
        <v>221847</v>
      </c>
      <c r="BI11" s="101">
        <v>0</v>
      </c>
      <c r="BJ11" s="104">
        <v>578115</v>
      </c>
      <c r="BK11" s="104">
        <v>416539</v>
      </c>
      <c r="BL11" s="104">
        <v>394912</v>
      </c>
      <c r="BM11" s="104">
        <v>494484</v>
      </c>
      <c r="BN11" s="104">
        <v>128182</v>
      </c>
      <c r="BO11" s="103">
        <v>2012232</v>
      </c>
      <c r="BP11" s="106">
        <v>2234079</v>
      </c>
      <c r="BQ11" s="100">
        <v>534527</v>
      </c>
      <c r="BR11" s="104">
        <v>489391</v>
      </c>
      <c r="BS11" s="103">
        <v>1023918</v>
      </c>
      <c r="BT11" s="100">
        <v>0</v>
      </c>
      <c r="BU11" s="104">
        <v>3154774</v>
      </c>
      <c r="BV11" s="104">
        <v>3419318</v>
      </c>
      <c r="BW11" s="104">
        <v>2672831</v>
      </c>
      <c r="BX11" s="104">
        <v>3162425</v>
      </c>
      <c r="BY11" s="104">
        <v>2815447</v>
      </c>
      <c r="BZ11" s="103">
        <v>15224795</v>
      </c>
      <c r="CA11" s="106">
        <v>16248713</v>
      </c>
      <c r="CB11" s="100">
        <v>211289</v>
      </c>
      <c r="CC11" s="104">
        <v>605549</v>
      </c>
      <c r="CD11" s="103">
        <v>816838</v>
      </c>
      <c r="CE11" s="100">
        <v>0</v>
      </c>
      <c r="CF11" s="104">
        <v>11670105</v>
      </c>
      <c r="CG11" s="104">
        <v>11857531</v>
      </c>
      <c r="CH11" s="104">
        <v>9155280</v>
      </c>
      <c r="CI11" s="104">
        <v>5554743</v>
      </c>
      <c r="CJ11" s="104">
        <v>2535218</v>
      </c>
      <c r="CK11" s="103">
        <v>40772877</v>
      </c>
      <c r="CL11" s="106">
        <v>41589715</v>
      </c>
      <c r="CM11" s="100">
        <v>0</v>
      </c>
      <c r="CN11" s="104">
        <v>9912</v>
      </c>
      <c r="CO11" s="103">
        <v>9912</v>
      </c>
      <c r="CP11" s="101">
        <v>0</v>
      </c>
      <c r="CQ11" s="104">
        <v>9010526</v>
      </c>
      <c r="CR11" s="104">
        <v>9004691</v>
      </c>
      <c r="CS11" s="104">
        <v>6263886</v>
      </c>
      <c r="CT11" s="104">
        <v>3799286</v>
      </c>
      <c r="CU11" s="104">
        <v>1781492</v>
      </c>
      <c r="CV11" s="103">
        <v>29859881</v>
      </c>
      <c r="CW11" s="106">
        <v>29869793</v>
      </c>
      <c r="CX11" s="100">
        <v>211289</v>
      </c>
      <c r="CY11" s="104">
        <v>595637</v>
      </c>
      <c r="CZ11" s="103">
        <v>806926</v>
      </c>
      <c r="DA11" s="100">
        <v>0</v>
      </c>
      <c r="DB11" s="104">
        <v>2659579</v>
      </c>
      <c r="DC11" s="104">
        <v>2852840</v>
      </c>
      <c r="DD11" s="104">
        <v>2891394</v>
      </c>
      <c r="DE11" s="104">
        <v>1755457</v>
      </c>
      <c r="DF11" s="104">
        <v>753726</v>
      </c>
      <c r="DG11" s="103">
        <v>10912996</v>
      </c>
      <c r="DH11" s="106">
        <v>11719922</v>
      </c>
      <c r="DI11" s="100">
        <v>0</v>
      </c>
      <c r="DJ11" s="104">
        <v>20577</v>
      </c>
      <c r="DK11" s="102">
        <v>20577</v>
      </c>
      <c r="DL11" s="101">
        <v>0</v>
      </c>
      <c r="DM11" s="104">
        <v>959400</v>
      </c>
      <c r="DN11" s="104">
        <v>1799236</v>
      </c>
      <c r="DO11" s="104">
        <v>3435237</v>
      </c>
      <c r="DP11" s="104">
        <v>2283867</v>
      </c>
      <c r="DQ11" s="104">
        <v>1617051</v>
      </c>
      <c r="DR11" s="103">
        <v>10094791</v>
      </c>
      <c r="DS11" s="106">
        <v>10115368</v>
      </c>
      <c r="DT11" s="100">
        <v>0</v>
      </c>
      <c r="DU11" s="104">
        <v>20577</v>
      </c>
      <c r="DV11" s="103">
        <v>20577</v>
      </c>
      <c r="DW11" s="100">
        <v>0</v>
      </c>
      <c r="DX11" s="104">
        <v>633018</v>
      </c>
      <c r="DY11" s="104">
        <v>1429377</v>
      </c>
      <c r="DZ11" s="104">
        <v>2664959</v>
      </c>
      <c r="EA11" s="104">
        <v>1715836</v>
      </c>
      <c r="EB11" s="104">
        <v>1024712</v>
      </c>
      <c r="EC11" s="103">
        <v>7467902</v>
      </c>
      <c r="ED11" s="106">
        <v>7488479</v>
      </c>
      <c r="EE11" s="100">
        <v>0</v>
      </c>
      <c r="EF11" s="102">
        <v>0</v>
      </c>
      <c r="EG11" s="103">
        <v>0</v>
      </c>
      <c r="EH11" s="100">
        <v>0</v>
      </c>
      <c r="EI11" s="104">
        <v>326382</v>
      </c>
      <c r="EJ11" s="104">
        <v>369859</v>
      </c>
      <c r="EK11" s="104">
        <v>770278</v>
      </c>
      <c r="EL11" s="104">
        <v>568031</v>
      </c>
      <c r="EM11" s="104">
        <v>592339</v>
      </c>
      <c r="EN11" s="102">
        <v>2626889</v>
      </c>
      <c r="EO11" s="106">
        <v>2626889</v>
      </c>
      <c r="EP11" s="100">
        <v>0</v>
      </c>
      <c r="EQ11" s="104">
        <v>0</v>
      </c>
      <c r="ER11" s="102">
        <v>0</v>
      </c>
      <c r="ES11" s="101">
        <v>0</v>
      </c>
      <c r="ET11" s="104">
        <v>0</v>
      </c>
      <c r="EU11" s="104">
        <v>0</v>
      </c>
      <c r="EV11" s="104">
        <v>0</v>
      </c>
      <c r="EW11" s="104">
        <v>0</v>
      </c>
      <c r="EX11" s="104">
        <v>0</v>
      </c>
      <c r="EY11" s="103">
        <v>0</v>
      </c>
      <c r="EZ11" s="106">
        <v>0</v>
      </c>
      <c r="FA11" s="100">
        <v>0</v>
      </c>
      <c r="FB11" s="104">
        <v>0</v>
      </c>
      <c r="FC11" s="102">
        <v>0</v>
      </c>
      <c r="FD11" s="470">
        <v>0</v>
      </c>
      <c r="FE11" s="104">
        <v>0</v>
      </c>
      <c r="FF11" s="104">
        <v>0</v>
      </c>
      <c r="FG11" s="104">
        <v>0</v>
      </c>
      <c r="FH11" s="104">
        <v>0</v>
      </c>
      <c r="FI11" s="104">
        <v>0</v>
      </c>
      <c r="FJ11" s="103">
        <v>0</v>
      </c>
      <c r="FK11" s="106">
        <v>0</v>
      </c>
      <c r="FL11" s="100">
        <v>797449</v>
      </c>
      <c r="FM11" s="104">
        <v>1220499</v>
      </c>
      <c r="FN11" s="103">
        <v>2017948</v>
      </c>
      <c r="FO11" s="100">
        <v>0</v>
      </c>
      <c r="FP11" s="104">
        <v>3467741</v>
      </c>
      <c r="FQ11" s="104">
        <v>4599485</v>
      </c>
      <c r="FR11" s="104">
        <v>3626133</v>
      </c>
      <c r="FS11" s="104">
        <v>3454517</v>
      </c>
      <c r="FT11" s="104">
        <v>2200422</v>
      </c>
      <c r="FU11" s="103">
        <v>17348298</v>
      </c>
      <c r="FV11" s="106">
        <v>19366246</v>
      </c>
      <c r="FW11" s="105">
        <v>488528</v>
      </c>
      <c r="FX11" s="104">
        <v>924476</v>
      </c>
      <c r="FY11" s="102">
        <v>1413004</v>
      </c>
      <c r="FZ11" s="101">
        <v>0</v>
      </c>
      <c r="GA11" s="104">
        <v>2262246</v>
      </c>
      <c r="GB11" s="104">
        <v>4244550</v>
      </c>
      <c r="GC11" s="104">
        <v>3277603</v>
      </c>
      <c r="GD11" s="104">
        <v>3199939</v>
      </c>
      <c r="GE11" s="104">
        <v>2179422</v>
      </c>
      <c r="GF11" s="103">
        <v>15163760</v>
      </c>
      <c r="GG11" s="290">
        <v>16576764</v>
      </c>
      <c r="GH11" s="105">
        <v>48171</v>
      </c>
      <c r="GI11" s="104">
        <v>23023</v>
      </c>
      <c r="GJ11" s="102">
        <v>71194</v>
      </c>
      <c r="GK11" s="101">
        <v>0</v>
      </c>
      <c r="GL11" s="104">
        <v>114398</v>
      </c>
      <c r="GM11" s="104">
        <v>165371</v>
      </c>
      <c r="GN11" s="104">
        <v>93100</v>
      </c>
      <c r="GO11" s="104">
        <v>61985</v>
      </c>
      <c r="GP11" s="104">
        <v>0</v>
      </c>
      <c r="GQ11" s="103">
        <v>434854</v>
      </c>
      <c r="GR11" s="106">
        <v>506048</v>
      </c>
      <c r="GS11" s="100">
        <v>260750</v>
      </c>
      <c r="GT11" s="104">
        <v>273000</v>
      </c>
      <c r="GU11" s="103">
        <v>533750</v>
      </c>
      <c r="GV11" s="100">
        <v>0</v>
      </c>
      <c r="GW11" s="104">
        <v>1091097</v>
      </c>
      <c r="GX11" s="104">
        <v>189564</v>
      </c>
      <c r="GY11" s="104">
        <v>255430</v>
      </c>
      <c r="GZ11" s="104">
        <v>192593</v>
      </c>
      <c r="HA11" s="104">
        <v>21000</v>
      </c>
      <c r="HB11" s="102">
        <v>1749684</v>
      </c>
      <c r="HC11" s="106">
        <v>2283434</v>
      </c>
      <c r="HD11" s="100">
        <v>1798697</v>
      </c>
      <c r="HE11" s="104">
        <v>1593518</v>
      </c>
      <c r="HF11" s="102">
        <v>3392215</v>
      </c>
      <c r="HG11" s="101">
        <v>0</v>
      </c>
      <c r="HH11" s="104">
        <v>18582869</v>
      </c>
      <c r="HI11" s="104">
        <v>18381115</v>
      </c>
      <c r="HJ11" s="104">
        <v>15688695</v>
      </c>
      <c r="HK11" s="104">
        <v>21702771</v>
      </c>
      <c r="HL11" s="104">
        <v>16021285</v>
      </c>
      <c r="HM11" s="103">
        <v>90376735</v>
      </c>
      <c r="HN11" s="99">
        <v>93768950</v>
      </c>
      <c r="HO11" s="456">
        <v>0</v>
      </c>
      <c r="HP11" s="457">
        <v>0</v>
      </c>
      <c r="HQ11" s="458">
        <v>0</v>
      </c>
      <c r="HR11" s="459">
        <v>0</v>
      </c>
      <c r="HS11" s="457">
        <v>0</v>
      </c>
      <c r="HT11" s="457">
        <v>0</v>
      </c>
      <c r="HU11" s="457">
        <v>0</v>
      </c>
      <c r="HV11" s="457">
        <v>0</v>
      </c>
      <c r="HW11" s="457">
        <v>0</v>
      </c>
      <c r="HX11" s="460">
        <v>0</v>
      </c>
      <c r="HY11" s="461">
        <v>0</v>
      </c>
      <c r="HZ11" s="118">
        <v>0</v>
      </c>
      <c r="IA11" s="119">
        <v>407072</v>
      </c>
      <c r="IB11" s="120">
        <v>407072</v>
      </c>
      <c r="IC11" s="131">
        <v>0</v>
      </c>
      <c r="ID11" s="119">
        <v>10739664</v>
      </c>
      <c r="IE11" s="132">
        <v>15193699</v>
      </c>
      <c r="IF11" s="120">
        <v>16488955</v>
      </c>
      <c r="IG11" s="119">
        <v>9494893</v>
      </c>
      <c r="IH11" s="120">
        <v>10567285</v>
      </c>
      <c r="II11" s="133">
        <v>62484496</v>
      </c>
      <c r="IJ11" s="126">
        <v>62891568</v>
      </c>
      <c r="IK11" s="215">
        <v>0</v>
      </c>
      <c r="IL11" s="219">
        <v>0</v>
      </c>
      <c r="IM11" s="220">
        <v>0</v>
      </c>
      <c r="IN11" s="470">
        <v>0</v>
      </c>
      <c r="IO11" s="109">
        <v>359242</v>
      </c>
      <c r="IP11" s="109">
        <v>822149</v>
      </c>
      <c r="IQ11" s="109">
        <v>663971</v>
      </c>
      <c r="IR11" s="109">
        <v>839026</v>
      </c>
      <c r="IS11" s="109">
        <v>1360444</v>
      </c>
      <c r="IT11" s="128">
        <v>4044832</v>
      </c>
      <c r="IU11" s="292">
        <v>4044832</v>
      </c>
      <c r="IV11" s="129">
        <v>0</v>
      </c>
      <c r="IW11" s="109">
        <v>0</v>
      </c>
      <c r="IX11" s="110">
        <v>0</v>
      </c>
      <c r="IY11" s="470">
        <v>0</v>
      </c>
      <c r="IZ11" s="109">
        <v>84226</v>
      </c>
      <c r="JA11" s="109">
        <v>205086</v>
      </c>
      <c r="JB11" s="109">
        <v>107859</v>
      </c>
      <c r="JC11" s="109">
        <v>101445</v>
      </c>
      <c r="JD11" s="109">
        <v>275590</v>
      </c>
      <c r="JE11" s="110">
        <v>774206</v>
      </c>
      <c r="JF11" s="111">
        <v>774206</v>
      </c>
      <c r="JG11" s="129">
        <v>0</v>
      </c>
      <c r="JH11" s="109">
        <v>0</v>
      </c>
      <c r="JI11" s="128">
        <v>0</v>
      </c>
      <c r="JJ11" s="108">
        <v>0</v>
      </c>
      <c r="JK11" s="109">
        <v>4618379</v>
      </c>
      <c r="JL11" s="109">
        <v>4021856</v>
      </c>
      <c r="JM11" s="109">
        <v>2294703</v>
      </c>
      <c r="JN11" s="109">
        <v>1341436</v>
      </c>
      <c r="JO11" s="109">
        <v>771745</v>
      </c>
      <c r="JP11" s="110">
        <v>13048119</v>
      </c>
      <c r="JQ11" s="292">
        <v>13048119</v>
      </c>
      <c r="JR11" s="129">
        <v>0</v>
      </c>
      <c r="JS11" s="109">
        <v>0</v>
      </c>
      <c r="JT11" s="128">
        <v>0</v>
      </c>
      <c r="JU11" s="108">
        <v>0</v>
      </c>
      <c r="JV11" s="109">
        <v>998042</v>
      </c>
      <c r="JW11" s="109">
        <v>1802291</v>
      </c>
      <c r="JX11" s="109">
        <v>1965391</v>
      </c>
      <c r="JY11" s="109">
        <v>332611</v>
      </c>
      <c r="JZ11" s="109">
        <v>569063</v>
      </c>
      <c r="KA11" s="110">
        <v>5667398</v>
      </c>
      <c r="KB11" s="292">
        <v>5667398</v>
      </c>
      <c r="KC11" s="217">
        <v>0</v>
      </c>
      <c r="KD11" s="213">
        <v>407072</v>
      </c>
      <c r="KE11" s="110">
        <v>407072</v>
      </c>
      <c r="KF11" s="108">
        <v>0</v>
      </c>
      <c r="KG11" s="109">
        <v>943089</v>
      </c>
      <c r="KH11" s="109">
        <v>1513701</v>
      </c>
      <c r="KI11" s="109">
        <v>2621392</v>
      </c>
      <c r="KJ11" s="109">
        <v>519234</v>
      </c>
      <c r="KK11" s="109">
        <v>827650</v>
      </c>
      <c r="KL11" s="110">
        <v>6425066</v>
      </c>
      <c r="KM11" s="130">
        <v>6832138</v>
      </c>
      <c r="KN11" s="215">
        <v>0</v>
      </c>
      <c r="KO11" s="219">
        <v>0</v>
      </c>
      <c r="KP11" s="220">
        <v>0</v>
      </c>
      <c r="KQ11" s="470">
        <v>0</v>
      </c>
      <c r="KR11" s="109">
        <v>2970917</v>
      </c>
      <c r="KS11" s="109">
        <v>5731316</v>
      </c>
      <c r="KT11" s="109">
        <v>5595540</v>
      </c>
      <c r="KU11" s="109">
        <v>3872711</v>
      </c>
      <c r="KV11" s="109">
        <v>4430301</v>
      </c>
      <c r="KW11" s="110">
        <v>22600785</v>
      </c>
      <c r="KX11" s="292">
        <v>22600785</v>
      </c>
      <c r="KY11" s="129">
        <v>0</v>
      </c>
      <c r="KZ11" s="109">
        <v>0</v>
      </c>
      <c r="LA11" s="110">
        <v>0</v>
      </c>
      <c r="LB11" s="470">
        <v>0</v>
      </c>
      <c r="LC11" s="109">
        <v>0</v>
      </c>
      <c r="LD11" s="109">
        <v>0</v>
      </c>
      <c r="LE11" s="109">
        <v>0</v>
      </c>
      <c r="LF11" s="109">
        <v>0</v>
      </c>
      <c r="LG11" s="109">
        <v>0</v>
      </c>
      <c r="LH11" s="110">
        <v>0</v>
      </c>
      <c r="LI11" s="111">
        <v>0</v>
      </c>
      <c r="LJ11" s="129">
        <v>0</v>
      </c>
      <c r="LK11" s="109">
        <v>0</v>
      </c>
      <c r="LL11" s="110">
        <v>0</v>
      </c>
      <c r="LM11" s="470">
        <v>0</v>
      </c>
      <c r="LN11" s="109">
        <v>189476</v>
      </c>
      <c r="LO11" s="109">
        <v>0</v>
      </c>
      <c r="LP11" s="109">
        <v>1660073</v>
      </c>
      <c r="LQ11" s="109">
        <v>1392956</v>
      </c>
      <c r="LR11" s="109">
        <v>547535</v>
      </c>
      <c r="LS11" s="110">
        <v>3790040</v>
      </c>
      <c r="LT11" s="292">
        <v>3790040</v>
      </c>
      <c r="LU11" s="129">
        <v>0</v>
      </c>
      <c r="LV11" s="109">
        <v>0</v>
      </c>
      <c r="LW11" s="110">
        <v>0</v>
      </c>
      <c r="LX11" s="470">
        <v>0</v>
      </c>
      <c r="LY11" s="109">
        <v>576293</v>
      </c>
      <c r="LZ11" s="109">
        <v>1097300</v>
      </c>
      <c r="MA11" s="109">
        <v>1580026</v>
      </c>
      <c r="MB11" s="109">
        <v>1095474</v>
      </c>
      <c r="MC11" s="109">
        <v>1784957</v>
      </c>
      <c r="MD11" s="110">
        <v>6134050</v>
      </c>
      <c r="ME11" s="111">
        <v>6134050</v>
      </c>
      <c r="MF11" s="129">
        <v>0</v>
      </c>
      <c r="MG11" s="109">
        <v>0</v>
      </c>
      <c r="MH11" s="110">
        <v>0</v>
      </c>
      <c r="MI11" s="470">
        <v>0</v>
      </c>
      <c r="MJ11" s="109">
        <v>2706907</v>
      </c>
      <c r="MK11" s="109">
        <v>2704910</v>
      </c>
      <c r="ML11" s="109">
        <v>12313104</v>
      </c>
      <c r="MM11" s="109">
        <v>22639087</v>
      </c>
      <c r="MN11" s="109">
        <v>15465485</v>
      </c>
      <c r="MO11" s="110">
        <v>55829493</v>
      </c>
      <c r="MP11" s="130">
        <v>55829493</v>
      </c>
      <c r="MQ11" s="129">
        <v>0</v>
      </c>
      <c r="MR11" s="109">
        <v>0</v>
      </c>
      <c r="MS11" s="110">
        <v>0</v>
      </c>
      <c r="MT11" s="470">
        <v>0</v>
      </c>
      <c r="MU11" s="109">
        <v>338722</v>
      </c>
      <c r="MV11" s="109">
        <v>774385</v>
      </c>
      <c r="MW11" s="109">
        <v>7551937</v>
      </c>
      <c r="MX11" s="109">
        <v>10286183</v>
      </c>
      <c r="MY11" s="109">
        <v>9613818</v>
      </c>
      <c r="MZ11" s="110">
        <v>28565045</v>
      </c>
      <c r="NA11" s="130">
        <v>28565045</v>
      </c>
      <c r="NB11" s="129">
        <v>0</v>
      </c>
      <c r="NC11" s="109">
        <v>0</v>
      </c>
      <c r="ND11" s="110">
        <v>0</v>
      </c>
      <c r="NE11" s="470">
        <v>0</v>
      </c>
      <c r="NF11" s="109">
        <v>2368185</v>
      </c>
      <c r="NG11" s="109">
        <v>1930525</v>
      </c>
      <c r="NH11" s="109">
        <v>4575206</v>
      </c>
      <c r="NI11" s="109">
        <v>11975147</v>
      </c>
      <c r="NJ11" s="109">
        <v>4259319</v>
      </c>
      <c r="NK11" s="110">
        <v>25108382</v>
      </c>
      <c r="NL11" s="292">
        <v>25108382</v>
      </c>
      <c r="NM11" s="129">
        <v>0</v>
      </c>
      <c r="NN11" s="109">
        <v>0</v>
      </c>
      <c r="NO11" s="110">
        <v>0</v>
      </c>
      <c r="NP11" s="470">
        <v>0</v>
      </c>
      <c r="NQ11" s="109">
        <v>0</v>
      </c>
      <c r="NR11" s="109">
        <v>0</v>
      </c>
      <c r="NS11" s="109">
        <v>185961</v>
      </c>
      <c r="NT11" s="109">
        <v>268259</v>
      </c>
      <c r="NU11" s="109">
        <v>294574</v>
      </c>
      <c r="NV11" s="110">
        <v>748794</v>
      </c>
      <c r="NW11" s="111">
        <v>748794</v>
      </c>
      <c r="NX11" s="129">
        <v>0</v>
      </c>
      <c r="NY11" s="109">
        <v>0</v>
      </c>
      <c r="NZ11" s="110">
        <v>0</v>
      </c>
      <c r="OA11" s="470">
        <v>0</v>
      </c>
      <c r="OB11" s="109">
        <v>0</v>
      </c>
      <c r="OC11" s="109">
        <v>0</v>
      </c>
      <c r="OD11" s="109">
        <v>0</v>
      </c>
      <c r="OE11" s="109">
        <v>109498</v>
      </c>
      <c r="OF11" s="109">
        <v>1297774</v>
      </c>
      <c r="OG11" s="110">
        <v>1407272</v>
      </c>
      <c r="OH11" s="111">
        <v>1407272</v>
      </c>
      <c r="OI11" s="129">
        <v>4220505</v>
      </c>
      <c r="OJ11" s="109">
        <v>6436024</v>
      </c>
      <c r="OK11" s="128">
        <v>10656529</v>
      </c>
      <c r="OL11" s="108">
        <v>0</v>
      </c>
      <c r="OM11" s="109">
        <v>66844705</v>
      </c>
      <c r="ON11" s="109">
        <v>73294892</v>
      </c>
      <c r="OO11" s="109">
        <v>77600345</v>
      </c>
      <c r="OP11" s="109">
        <v>86576329</v>
      </c>
      <c r="OQ11" s="109">
        <v>65668709</v>
      </c>
      <c r="OR11" s="110">
        <v>369984980</v>
      </c>
      <c r="OS11" s="130">
        <v>380641509</v>
      </c>
    </row>
    <row r="12" spans="2:409" ht="21" customHeight="1" x14ac:dyDescent="0.2">
      <c r="B12" s="437" t="s">
        <v>14</v>
      </c>
      <c r="C12" s="100">
        <v>811101</v>
      </c>
      <c r="D12" s="104">
        <v>2328893</v>
      </c>
      <c r="E12" s="103">
        <v>3139994</v>
      </c>
      <c r="F12" s="99">
        <v>0</v>
      </c>
      <c r="G12" s="104">
        <v>14114415</v>
      </c>
      <c r="H12" s="104">
        <v>23079762</v>
      </c>
      <c r="I12" s="104">
        <v>19411070</v>
      </c>
      <c r="J12" s="104">
        <v>16666958</v>
      </c>
      <c r="K12" s="104">
        <v>12383428</v>
      </c>
      <c r="L12" s="102">
        <v>85655633</v>
      </c>
      <c r="M12" s="106">
        <v>88795627</v>
      </c>
      <c r="N12" s="100">
        <v>174611</v>
      </c>
      <c r="O12" s="104">
        <v>625122</v>
      </c>
      <c r="P12" s="103">
        <v>799733</v>
      </c>
      <c r="Q12" s="100">
        <v>0</v>
      </c>
      <c r="R12" s="104">
        <v>3478656</v>
      </c>
      <c r="S12" s="104">
        <v>7783007</v>
      </c>
      <c r="T12" s="104">
        <v>4666984</v>
      </c>
      <c r="U12" s="104">
        <v>6751624</v>
      </c>
      <c r="V12" s="104">
        <v>5305503</v>
      </c>
      <c r="W12" s="103">
        <v>27985774</v>
      </c>
      <c r="X12" s="106">
        <v>28785507</v>
      </c>
      <c r="Y12" s="100">
        <v>0</v>
      </c>
      <c r="Z12" s="104">
        <v>0</v>
      </c>
      <c r="AA12" s="103">
        <v>0</v>
      </c>
      <c r="AB12" s="100">
        <v>0</v>
      </c>
      <c r="AC12" s="104">
        <v>1372497</v>
      </c>
      <c r="AD12" s="104">
        <v>3679687</v>
      </c>
      <c r="AE12" s="104">
        <v>2273779</v>
      </c>
      <c r="AF12" s="104">
        <v>3810861</v>
      </c>
      <c r="AG12" s="104">
        <v>2392608</v>
      </c>
      <c r="AH12" s="103">
        <v>13529432</v>
      </c>
      <c r="AI12" s="106">
        <v>13529432</v>
      </c>
      <c r="AJ12" s="100">
        <v>0</v>
      </c>
      <c r="AK12" s="104">
        <v>0</v>
      </c>
      <c r="AL12" s="103">
        <v>0</v>
      </c>
      <c r="AM12" s="100">
        <v>0</v>
      </c>
      <c r="AN12" s="104">
        <v>0</v>
      </c>
      <c r="AO12" s="104">
        <v>93270</v>
      </c>
      <c r="AP12" s="104">
        <v>124365</v>
      </c>
      <c r="AQ12" s="104">
        <v>596760</v>
      </c>
      <c r="AR12" s="104">
        <v>730923</v>
      </c>
      <c r="AS12" s="103">
        <v>1545318</v>
      </c>
      <c r="AT12" s="106">
        <v>1545318</v>
      </c>
      <c r="AU12" s="100">
        <v>110358</v>
      </c>
      <c r="AV12" s="104">
        <v>349949</v>
      </c>
      <c r="AW12" s="103">
        <v>460307</v>
      </c>
      <c r="AX12" s="100">
        <v>0</v>
      </c>
      <c r="AY12" s="104">
        <v>1110585</v>
      </c>
      <c r="AZ12" s="104">
        <v>2796151</v>
      </c>
      <c r="BA12" s="104">
        <v>1135250</v>
      </c>
      <c r="BB12" s="104">
        <v>1401453</v>
      </c>
      <c r="BC12" s="104">
        <v>1377413</v>
      </c>
      <c r="BD12" s="103">
        <v>7820852</v>
      </c>
      <c r="BE12" s="106">
        <v>8281159</v>
      </c>
      <c r="BF12" s="100">
        <v>0</v>
      </c>
      <c r="BG12" s="104">
        <v>74140</v>
      </c>
      <c r="BH12" s="102">
        <v>74140</v>
      </c>
      <c r="BI12" s="101">
        <v>0</v>
      </c>
      <c r="BJ12" s="104">
        <v>143051</v>
      </c>
      <c r="BK12" s="104">
        <v>111161</v>
      </c>
      <c r="BL12" s="104">
        <v>107145</v>
      </c>
      <c r="BM12" s="104">
        <v>0</v>
      </c>
      <c r="BN12" s="104">
        <v>14560</v>
      </c>
      <c r="BO12" s="103">
        <v>375917</v>
      </c>
      <c r="BP12" s="106">
        <v>450057</v>
      </c>
      <c r="BQ12" s="100">
        <v>64253</v>
      </c>
      <c r="BR12" s="104">
        <v>201033</v>
      </c>
      <c r="BS12" s="103">
        <v>265286</v>
      </c>
      <c r="BT12" s="100">
        <v>0</v>
      </c>
      <c r="BU12" s="104">
        <v>852523</v>
      </c>
      <c r="BV12" s="104">
        <v>1102738</v>
      </c>
      <c r="BW12" s="104">
        <v>1026445</v>
      </c>
      <c r="BX12" s="104">
        <v>942550</v>
      </c>
      <c r="BY12" s="104">
        <v>789999</v>
      </c>
      <c r="BZ12" s="103">
        <v>4714255</v>
      </c>
      <c r="CA12" s="106">
        <v>4979541</v>
      </c>
      <c r="CB12" s="100">
        <v>92971</v>
      </c>
      <c r="CC12" s="104">
        <v>337259</v>
      </c>
      <c r="CD12" s="103">
        <v>430230</v>
      </c>
      <c r="CE12" s="100">
        <v>0</v>
      </c>
      <c r="CF12" s="104">
        <v>4044474</v>
      </c>
      <c r="CG12" s="104">
        <v>6947396</v>
      </c>
      <c r="CH12" s="104">
        <v>5733008</v>
      </c>
      <c r="CI12" s="104">
        <v>2157232</v>
      </c>
      <c r="CJ12" s="104">
        <v>1216215</v>
      </c>
      <c r="CK12" s="103">
        <v>20098325</v>
      </c>
      <c r="CL12" s="106">
        <v>20528555</v>
      </c>
      <c r="CM12" s="100">
        <v>0</v>
      </c>
      <c r="CN12" s="104">
        <v>0</v>
      </c>
      <c r="CO12" s="103">
        <v>0</v>
      </c>
      <c r="CP12" s="101">
        <v>0</v>
      </c>
      <c r="CQ12" s="104">
        <v>3803824</v>
      </c>
      <c r="CR12" s="104">
        <v>5619696</v>
      </c>
      <c r="CS12" s="104">
        <v>5202466</v>
      </c>
      <c r="CT12" s="104">
        <v>1725415</v>
      </c>
      <c r="CU12" s="104">
        <v>919172</v>
      </c>
      <c r="CV12" s="103">
        <v>17270573</v>
      </c>
      <c r="CW12" s="106">
        <v>17270573</v>
      </c>
      <c r="CX12" s="100">
        <v>92971</v>
      </c>
      <c r="CY12" s="104">
        <v>337259</v>
      </c>
      <c r="CZ12" s="103">
        <v>430230</v>
      </c>
      <c r="DA12" s="100">
        <v>0</v>
      </c>
      <c r="DB12" s="104">
        <v>240650</v>
      </c>
      <c r="DC12" s="104">
        <v>1327700</v>
      </c>
      <c r="DD12" s="104">
        <v>530542</v>
      </c>
      <c r="DE12" s="104">
        <v>431817</v>
      </c>
      <c r="DF12" s="104">
        <v>297043</v>
      </c>
      <c r="DG12" s="103">
        <v>2827752</v>
      </c>
      <c r="DH12" s="106">
        <v>3257982</v>
      </c>
      <c r="DI12" s="100">
        <v>0</v>
      </c>
      <c r="DJ12" s="104">
        <v>0</v>
      </c>
      <c r="DK12" s="102">
        <v>0</v>
      </c>
      <c r="DL12" s="101">
        <v>0</v>
      </c>
      <c r="DM12" s="104">
        <v>375738</v>
      </c>
      <c r="DN12" s="104">
        <v>1448177</v>
      </c>
      <c r="DO12" s="104">
        <v>1260357</v>
      </c>
      <c r="DP12" s="104">
        <v>1873682</v>
      </c>
      <c r="DQ12" s="104">
        <v>641965</v>
      </c>
      <c r="DR12" s="103">
        <v>5599919</v>
      </c>
      <c r="DS12" s="106">
        <v>5599919</v>
      </c>
      <c r="DT12" s="100">
        <v>0</v>
      </c>
      <c r="DU12" s="104">
        <v>0</v>
      </c>
      <c r="DV12" s="103">
        <v>0</v>
      </c>
      <c r="DW12" s="100">
        <v>0</v>
      </c>
      <c r="DX12" s="104">
        <v>375738</v>
      </c>
      <c r="DY12" s="104">
        <v>1448177</v>
      </c>
      <c r="DZ12" s="104">
        <v>1052528</v>
      </c>
      <c r="EA12" s="104">
        <v>1843972</v>
      </c>
      <c r="EB12" s="104">
        <v>641965</v>
      </c>
      <c r="EC12" s="103">
        <v>5362380</v>
      </c>
      <c r="ED12" s="106">
        <v>5362380</v>
      </c>
      <c r="EE12" s="100">
        <v>0</v>
      </c>
      <c r="EF12" s="102">
        <v>0</v>
      </c>
      <c r="EG12" s="103">
        <v>0</v>
      </c>
      <c r="EH12" s="100">
        <v>0</v>
      </c>
      <c r="EI12" s="104">
        <v>0</v>
      </c>
      <c r="EJ12" s="104">
        <v>0</v>
      </c>
      <c r="EK12" s="104">
        <v>207829</v>
      </c>
      <c r="EL12" s="104">
        <v>29710</v>
      </c>
      <c r="EM12" s="104">
        <v>0</v>
      </c>
      <c r="EN12" s="102">
        <v>237539</v>
      </c>
      <c r="EO12" s="106">
        <v>237539</v>
      </c>
      <c r="EP12" s="100">
        <v>0</v>
      </c>
      <c r="EQ12" s="104">
        <v>0</v>
      </c>
      <c r="ER12" s="102">
        <v>0</v>
      </c>
      <c r="ES12" s="101">
        <v>0</v>
      </c>
      <c r="ET12" s="104">
        <v>0</v>
      </c>
      <c r="EU12" s="104">
        <v>0</v>
      </c>
      <c r="EV12" s="104">
        <v>0</v>
      </c>
      <c r="EW12" s="104">
        <v>0</v>
      </c>
      <c r="EX12" s="104">
        <v>0</v>
      </c>
      <c r="EY12" s="103">
        <v>0</v>
      </c>
      <c r="EZ12" s="106">
        <v>0</v>
      </c>
      <c r="FA12" s="100">
        <v>0</v>
      </c>
      <c r="FB12" s="104">
        <v>0</v>
      </c>
      <c r="FC12" s="102">
        <v>0</v>
      </c>
      <c r="FD12" s="470">
        <v>0</v>
      </c>
      <c r="FE12" s="104">
        <v>0</v>
      </c>
      <c r="FF12" s="104">
        <v>0</v>
      </c>
      <c r="FG12" s="104">
        <v>0</v>
      </c>
      <c r="FH12" s="104">
        <v>0</v>
      </c>
      <c r="FI12" s="104">
        <v>0</v>
      </c>
      <c r="FJ12" s="103">
        <v>0</v>
      </c>
      <c r="FK12" s="106">
        <v>0</v>
      </c>
      <c r="FL12" s="100">
        <v>182070</v>
      </c>
      <c r="FM12" s="104">
        <v>713937</v>
      </c>
      <c r="FN12" s="103">
        <v>896007</v>
      </c>
      <c r="FO12" s="100">
        <v>0</v>
      </c>
      <c r="FP12" s="104">
        <v>945196</v>
      </c>
      <c r="FQ12" s="104">
        <v>2292439</v>
      </c>
      <c r="FR12" s="104">
        <v>1694826</v>
      </c>
      <c r="FS12" s="104">
        <v>1155868</v>
      </c>
      <c r="FT12" s="104">
        <v>993153</v>
      </c>
      <c r="FU12" s="103">
        <v>7081482</v>
      </c>
      <c r="FV12" s="106">
        <v>7977489</v>
      </c>
      <c r="FW12" s="105">
        <v>182070</v>
      </c>
      <c r="FX12" s="104">
        <v>512057</v>
      </c>
      <c r="FY12" s="102">
        <v>694127</v>
      </c>
      <c r="FZ12" s="101">
        <v>0</v>
      </c>
      <c r="GA12" s="104">
        <v>493829</v>
      </c>
      <c r="GB12" s="104">
        <v>2048571</v>
      </c>
      <c r="GC12" s="104">
        <v>1458716</v>
      </c>
      <c r="GD12" s="104">
        <v>1088178</v>
      </c>
      <c r="GE12" s="104">
        <v>927703</v>
      </c>
      <c r="GF12" s="103">
        <v>6016997</v>
      </c>
      <c r="GG12" s="290">
        <v>6711124</v>
      </c>
      <c r="GH12" s="105">
        <v>0</v>
      </c>
      <c r="GI12" s="104">
        <v>61880</v>
      </c>
      <c r="GJ12" s="102">
        <v>61880</v>
      </c>
      <c r="GK12" s="101">
        <v>0</v>
      </c>
      <c r="GL12" s="104">
        <v>20328</v>
      </c>
      <c r="GM12" s="104">
        <v>101831</v>
      </c>
      <c r="GN12" s="104">
        <v>22050</v>
      </c>
      <c r="GO12" s="104">
        <v>67690</v>
      </c>
      <c r="GP12" s="104">
        <v>65450</v>
      </c>
      <c r="GQ12" s="103">
        <v>277349</v>
      </c>
      <c r="GR12" s="106">
        <v>339229</v>
      </c>
      <c r="GS12" s="100">
        <v>0</v>
      </c>
      <c r="GT12" s="104">
        <v>140000</v>
      </c>
      <c r="GU12" s="103">
        <v>140000</v>
      </c>
      <c r="GV12" s="100">
        <v>0</v>
      </c>
      <c r="GW12" s="104">
        <v>431039</v>
      </c>
      <c r="GX12" s="104">
        <v>142037</v>
      </c>
      <c r="GY12" s="104">
        <v>214060</v>
      </c>
      <c r="GZ12" s="104">
        <v>0</v>
      </c>
      <c r="HA12" s="104">
        <v>0</v>
      </c>
      <c r="HB12" s="102">
        <v>787136</v>
      </c>
      <c r="HC12" s="106">
        <v>927136</v>
      </c>
      <c r="HD12" s="100">
        <v>361449</v>
      </c>
      <c r="HE12" s="104">
        <v>652575</v>
      </c>
      <c r="HF12" s="102">
        <v>1014024</v>
      </c>
      <c r="HG12" s="101">
        <v>0</v>
      </c>
      <c r="HH12" s="104">
        <v>5270351</v>
      </c>
      <c r="HI12" s="104">
        <v>4608743</v>
      </c>
      <c r="HJ12" s="104">
        <v>6055895</v>
      </c>
      <c r="HK12" s="104">
        <v>4728552</v>
      </c>
      <c r="HL12" s="104">
        <v>4226592</v>
      </c>
      <c r="HM12" s="103">
        <v>24890133</v>
      </c>
      <c r="HN12" s="99">
        <v>25904157</v>
      </c>
      <c r="HO12" s="456">
        <v>0</v>
      </c>
      <c r="HP12" s="457">
        <v>0</v>
      </c>
      <c r="HQ12" s="458">
        <v>0</v>
      </c>
      <c r="HR12" s="459">
        <v>0</v>
      </c>
      <c r="HS12" s="457">
        <v>0</v>
      </c>
      <c r="HT12" s="457">
        <v>0</v>
      </c>
      <c r="HU12" s="457">
        <v>0</v>
      </c>
      <c r="HV12" s="457">
        <v>0</v>
      </c>
      <c r="HW12" s="457">
        <v>0</v>
      </c>
      <c r="HX12" s="460">
        <v>0</v>
      </c>
      <c r="HY12" s="461">
        <v>0</v>
      </c>
      <c r="HZ12" s="118">
        <v>66806</v>
      </c>
      <c r="IA12" s="119">
        <v>67075</v>
      </c>
      <c r="IB12" s="120">
        <v>133881</v>
      </c>
      <c r="IC12" s="121">
        <v>0</v>
      </c>
      <c r="ID12" s="122">
        <v>2676007</v>
      </c>
      <c r="IE12" s="123">
        <v>4498768</v>
      </c>
      <c r="IF12" s="124">
        <v>6159208</v>
      </c>
      <c r="IG12" s="122">
        <v>3939334</v>
      </c>
      <c r="IH12" s="124">
        <v>2393105</v>
      </c>
      <c r="II12" s="125">
        <v>19666422</v>
      </c>
      <c r="IJ12" s="126">
        <v>19800303</v>
      </c>
      <c r="IK12" s="215">
        <v>0</v>
      </c>
      <c r="IL12" s="219">
        <v>0</v>
      </c>
      <c r="IM12" s="220">
        <v>0</v>
      </c>
      <c r="IN12" s="470">
        <v>0</v>
      </c>
      <c r="IO12" s="109">
        <v>48692</v>
      </c>
      <c r="IP12" s="109">
        <v>179994</v>
      </c>
      <c r="IQ12" s="109">
        <v>48183</v>
      </c>
      <c r="IR12" s="109">
        <v>0</v>
      </c>
      <c r="IS12" s="109">
        <v>0</v>
      </c>
      <c r="IT12" s="128">
        <v>276869</v>
      </c>
      <c r="IU12" s="292">
        <v>276869</v>
      </c>
      <c r="IV12" s="129">
        <v>0</v>
      </c>
      <c r="IW12" s="109">
        <v>0</v>
      </c>
      <c r="IX12" s="110">
        <v>0</v>
      </c>
      <c r="IY12" s="470">
        <v>0</v>
      </c>
      <c r="IZ12" s="109">
        <v>0</v>
      </c>
      <c r="JA12" s="109">
        <v>0</v>
      </c>
      <c r="JB12" s="109">
        <v>0</v>
      </c>
      <c r="JC12" s="109">
        <v>0</v>
      </c>
      <c r="JD12" s="109">
        <v>0</v>
      </c>
      <c r="JE12" s="110">
        <v>0</v>
      </c>
      <c r="JF12" s="111">
        <v>0</v>
      </c>
      <c r="JG12" s="129">
        <v>0</v>
      </c>
      <c r="JH12" s="109">
        <v>0</v>
      </c>
      <c r="JI12" s="128">
        <v>0</v>
      </c>
      <c r="JJ12" s="108">
        <v>0</v>
      </c>
      <c r="JK12" s="109">
        <v>1013080</v>
      </c>
      <c r="JL12" s="109">
        <v>2156966</v>
      </c>
      <c r="JM12" s="109">
        <v>1175716</v>
      </c>
      <c r="JN12" s="109">
        <v>657484</v>
      </c>
      <c r="JO12" s="109">
        <v>213267</v>
      </c>
      <c r="JP12" s="110">
        <v>5216513</v>
      </c>
      <c r="JQ12" s="292">
        <v>5216513</v>
      </c>
      <c r="JR12" s="129">
        <v>0</v>
      </c>
      <c r="JS12" s="109">
        <v>0</v>
      </c>
      <c r="JT12" s="128">
        <v>0</v>
      </c>
      <c r="JU12" s="108">
        <v>0</v>
      </c>
      <c r="JV12" s="109">
        <v>119395</v>
      </c>
      <c r="JW12" s="109">
        <v>94493</v>
      </c>
      <c r="JX12" s="109">
        <v>142920</v>
      </c>
      <c r="JY12" s="109">
        <v>35920</v>
      </c>
      <c r="JZ12" s="109">
        <v>-761</v>
      </c>
      <c r="KA12" s="110">
        <v>391967</v>
      </c>
      <c r="KB12" s="292">
        <v>391967</v>
      </c>
      <c r="KC12" s="217">
        <v>66806</v>
      </c>
      <c r="KD12" s="213">
        <v>67075</v>
      </c>
      <c r="KE12" s="110">
        <v>133881</v>
      </c>
      <c r="KF12" s="108">
        <v>0</v>
      </c>
      <c r="KG12" s="109">
        <v>823955</v>
      </c>
      <c r="KH12" s="109">
        <v>441449</v>
      </c>
      <c r="KI12" s="109">
        <v>1046811</v>
      </c>
      <c r="KJ12" s="109">
        <v>195444</v>
      </c>
      <c r="KK12" s="109">
        <v>474223</v>
      </c>
      <c r="KL12" s="110">
        <v>2981882</v>
      </c>
      <c r="KM12" s="130">
        <v>3115763</v>
      </c>
      <c r="KN12" s="215">
        <v>0</v>
      </c>
      <c r="KO12" s="219">
        <v>0</v>
      </c>
      <c r="KP12" s="220">
        <v>0</v>
      </c>
      <c r="KQ12" s="470">
        <v>0</v>
      </c>
      <c r="KR12" s="109">
        <v>670885</v>
      </c>
      <c r="KS12" s="109">
        <v>1098131</v>
      </c>
      <c r="KT12" s="109">
        <v>3281055</v>
      </c>
      <c r="KU12" s="109">
        <v>2489949</v>
      </c>
      <c r="KV12" s="109">
        <v>1419433</v>
      </c>
      <c r="KW12" s="110">
        <v>8959453</v>
      </c>
      <c r="KX12" s="292">
        <v>8959453</v>
      </c>
      <c r="KY12" s="129">
        <v>0</v>
      </c>
      <c r="KZ12" s="109">
        <v>0</v>
      </c>
      <c r="LA12" s="110">
        <v>0</v>
      </c>
      <c r="LB12" s="470">
        <v>0</v>
      </c>
      <c r="LC12" s="109">
        <v>0</v>
      </c>
      <c r="LD12" s="109">
        <v>0</v>
      </c>
      <c r="LE12" s="109">
        <v>0</v>
      </c>
      <c r="LF12" s="109">
        <v>0</v>
      </c>
      <c r="LG12" s="109">
        <v>0</v>
      </c>
      <c r="LH12" s="110">
        <v>0</v>
      </c>
      <c r="LI12" s="111">
        <v>0</v>
      </c>
      <c r="LJ12" s="129">
        <v>0</v>
      </c>
      <c r="LK12" s="109">
        <v>0</v>
      </c>
      <c r="LL12" s="110">
        <v>0</v>
      </c>
      <c r="LM12" s="470">
        <v>0</v>
      </c>
      <c r="LN12" s="109">
        <v>0</v>
      </c>
      <c r="LO12" s="109">
        <v>182059</v>
      </c>
      <c r="LP12" s="109">
        <v>0</v>
      </c>
      <c r="LQ12" s="109">
        <v>466516</v>
      </c>
      <c r="LR12" s="109">
        <v>0</v>
      </c>
      <c r="LS12" s="110">
        <v>648575</v>
      </c>
      <c r="LT12" s="292">
        <v>648575</v>
      </c>
      <c r="LU12" s="129">
        <v>0</v>
      </c>
      <c r="LV12" s="109">
        <v>0</v>
      </c>
      <c r="LW12" s="110">
        <v>0</v>
      </c>
      <c r="LX12" s="470">
        <v>0</v>
      </c>
      <c r="LY12" s="109">
        <v>0</v>
      </c>
      <c r="LZ12" s="109">
        <v>345676</v>
      </c>
      <c r="MA12" s="109">
        <v>464523</v>
      </c>
      <c r="MB12" s="109">
        <v>94021</v>
      </c>
      <c r="MC12" s="109">
        <v>286943</v>
      </c>
      <c r="MD12" s="110">
        <v>1191163</v>
      </c>
      <c r="ME12" s="111">
        <v>1191163</v>
      </c>
      <c r="MF12" s="129">
        <v>0</v>
      </c>
      <c r="MG12" s="109">
        <v>0</v>
      </c>
      <c r="MH12" s="110">
        <v>0</v>
      </c>
      <c r="MI12" s="470">
        <v>0</v>
      </c>
      <c r="MJ12" s="109">
        <v>606012</v>
      </c>
      <c r="MK12" s="109">
        <v>2365493</v>
      </c>
      <c r="ML12" s="109">
        <v>6098583</v>
      </c>
      <c r="MM12" s="109">
        <v>13367065</v>
      </c>
      <c r="MN12" s="109">
        <v>8668691</v>
      </c>
      <c r="MO12" s="110">
        <v>31105844</v>
      </c>
      <c r="MP12" s="130">
        <v>31105844</v>
      </c>
      <c r="MQ12" s="129">
        <v>0</v>
      </c>
      <c r="MR12" s="109">
        <v>0</v>
      </c>
      <c r="MS12" s="110">
        <v>0</v>
      </c>
      <c r="MT12" s="470">
        <v>0</v>
      </c>
      <c r="MU12" s="109">
        <v>0</v>
      </c>
      <c r="MV12" s="109">
        <v>0</v>
      </c>
      <c r="MW12" s="109">
        <v>4218594</v>
      </c>
      <c r="MX12" s="109">
        <v>8686210</v>
      </c>
      <c r="MY12" s="109">
        <v>4674515</v>
      </c>
      <c r="MZ12" s="110">
        <v>17579319</v>
      </c>
      <c r="NA12" s="130">
        <v>17579319</v>
      </c>
      <c r="NB12" s="129">
        <v>0</v>
      </c>
      <c r="NC12" s="109">
        <v>0</v>
      </c>
      <c r="ND12" s="110">
        <v>0</v>
      </c>
      <c r="NE12" s="470">
        <v>0</v>
      </c>
      <c r="NF12" s="109">
        <v>606012</v>
      </c>
      <c r="NG12" s="109">
        <v>2365493</v>
      </c>
      <c r="NH12" s="109">
        <v>1596771</v>
      </c>
      <c r="NI12" s="109">
        <v>4427119</v>
      </c>
      <c r="NJ12" s="109">
        <v>2735936</v>
      </c>
      <c r="NK12" s="110">
        <v>11731331</v>
      </c>
      <c r="NL12" s="292">
        <v>11731331</v>
      </c>
      <c r="NM12" s="129">
        <v>0</v>
      </c>
      <c r="NN12" s="109">
        <v>0</v>
      </c>
      <c r="NO12" s="110">
        <v>0</v>
      </c>
      <c r="NP12" s="470">
        <v>0</v>
      </c>
      <c r="NQ12" s="109">
        <v>0</v>
      </c>
      <c r="NR12" s="109">
        <v>0</v>
      </c>
      <c r="NS12" s="109">
        <v>0</v>
      </c>
      <c r="NT12" s="109">
        <v>253736</v>
      </c>
      <c r="NU12" s="109">
        <v>272262</v>
      </c>
      <c r="NV12" s="110">
        <v>525998</v>
      </c>
      <c r="NW12" s="111">
        <v>525998</v>
      </c>
      <c r="NX12" s="129">
        <v>0</v>
      </c>
      <c r="NY12" s="109">
        <v>0</v>
      </c>
      <c r="NZ12" s="110">
        <v>0</v>
      </c>
      <c r="OA12" s="470">
        <v>0</v>
      </c>
      <c r="OB12" s="109">
        <v>0</v>
      </c>
      <c r="OC12" s="109">
        <v>0</v>
      </c>
      <c r="OD12" s="109">
        <v>283218</v>
      </c>
      <c r="OE12" s="109">
        <v>0</v>
      </c>
      <c r="OF12" s="109">
        <v>985978</v>
      </c>
      <c r="OG12" s="110">
        <v>1269196</v>
      </c>
      <c r="OH12" s="111">
        <v>1269196</v>
      </c>
      <c r="OI12" s="129">
        <v>877907</v>
      </c>
      <c r="OJ12" s="109">
        <v>2395968</v>
      </c>
      <c r="OK12" s="128">
        <v>3273875</v>
      </c>
      <c r="OL12" s="108">
        <v>0</v>
      </c>
      <c r="OM12" s="109">
        <v>17396434</v>
      </c>
      <c r="ON12" s="109">
        <v>29944023</v>
      </c>
      <c r="OO12" s="109">
        <v>31668861</v>
      </c>
      <c r="OP12" s="109">
        <v>33973357</v>
      </c>
      <c r="OQ12" s="109">
        <v>23445224</v>
      </c>
      <c r="OR12" s="110">
        <v>136427899</v>
      </c>
      <c r="OS12" s="130">
        <v>139701774</v>
      </c>
    </row>
    <row r="13" spans="2:409" ht="21" customHeight="1" x14ac:dyDescent="0.2">
      <c r="B13" s="437" t="s">
        <v>7</v>
      </c>
      <c r="C13" s="100">
        <v>1078649</v>
      </c>
      <c r="D13" s="104">
        <v>504986</v>
      </c>
      <c r="E13" s="103">
        <v>1583635</v>
      </c>
      <c r="F13" s="99">
        <v>0</v>
      </c>
      <c r="G13" s="104">
        <v>12203989</v>
      </c>
      <c r="H13" s="104">
        <v>10098957</v>
      </c>
      <c r="I13" s="104">
        <v>7975092</v>
      </c>
      <c r="J13" s="104">
        <v>8634889</v>
      </c>
      <c r="K13" s="104">
        <v>7214970</v>
      </c>
      <c r="L13" s="99">
        <v>46127897</v>
      </c>
      <c r="M13" s="106">
        <v>47711532</v>
      </c>
      <c r="N13" s="100">
        <v>234500</v>
      </c>
      <c r="O13" s="104">
        <v>126689</v>
      </c>
      <c r="P13" s="103">
        <v>361189</v>
      </c>
      <c r="Q13" s="100">
        <v>0</v>
      </c>
      <c r="R13" s="104">
        <v>3226085</v>
      </c>
      <c r="S13" s="104">
        <v>3098477</v>
      </c>
      <c r="T13" s="104">
        <v>2596003</v>
      </c>
      <c r="U13" s="104">
        <v>3689221</v>
      </c>
      <c r="V13" s="104">
        <v>2640387</v>
      </c>
      <c r="W13" s="103">
        <v>15250173</v>
      </c>
      <c r="X13" s="106">
        <v>15611362</v>
      </c>
      <c r="Y13" s="100">
        <v>0</v>
      </c>
      <c r="Z13" s="104">
        <v>0</v>
      </c>
      <c r="AA13" s="103">
        <v>0</v>
      </c>
      <c r="AB13" s="100">
        <v>0</v>
      </c>
      <c r="AC13" s="104">
        <v>1540213</v>
      </c>
      <c r="AD13" s="104">
        <v>1420884</v>
      </c>
      <c r="AE13" s="104">
        <v>1263950</v>
      </c>
      <c r="AF13" s="104">
        <v>1882416</v>
      </c>
      <c r="AG13" s="104">
        <v>1053105</v>
      </c>
      <c r="AH13" s="103">
        <v>7160568</v>
      </c>
      <c r="AI13" s="106">
        <v>7160568</v>
      </c>
      <c r="AJ13" s="100">
        <v>0</v>
      </c>
      <c r="AK13" s="104">
        <v>0</v>
      </c>
      <c r="AL13" s="103">
        <v>0</v>
      </c>
      <c r="AM13" s="100">
        <v>0</v>
      </c>
      <c r="AN13" s="104">
        <v>40917</v>
      </c>
      <c r="AO13" s="104">
        <v>132992</v>
      </c>
      <c r="AP13" s="104">
        <v>42523</v>
      </c>
      <c r="AQ13" s="104">
        <v>403630</v>
      </c>
      <c r="AR13" s="104">
        <v>496076</v>
      </c>
      <c r="AS13" s="103">
        <v>1116138</v>
      </c>
      <c r="AT13" s="106">
        <v>1116138</v>
      </c>
      <c r="AU13" s="100">
        <v>14011</v>
      </c>
      <c r="AV13" s="104">
        <v>75946</v>
      </c>
      <c r="AW13" s="103">
        <v>89957</v>
      </c>
      <c r="AX13" s="100">
        <v>0</v>
      </c>
      <c r="AY13" s="104">
        <v>866168</v>
      </c>
      <c r="AZ13" s="104">
        <v>855218</v>
      </c>
      <c r="BA13" s="104">
        <v>784506</v>
      </c>
      <c r="BB13" s="104">
        <v>747443</v>
      </c>
      <c r="BC13" s="104">
        <v>694236</v>
      </c>
      <c r="BD13" s="103">
        <v>3947571</v>
      </c>
      <c r="BE13" s="106">
        <v>4037528</v>
      </c>
      <c r="BF13" s="100">
        <v>18196</v>
      </c>
      <c r="BG13" s="104">
        <v>0</v>
      </c>
      <c r="BH13" s="102">
        <v>18196</v>
      </c>
      <c r="BI13" s="101">
        <v>0</v>
      </c>
      <c r="BJ13" s="104">
        <v>75000</v>
      </c>
      <c r="BK13" s="104">
        <v>211148</v>
      </c>
      <c r="BL13" s="104">
        <v>66677</v>
      </c>
      <c r="BM13" s="104">
        <v>129626</v>
      </c>
      <c r="BN13" s="104">
        <v>0</v>
      </c>
      <c r="BO13" s="103">
        <v>482451</v>
      </c>
      <c r="BP13" s="106">
        <v>500647</v>
      </c>
      <c r="BQ13" s="100">
        <v>202293</v>
      </c>
      <c r="BR13" s="104">
        <v>50743</v>
      </c>
      <c r="BS13" s="103">
        <v>253036</v>
      </c>
      <c r="BT13" s="100">
        <v>0</v>
      </c>
      <c r="BU13" s="104">
        <v>703787</v>
      </c>
      <c r="BV13" s="104">
        <v>478235</v>
      </c>
      <c r="BW13" s="104">
        <v>438347</v>
      </c>
      <c r="BX13" s="104">
        <v>526106</v>
      </c>
      <c r="BY13" s="104">
        <v>396970</v>
      </c>
      <c r="BZ13" s="103">
        <v>2543445</v>
      </c>
      <c r="CA13" s="106">
        <v>2796481</v>
      </c>
      <c r="CB13" s="100">
        <v>54004</v>
      </c>
      <c r="CC13" s="104">
        <v>129375</v>
      </c>
      <c r="CD13" s="103">
        <v>183379</v>
      </c>
      <c r="CE13" s="100">
        <v>0</v>
      </c>
      <c r="CF13" s="104">
        <v>3400529</v>
      </c>
      <c r="CG13" s="104">
        <v>2512650</v>
      </c>
      <c r="CH13" s="104">
        <v>1570781</v>
      </c>
      <c r="CI13" s="104">
        <v>1092664</v>
      </c>
      <c r="CJ13" s="104">
        <v>466998</v>
      </c>
      <c r="CK13" s="103">
        <v>9043622</v>
      </c>
      <c r="CL13" s="106">
        <v>9227001</v>
      </c>
      <c r="CM13" s="100">
        <v>0</v>
      </c>
      <c r="CN13" s="104">
        <v>0</v>
      </c>
      <c r="CO13" s="103">
        <v>0</v>
      </c>
      <c r="CP13" s="101">
        <v>0</v>
      </c>
      <c r="CQ13" s="104">
        <v>2719580</v>
      </c>
      <c r="CR13" s="104">
        <v>1787012</v>
      </c>
      <c r="CS13" s="104">
        <v>900842</v>
      </c>
      <c r="CT13" s="104">
        <v>698619</v>
      </c>
      <c r="CU13" s="104">
        <v>367685</v>
      </c>
      <c r="CV13" s="103">
        <v>6473738</v>
      </c>
      <c r="CW13" s="106">
        <v>6473738</v>
      </c>
      <c r="CX13" s="100">
        <v>54004</v>
      </c>
      <c r="CY13" s="104">
        <v>129375</v>
      </c>
      <c r="CZ13" s="103">
        <v>183379</v>
      </c>
      <c r="DA13" s="100">
        <v>0</v>
      </c>
      <c r="DB13" s="104">
        <v>680949</v>
      </c>
      <c r="DC13" s="104">
        <v>725638</v>
      </c>
      <c r="DD13" s="104">
        <v>669939</v>
      </c>
      <c r="DE13" s="104">
        <v>394045</v>
      </c>
      <c r="DF13" s="104">
        <v>99313</v>
      </c>
      <c r="DG13" s="103">
        <v>2569884</v>
      </c>
      <c r="DH13" s="106">
        <v>2753263</v>
      </c>
      <c r="DI13" s="100">
        <v>0</v>
      </c>
      <c r="DJ13" s="104">
        <v>0</v>
      </c>
      <c r="DK13" s="102">
        <v>0</v>
      </c>
      <c r="DL13" s="101">
        <v>0</v>
      </c>
      <c r="DM13" s="104">
        <v>440365</v>
      </c>
      <c r="DN13" s="104">
        <v>726886</v>
      </c>
      <c r="DO13" s="104">
        <v>385472</v>
      </c>
      <c r="DP13" s="104">
        <v>579398</v>
      </c>
      <c r="DQ13" s="104">
        <v>275235</v>
      </c>
      <c r="DR13" s="103">
        <v>2407356</v>
      </c>
      <c r="DS13" s="106">
        <v>2407356</v>
      </c>
      <c r="DT13" s="100">
        <v>0</v>
      </c>
      <c r="DU13" s="104">
        <v>0</v>
      </c>
      <c r="DV13" s="103">
        <v>0</v>
      </c>
      <c r="DW13" s="100">
        <v>0</v>
      </c>
      <c r="DX13" s="104">
        <v>440365</v>
      </c>
      <c r="DY13" s="104">
        <v>542703</v>
      </c>
      <c r="DZ13" s="104">
        <v>375110</v>
      </c>
      <c r="EA13" s="104">
        <v>579398</v>
      </c>
      <c r="EB13" s="104">
        <v>275235</v>
      </c>
      <c r="EC13" s="103">
        <v>2212811</v>
      </c>
      <c r="ED13" s="106">
        <v>2212811</v>
      </c>
      <c r="EE13" s="100">
        <v>0</v>
      </c>
      <c r="EF13" s="102">
        <v>0</v>
      </c>
      <c r="EG13" s="103">
        <v>0</v>
      </c>
      <c r="EH13" s="100">
        <v>0</v>
      </c>
      <c r="EI13" s="104">
        <v>0</v>
      </c>
      <c r="EJ13" s="104">
        <v>184183</v>
      </c>
      <c r="EK13" s="104">
        <v>10362</v>
      </c>
      <c r="EL13" s="104">
        <v>0</v>
      </c>
      <c r="EM13" s="104">
        <v>0</v>
      </c>
      <c r="EN13" s="102">
        <v>194545</v>
      </c>
      <c r="EO13" s="106">
        <v>194545</v>
      </c>
      <c r="EP13" s="100">
        <v>0</v>
      </c>
      <c r="EQ13" s="104">
        <v>0</v>
      </c>
      <c r="ER13" s="102">
        <v>0</v>
      </c>
      <c r="ES13" s="101">
        <v>0</v>
      </c>
      <c r="ET13" s="104">
        <v>0</v>
      </c>
      <c r="EU13" s="104">
        <v>0</v>
      </c>
      <c r="EV13" s="104">
        <v>0</v>
      </c>
      <c r="EW13" s="104">
        <v>0</v>
      </c>
      <c r="EX13" s="104">
        <v>0</v>
      </c>
      <c r="EY13" s="103">
        <v>0</v>
      </c>
      <c r="EZ13" s="106">
        <v>0</v>
      </c>
      <c r="FA13" s="100">
        <v>0</v>
      </c>
      <c r="FB13" s="104">
        <v>0</v>
      </c>
      <c r="FC13" s="102">
        <v>0</v>
      </c>
      <c r="FD13" s="470">
        <v>0</v>
      </c>
      <c r="FE13" s="104">
        <v>0</v>
      </c>
      <c r="FF13" s="104">
        <v>0</v>
      </c>
      <c r="FG13" s="104">
        <v>0</v>
      </c>
      <c r="FH13" s="104">
        <v>0</v>
      </c>
      <c r="FI13" s="104">
        <v>0</v>
      </c>
      <c r="FJ13" s="103">
        <v>0</v>
      </c>
      <c r="FK13" s="106">
        <v>0</v>
      </c>
      <c r="FL13" s="100">
        <v>75502</v>
      </c>
      <c r="FM13" s="104">
        <v>89544</v>
      </c>
      <c r="FN13" s="103">
        <v>165046</v>
      </c>
      <c r="FO13" s="100">
        <v>0</v>
      </c>
      <c r="FP13" s="104">
        <v>600271</v>
      </c>
      <c r="FQ13" s="104">
        <v>1020985</v>
      </c>
      <c r="FR13" s="104">
        <v>629762</v>
      </c>
      <c r="FS13" s="104">
        <v>672252</v>
      </c>
      <c r="FT13" s="104">
        <v>390250</v>
      </c>
      <c r="FU13" s="103">
        <v>3313520</v>
      </c>
      <c r="FV13" s="106">
        <v>3478566</v>
      </c>
      <c r="FW13" s="105">
        <v>31780</v>
      </c>
      <c r="FX13" s="104">
        <v>89544</v>
      </c>
      <c r="FY13" s="102">
        <v>121324</v>
      </c>
      <c r="FZ13" s="101">
        <v>0</v>
      </c>
      <c r="GA13" s="104">
        <v>523607</v>
      </c>
      <c r="GB13" s="104">
        <v>885080</v>
      </c>
      <c r="GC13" s="104">
        <v>629762</v>
      </c>
      <c r="GD13" s="104">
        <v>643916</v>
      </c>
      <c r="GE13" s="104">
        <v>390250</v>
      </c>
      <c r="GF13" s="103">
        <v>3072615</v>
      </c>
      <c r="GG13" s="290">
        <v>3193939</v>
      </c>
      <c r="GH13" s="105">
        <v>43722</v>
      </c>
      <c r="GI13" s="104">
        <v>0</v>
      </c>
      <c r="GJ13" s="102">
        <v>43722</v>
      </c>
      <c r="GK13" s="101">
        <v>0</v>
      </c>
      <c r="GL13" s="104">
        <v>76664</v>
      </c>
      <c r="GM13" s="104">
        <v>20405</v>
      </c>
      <c r="GN13" s="104">
        <v>0</v>
      </c>
      <c r="GO13" s="104">
        <v>28336</v>
      </c>
      <c r="GP13" s="104">
        <v>0</v>
      </c>
      <c r="GQ13" s="103">
        <v>125405</v>
      </c>
      <c r="GR13" s="106">
        <v>169127</v>
      </c>
      <c r="GS13" s="100">
        <v>0</v>
      </c>
      <c r="GT13" s="104">
        <v>0</v>
      </c>
      <c r="GU13" s="103">
        <v>0</v>
      </c>
      <c r="GV13" s="100">
        <v>0</v>
      </c>
      <c r="GW13" s="104">
        <v>0</v>
      </c>
      <c r="GX13" s="104">
        <v>115500</v>
      </c>
      <c r="GY13" s="104">
        <v>0</v>
      </c>
      <c r="GZ13" s="104">
        <v>0</v>
      </c>
      <c r="HA13" s="104">
        <v>0</v>
      </c>
      <c r="HB13" s="102">
        <v>115500</v>
      </c>
      <c r="HC13" s="106">
        <v>115500</v>
      </c>
      <c r="HD13" s="100">
        <v>714643</v>
      </c>
      <c r="HE13" s="104">
        <v>159378</v>
      </c>
      <c r="HF13" s="102">
        <v>874021</v>
      </c>
      <c r="HG13" s="101">
        <v>0</v>
      </c>
      <c r="HH13" s="104">
        <v>4536739</v>
      </c>
      <c r="HI13" s="104">
        <v>2739959</v>
      </c>
      <c r="HJ13" s="104">
        <v>2793074</v>
      </c>
      <c r="HK13" s="104">
        <v>2601354</v>
      </c>
      <c r="HL13" s="104">
        <v>3442100</v>
      </c>
      <c r="HM13" s="103">
        <v>16113226</v>
      </c>
      <c r="HN13" s="99">
        <v>16987247</v>
      </c>
      <c r="HO13" s="456">
        <v>0</v>
      </c>
      <c r="HP13" s="457">
        <v>0</v>
      </c>
      <c r="HQ13" s="458">
        <v>0</v>
      </c>
      <c r="HR13" s="459">
        <v>0</v>
      </c>
      <c r="HS13" s="457">
        <v>0</v>
      </c>
      <c r="HT13" s="457">
        <v>0</v>
      </c>
      <c r="HU13" s="457">
        <v>0</v>
      </c>
      <c r="HV13" s="457">
        <v>0</v>
      </c>
      <c r="HW13" s="457">
        <v>0</v>
      </c>
      <c r="HX13" s="460">
        <v>0</v>
      </c>
      <c r="HY13" s="461">
        <v>0</v>
      </c>
      <c r="HZ13" s="118">
        <v>42744</v>
      </c>
      <c r="IA13" s="119">
        <v>0</v>
      </c>
      <c r="IB13" s="120">
        <v>42744</v>
      </c>
      <c r="IC13" s="131">
        <v>0</v>
      </c>
      <c r="ID13" s="119">
        <v>1900891</v>
      </c>
      <c r="IE13" s="132">
        <v>1596800</v>
      </c>
      <c r="IF13" s="120">
        <v>2087886</v>
      </c>
      <c r="IG13" s="119">
        <v>1479350</v>
      </c>
      <c r="IH13" s="120">
        <v>1198658</v>
      </c>
      <c r="II13" s="133">
        <v>8263585</v>
      </c>
      <c r="IJ13" s="126">
        <v>8306329</v>
      </c>
      <c r="IK13" s="215">
        <v>0</v>
      </c>
      <c r="IL13" s="219">
        <v>0</v>
      </c>
      <c r="IM13" s="220">
        <v>0</v>
      </c>
      <c r="IN13" s="470">
        <v>0</v>
      </c>
      <c r="IO13" s="109">
        <v>80187</v>
      </c>
      <c r="IP13" s="109">
        <v>0</v>
      </c>
      <c r="IQ13" s="109">
        <v>0</v>
      </c>
      <c r="IR13" s="109">
        <v>0</v>
      </c>
      <c r="IS13" s="109">
        <v>0</v>
      </c>
      <c r="IT13" s="128">
        <v>80187</v>
      </c>
      <c r="IU13" s="292">
        <v>80187</v>
      </c>
      <c r="IV13" s="129">
        <v>0</v>
      </c>
      <c r="IW13" s="109">
        <v>0</v>
      </c>
      <c r="IX13" s="110">
        <v>0</v>
      </c>
      <c r="IY13" s="470">
        <v>0</v>
      </c>
      <c r="IZ13" s="109">
        <v>0</v>
      </c>
      <c r="JA13" s="109">
        <v>0</v>
      </c>
      <c r="JB13" s="109">
        <v>0</v>
      </c>
      <c r="JC13" s="109">
        <v>0</v>
      </c>
      <c r="JD13" s="109">
        <v>0</v>
      </c>
      <c r="JE13" s="110">
        <v>0</v>
      </c>
      <c r="JF13" s="111">
        <v>0</v>
      </c>
      <c r="JG13" s="129">
        <v>0</v>
      </c>
      <c r="JH13" s="109">
        <v>0</v>
      </c>
      <c r="JI13" s="128">
        <v>0</v>
      </c>
      <c r="JJ13" s="108">
        <v>0</v>
      </c>
      <c r="JK13" s="109">
        <v>1188757</v>
      </c>
      <c r="JL13" s="109">
        <v>812665</v>
      </c>
      <c r="JM13" s="109">
        <v>506470</v>
      </c>
      <c r="JN13" s="109">
        <v>152977</v>
      </c>
      <c r="JO13" s="109">
        <v>230954</v>
      </c>
      <c r="JP13" s="110">
        <v>2891823</v>
      </c>
      <c r="JQ13" s="292">
        <v>2891823</v>
      </c>
      <c r="JR13" s="129">
        <v>0</v>
      </c>
      <c r="JS13" s="109">
        <v>0</v>
      </c>
      <c r="JT13" s="128">
        <v>0</v>
      </c>
      <c r="JU13" s="108">
        <v>0</v>
      </c>
      <c r="JV13" s="109">
        <v>233334</v>
      </c>
      <c r="JW13" s="109">
        <v>344454</v>
      </c>
      <c r="JX13" s="109">
        <v>486580</v>
      </c>
      <c r="JY13" s="109">
        <v>189904</v>
      </c>
      <c r="JZ13" s="109">
        <v>0</v>
      </c>
      <c r="KA13" s="110">
        <v>1254272</v>
      </c>
      <c r="KB13" s="292">
        <v>1254272</v>
      </c>
      <c r="KC13" s="217">
        <v>42744</v>
      </c>
      <c r="KD13" s="213">
        <v>0</v>
      </c>
      <c r="KE13" s="110">
        <v>42744</v>
      </c>
      <c r="KF13" s="108">
        <v>0</v>
      </c>
      <c r="KG13" s="109">
        <v>95746</v>
      </c>
      <c r="KH13" s="109">
        <v>0</v>
      </c>
      <c r="KI13" s="109">
        <v>184144</v>
      </c>
      <c r="KJ13" s="109">
        <v>215346</v>
      </c>
      <c r="KK13" s="109">
        <v>0</v>
      </c>
      <c r="KL13" s="110">
        <v>495236</v>
      </c>
      <c r="KM13" s="130">
        <v>537980</v>
      </c>
      <c r="KN13" s="215">
        <v>0</v>
      </c>
      <c r="KO13" s="219">
        <v>0</v>
      </c>
      <c r="KP13" s="220">
        <v>0</v>
      </c>
      <c r="KQ13" s="470">
        <v>0</v>
      </c>
      <c r="KR13" s="109">
        <v>198865</v>
      </c>
      <c r="KS13" s="109">
        <v>439681</v>
      </c>
      <c r="KT13" s="109">
        <v>910692</v>
      </c>
      <c r="KU13" s="109">
        <v>921123</v>
      </c>
      <c r="KV13" s="109">
        <v>699201</v>
      </c>
      <c r="KW13" s="110">
        <v>3169562</v>
      </c>
      <c r="KX13" s="292">
        <v>3169562</v>
      </c>
      <c r="KY13" s="129">
        <v>0</v>
      </c>
      <c r="KZ13" s="109">
        <v>0</v>
      </c>
      <c r="LA13" s="110">
        <v>0</v>
      </c>
      <c r="LB13" s="470">
        <v>0</v>
      </c>
      <c r="LC13" s="109">
        <v>0</v>
      </c>
      <c r="LD13" s="109">
        <v>0</v>
      </c>
      <c r="LE13" s="109">
        <v>0</v>
      </c>
      <c r="LF13" s="109">
        <v>0</v>
      </c>
      <c r="LG13" s="109">
        <v>0</v>
      </c>
      <c r="LH13" s="110">
        <v>0</v>
      </c>
      <c r="LI13" s="111">
        <v>0</v>
      </c>
      <c r="LJ13" s="129">
        <v>0</v>
      </c>
      <c r="LK13" s="109">
        <v>0</v>
      </c>
      <c r="LL13" s="110">
        <v>0</v>
      </c>
      <c r="LM13" s="470">
        <v>0</v>
      </c>
      <c r="LN13" s="109">
        <v>0</v>
      </c>
      <c r="LO13" s="109">
        <v>0</v>
      </c>
      <c r="LP13" s="109">
        <v>0</v>
      </c>
      <c r="LQ13" s="109">
        <v>0</v>
      </c>
      <c r="LR13" s="109">
        <v>0</v>
      </c>
      <c r="LS13" s="110">
        <v>0</v>
      </c>
      <c r="LT13" s="292">
        <v>0</v>
      </c>
      <c r="LU13" s="129">
        <v>0</v>
      </c>
      <c r="LV13" s="109">
        <v>0</v>
      </c>
      <c r="LW13" s="110">
        <v>0</v>
      </c>
      <c r="LX13" s="470">
        <v>0</v>
      </c>
      <c r="LY13" s="109">
        <v>104002</v>
      </c>
      <c r="LZ13" s="109">
        <v>0</v>
      </c>
      <c r="MA13" s="109">
        <v>0</v>
      </c>
      <c r="MB13" s="109">
        <v>0</v>
      </c>
      <c r="MC13" s="109">
        <v>268503</v>
      </c>
      <c r="MD13" s="110">
        <v>372505</v>
      </c>
      <c r="ME13" s="111">
        <v>372505</v>
      </c>
      <c r="MF13" s="129">
        <v>0</v>
      </c>
      <c r="MG13" s="109">
        <v>0</v>
      </c>
      <c r="MH13" s="110">
        <v>0</v>
      </c>
      <c r="MI13" s="470">
        <v>0</v>
      </c>
      <c r="MJ13" s="109">
        <v>420522</v>
      </c>
      <c r="MK13" s="109">
        <v>280199</v>
      </c>
      <c r="ML13" s="109">
        <v>2634255</v>
      </c>
      <c r="MM13" s="109">
        <v>5489295</v>
      </c>
      <c r="MN13" s="109">
        <v>2450064</v>
      </c>
      <c r="MO13" s="110">
        <v>11274335</v>
      </c>
      <c r="MP13" s="130">
        <v>11274335</v>
      </c>
      <c r="MQ13" s="129">
        <v>0</v>
      </c>
      <c r="MR13" s="109">
        <v>0</v>
      </c>
      <c r="MS13" s="110">
        <v>0</v>
      </c>
      <c r="MT13" s="470">
        <v>0</v>
      </c>
      <c r="MU13" s="109">
        <v>0</v>
      </c>
      <c r="MV13" s="109">
        <v>209610</v>
      </c>
      <c r="MW13" s="109">
        <v>1639948</v>
      </c>
      <c r="MX13" s="109">
        <v>3434552</v>
      </c>
      <c r="MY13" s="109">
        <v>2450064</v>
      </c>
      <c r="MZ13" s="110">
        <v>7734174</v>
      </c>
      <c r="NA13" s="130">
        <v>7734174</v>
      </c>
      <c r="NB13" s="129">
        <v>0</v>
      </c>
      <c r="NC13" s="109">
        <v>0</v>
      </c>
      <c r="ND13" s="110">
        <v>0</v>
      </c>
      <c r="NE13" s="470">
        <v>0</v>
      </c>
      <c r="NF13" s="109">
        <v>420522</v>
      </c>
      <c r="NG13" s="109">
        <v>70589</v>
      </c>
      <c r="NH13" s="109">
        <v>994307</v>
      </c>
      <c r="NI13" s="109">
        <v>2054743</v>
      </c>
      <c r="NJ13" s="109">
        <v>0</v>
      </c>
      <c r="NK13" s="110">
        <v>3540161</v>
      </c>
      <c r="NL13" s="292">
        <v>3540161</v>
      </c>
      <c r="NM13" s="129">
        <v>0</v>
      </c>
      <c r="NN13" s="109">
        <v>0</v>
      </c>
      <c r="NO13" s="110">
        <v>0</v>
      </c>
      <c r="NP13" s="470">
        <v>0</v>
      </c>
      <c r="NQ13" s="109">
        <v>0</v>
      </c>
      <c r="NR13" s="109">
        <v>0</v>
      </c>
      <c r="NS13" s="109">
        <v>0</v>
      </c>
      <c r="NT13" s="109">
        <v>0</v>
      </c>
      <c r="NU13" s="109">
        <v>0</v>
      </c>
      <c r="NV13" s="110">
        <v>0</v>
      </c>
      <c r="NW13" s="111">
        <v>0</v>
      </c>
      <c r="NX13" s="129">
        <v>0</v>
      </c>
      <c r="NY13" s="109">
        <v>0</v>
      </c>
      <c r="NZ13" s="110">
        <v>0</v>
      </c>
      <c r="OA13" s="470">
        <v>0</v>
      </c>
      <c r="OB13" s="109">
        <v>0</v>
      </c>
      <c r="OC13" s="109">
        <v>0</v>
      </c>
      <c r="OD13" s="109">
        <v>0</v>
      </c>
      <c r="OE13" s="109">
        <v>0</v>
      </c>
      <c r="OF13" s="109">
        <v>0</v>
      </c>
      <c r="OG13" s="110">
        <v>0</v>
      </c>
      <c r="OH13" s="111">
        <v>0</v>
      </c>
      <c r="OI13" s="129">
        <v>1121393</v>
      </c>
      <c r="OJ13" s="109">
        <v>504986</v>
      </c>
      <c r="OK13" s="128">
        <v>1626379</v>
      </c>
      <c r="OL13" s="108">
        <v>0</v>
      </c>
      <c r="OM13" s="109">
        <v>14525402</v>
      </c>
      <c r="ON13" s="109">
        <v>11975956</v>
      </c>
      <c r="OO13" s="109">
        <v>12697233</v>
      </c>
      <c r="OP13" s="109">
        <v>15603534</v>
      </c>
      <c r="OQ13" s="109">
        <v>10863692</v>
      </c>
      <c r="OR13" s="110">
        <v>65665817</v>
      </c>
      <c r="OS13" s="130">
        <v>67292196</v>
      </c>
    </row>
    <row r="14" spans="2:409" ht="21" customHeight="1" x14ac:dyDescent="0.2">
      <c r="B14" s="437" t="s">
        <v>8</v>
      </c>
      <c r="C14" s="100">
        <v>698058</v>
      </c>
      <c r="D14" s="104">
        <v>730423</v>
      </c>
      <c r="E14" s="103">
        <v>1428481</v>
      </c>
      <c r="F14" s="99">
        <v>0</v>
      </c>
      <c r="G14" s="104">
        <v>6002600</v>
      </c>
      <c r="H14" s="104">
        <v>6996935</v>
      </c>
      <c r="I14" s="104">
        <v>6632858</v>
      </c>
      <c r="J14" s="104">
        <v>5358105</v>
      </c>
      <c r="K14" s="104">
        <v>4284387</v>
      </c>
      <c r="L14" s="99">
        <v>29274885</v>
      </c>
      <c r="M14" s="106">
        <v>30703366</v>
      </c>
      <c r="N14" s="100">
        <v>121849</v>
      </c>
      <c r="O14" s="104">
        <v>199225</v>
      </c>
      <c r="P14" s="103">
        <v>321074</v>
      </c>
      <c r="Q14" s="100">
        <v>0</v>
      </c>
      <c r="R14" s="104">
        <v>1867477</v>
      </c>
      <c r="S14" s="104">
        <v>1687038</v>
      </c>
      <c r="T14" s="104">
        <v>1958351</v>
      </c>
      <c r="U14" s="104">
        <v>1741895</v>
      </c>
      <c r="V14" s="104">
        <v>1783646</v>
      </c>
      <c r="W14" s="103">
        <v>9038407</v>
      </c>
      <c r="X14" s="106">
        <v>9359481</v>
      </c>
      <c r="Y14" s="100">
        <v>0</v>
      </c>
      <c r="Z14" s="104">
        <v>0</v>
      </c>
      <c r="AA14" s="103">
        <v>0</v>
      </c>
      <c r="AB14" s="100">
        <v>0</v>
      </c>
      <c r="AC14" s="104">
        <v>874929</v>
      </c>
      <c r="AD14" s="104">
        <v>368611</v>
      </c>
      <c r="AE14" s="104">
        <v>1073937</v>
      </c>
      <c r="AF14" s="104">
        <v>743327</v>
      </c>
      <c r="AG14" s="104">
        <v>1034564</v>
      </c>
      <c r="AH14" s="103">
        <v>4095368</v>
      </c>
      <c r="AI14" s="106">
        <v>4095368</v>
      </c>
      <c r="AJ14" s="100">
        <v>0</v>
      </c>
      <c r="AK14" s="104">
        <v>0</v>
      </c>
      <c r="AL14" s="103">
        <v>0</v>
      </c>
      <c r="AM14" s="100">
        <v>0</v>
      </c>
      <c r="AN14" s="104">
        <v>31869</v>
      </c>
      <c r="AO14" s="104">
        <v>0</v>
      </c>
      <c r="AP14" s="104">
        <v>19166</v>
      </c>
      <c r="AQ14" s="104">
        <v>74524</v>
      </c>
      <c r="AR14" s="104">
        <v>126085</v>
      </c>
      <c r="AS14" s="103">
        <v>251644</v>
      </c>
      <c r="AT14" s="106">
        <v>251644</v>
      </c>
      <c r="AU14" s="100">
        <v>44765</v>
      </c>
      <c r="AV14" s="104">
        <v>99777</v>
      </c>
      <c r="AW14" s="103">
        <v>144542</v>
      </c>
      <c r="AX14" s="100">
        <v>0</v>
      </c>
      <c r="AY14" s="104">
        <v>592754</v>
      </c>
      <c r="AZ14" s="104">
        <v>811603</v>
      </c>
      <c r="BA14" s="104">
        <v>482961</v>
      </c>
      <c r="BB14" s="104">
        <v>663663</v>
      </c>
      <c r="BC14" s="104">
        <v>289206</v>
      </c>
      <c r="BD14" s="103">
        <v>2840187</v>
      </c>
      <c r="BE14" s="106">
        <v>2984729</v>
      </c>
      <c r="BF14" s="100">
        <v>23114</v>
      </c>
      <c r="BG14" s="104">
        <v>77132</v>
      </c>
      <c r="BH14" s="102">
        <v>100246</v>
      </c>
      <c r="BI14" s="101">
        <v>0</v>
      </c>
      <c r="BJ14" s="104">
        <v>94617</v>
      </c>
      <c r="BK14" s="104">
        <v>241132</v>
      </c>
      <c r="BL14" s="104">
        <v>118982</v>
      </c>
      <c r="BM14" s="104">
        <v>53510</v>
      </c>
      <c r="BN14" s="104">
        <v>123294</v>
      </c>
      <c r="BO14" s="103">
        <v>631535</v>
      </c>
      <c r="BP14" s="106">
        <v>731781</v>
      </c>
      <c r="BQ14" s="100">
        <v>53970</v>
      </c>
      <c r="BR14" s="104">
        <v>22316</v>
      </c>
      <c r="BS14" s="103">
        <v>76286</v>
      </c>
      <c r="BT14" s="100">
        <v>0</v>
      </c>
      <c r="BU14" s="104">
        <v>273308</v>
      </c>
      <c r="BV14" s="104">
        <v>265692</v>
      </c>
      <c r="BW14" s="104">
        <v>263305</v>
      </c>
      <c r="BX14" s="104">
        <v>206871</v>
      </c>
      <c r="BY14" s="104">
        <v>210497</v>
      </c>
      <c r="BZ14" s="103">
        <v>1219673</v>
      </c>
      <c r="CA14" s="106">
        <v>1295959</v>
      </c>
      <c r="CB14" s="100">
        <v>52846</v>
      </c>
      <c r="CC14" s="104">
        <v>137933</v>
      </c>
      <c r="CD14" s="103">
        <v>190779</v>
      </c>
      <c r="CE14" s="100">
        <v>0</v>
      </c>
      <c r="CF14" s="104">
        <v>1831342</v>
      </c>
      <c r="CG14" s="104">
        <v>2416652</v>
      </c>
      <c r="CH14" s="104">
        <v>1760323</v>
      </c>
      <c r="CI14" s="104">
        <v>1203710</v>
      </c>
      <c r="CJ14" s="104">
        <v>552581</v>
      </c>
      <c r="CK14" s="103">
        <v>7764608</v>
      </c>
      <c r="CL14" s="106">
        <v>7955387</v>
      </c>
      <c r="CM14" s="100">
        <v>0</v>
      </c>
      <c r="CN14" s="104">
        <v>0</v>
      </c>
      <c r="CO14" s="103">
        <v>0</v>
      </c>
      <c r="CP14" s="101">
        <v>0</v>
      </c>
      <c r="CQ14" s="104">
        <v>1292496</v>
      </c>
      <c r="CR14" s="104">
        <v>1975103</v>
      </c>
      <c r="CS14" s="104">
        <v>1098071</v>
      </c>
      <c r="CT14" s="104">
        <v>799872</v>
      </c>
      <c r="CU14" s="104">
        <v>305281</v>
      </c>
      <c r="CV14" s="103">
        <v>5470823</v>
      </c>
      <c r="CW14" s="106">
        <v>5470823</v>
      </c>
      <c r="CX14" s="100">
        <v>52846</v>
      </c>
      <c r="CY14" s="104">
        <v>137933</v>
      </c>
      <c r="CZ14" s="103">
        <v>190779</v>
      </c>
      <c r="DA14" s="100">
        <v>0</v>
      </c>
      <c r="DB14" s="104">
        <v>538846</v>
      </c>
      <c r="DC14" s="104">
        <v>441549</v>
      </c>
      <c r="DD14" s="104">
        <v>662252</v>
      </c>
      <c r="DE14" s="104">
        <v>403838</v>
      </c>
      <c r="DF14" s="104">
        <v>247300</v>
      </c>
      <c r="DG14" s="103">
        <v>2293785</v>
      </c>
      <c r="DH14" s="106">
        <v>2484564</v>
      </c>
      <c r="DI14" s="100">
        <v>0</v>
      </c>
      <c r="DJ14" s="104">
        <v>0</v>
      </c>
      <c r="DK14" s="102">
        <v>0</v>
      </c>
      <c r="DL14" s="101">
        <v>0</v>
      </c>
      <c r="DM14" s="104">
        <v>137746</v>
      </c>
      <c r="DN14" s="104">
        <v>664934</v>
      </c>
      <c r="DO14" s="104">
        <v>660791</v>
      </c>
      <c r="DP14" s="104">
        <v>400515</v>
      </c>
      <c r="DQ14" s="104">
        <v>758355</v>
      </c>
      <c r="DR14" s="103">
        <v>2622341</v>
      </c>
      <c r="DS14" s="106">
        <v>2622341</v>
      </c>
      <c r="DT14" s="100">
        <v>0</v>
      </c>
      <c r="DU14" s="104">
        <v>0</v>
      </c>
      <c r="DV14" s="103">
        <v>0</v>
      </c>
      <c r="DW14" s="100">
        <v>0</v>
      </c>
      <c r="DX14" s="104">
        <v>137746</v>
      </c>
      <c r="DY14" s="104">
        <v>664934</v>
      </c>
      <c r="DZ14" s="104">
        <v>660791</v>
      </c>
      <c r="EA14" s="104">
        <v>368952</v>
      </c>
      <c r="EB14" s="104">
        <v>758355</v>
      </c>
      <c r="EC14" s="103">
        <v>2590778</v>
      </c>
      <c r="ED14" s="106">
        <v>2590778</v>
      </c>
      <c r="EE14" s="100">
        <v>0</v>
      </c>
      <c r="EF14" s="102">
        <v>0</v>
      </c>
      <c r="EG14" s="103">
        <v>0</v>
      </c>
      <c r="EH14" s="100">
        <v>0</v>
      </c>
      <c r="EI14" s="104">
        <v>0</v>
      </c>
      <c r="EJ14" s="104">
        <v>0</v>
      </c>
      <c r="EK14" s="104">
        <v>0</v>
      </c>
      <c r="EL14" s="104">
        <v>31563</v>
      </c>
      <c r="EM14" s="104">
        <v>0</v>
      </c>
      <c r="EN14" s="102">
        <v>31563</v>
      </c>
      <c r="EO14" s="106">
        <v>31563</v>
      </c>
      <c r="EP14" s="100">
        <v>0</v>
      </c>
      <c r="EQ14" s="104">
        <v>0</v>
      </c>
      <c r="ER14" s="102">
        <v>0</v>
      </c>
      <c r="ES14" s="101">
        <v>0</v>
      </c>
      <c r="ET14" s="104">
        <v>0</v>
      </c>
      <c r="EU14" s="104">
        <v>0</v>
      </c>
      <c r="EV14" s="104">
        <v>0</v>
      </c>
      <c r="EW14" s="104">
        <v>0</v>
      </c>
      <c r="EX14" s="104">
        <v>0</v>
      </c>
      <c r="EY14" s="103">
        <v>0</v>
      </c>
      <c r="EZ14" s="106">
        <v>0</v>
      </c>
      <c r="FA14" s="100">
        <v>0</v>
      </c>
      <c r="FB14" s="104">
        <v>0</v>
      </c>
      <c r="FC14" s="102">
        <v>0</v>
      </c>
      <c r="FD14" s="470">
        <v>0</v>
      </c>
      <c r="FE14" s="104">
        <v>0</v>
      </c>
      <c r="FF14" s="104">
        <v>0</v>
      </c>
      <c r="FG14" s="104">
        <v>0</v>
      </c>
      <c r="FH14" s="104">
        <v>0</v>
      </c>
      <c r="FI14" s="104">
        <v>0</v>
      </c>
      <c r="FJ14" s="103">
        <v>0</v>
      </c>
      <c r="FK14" s="106">
        <v>0</v>
      </c>
      <c r="FL14" s="100">
        <v>222243</v>
      </c>
      <c r="FM14" s="104">
        <v>224560</v>
      </c>
      <c r="FN14" s="103">
        <v>446803</v>
      </c>
      <c r="FO14" s="100">
        <v>0</v>
      </c>
      <c r="FP14" s="104">
        <v>402556</v>
      </c>
      <c r="FQ14" s="104">
        <v>671181</v>
      </c>
      <c r="FR14" s="104">
        <v>629409</v>
      </c>
      <c r="FS14" s="104">
        <v>515893</v>
      </c>
      <c r="FT14" s="104">
        <v>332892</v>
      </c>
      <c r="FU14" s="103">
        <v>2551931</v>
      </c>
      <c r="FV14" s="106">
        <v>2998734</v>
      </c>
      <c r="FW14" s="105">
        <v>102543</v>
      </c>
      <c r="FX14" s="104">
        <v>84560</v>
      </c>
      <c r="FY14" s="102">
        <v>187103</v>
      </c>
      <c r="FZ14" s="101">
        <v>0</v>
      </c>
      <c r="GA14" s="104">
        <v>317597</v>
      </c>
      <c r="GB14" s="104">
        <v>649621</v>
      </c>
      <c r="GC14" s="104">
        <v>525931</v>
      </c>
      <c r="GD14" s="104">
        <v>466704</v>
      </c>
      <c r="GE14" s="104">
        <v>332892</v>
      </c>
      <c r="GF14" s="103">
        <v>2292745</v>
      </c>
      <c r="GG14" s="290">
        <v>2479848</v>
      </c>
      <c r="GH14" s="105">
        <v>42700</v>
      </c>
      <c r="GI14" s="104">
        <v>0</v>
      </c>
      <c r="GJ14" s="102">
        <v>42700</v>
      </c>
      <c r="GK14" s="101">
        <v>0</v>
      </c>
      <c r="GL14" s="104">
        <v>84959</v>
      </c>
      <c r="GM14" s="104">
        <v>21560</v>
      </c>
      <c r="GN14" s="104">
        <v>0</v>
      </c>
      <c r="GO14" s="104">
        <v>0</v>
      </c>
      <c r="GP14" s="104">
        <v>0</v>
      </c>
      <c r="GQ14" s="103">
        <v>106519</v>
      </c>
      <c r="GR14" s="106">
        <v>149219</v>
      </c>
      <c r="GS14" s="100">
        <v>77000</v>
      </c>
      <c r="GT14" s="104">
        <v>140000</v>
      </c>
      <c r="GU14" s="103">
        <v>217000</v>
      </c>
      <c r="GV14" s="100">
        <v>0</v>
      </c>
      <c r="GW14" s="104">
        <v>0</v>
      </c>
      <c r="GX14" s="104">
        <v>0</v>
      </c>
      <c r="GY14" s="104">
        <v>103478</v>
      </c>
      <c r="GZ14" s="104">
        <v>49189</v>
      </c>
      <c r="HA14" s="104">
        <v>0</v>
      </c>
      <c r="HB14" s="102">
        <v>152667</v>
      </c>
      <c r="HC14" s="106">
        <v>369667</v>
      </c>
      <c r="HD14" s="100">
        <v>301120</v>
      </c>
      <c r="HE14" s="104">
        <v>168705</v>
      </c>
      <c r="HF14" s="102">
        <v>469825</v>
      </c>
      <c r="HG14" s="101">
        <v>0</v>
      </c>
      <c r="HH14" s="104">
        <v>1763479</v>
      </c>
      <c r="HI14" s="104">
        <v>1557130</v>
      </c>
      <c r="HJ14" s="104">
        <v>1623984</v>
      </c>
      <c r="HK14" s="104">
        <v>1496092</v>
      </c>
      <c r="HL14" s="104">
        <v>856913</v>
      </c>
      <c r="HM14" s="103">
        <v>7297598</v>
      </c>
      <c r="HN14" s="99">
        <v>7767423</v>
      </c>
      <c r="HO14" s="456">
        <v>0</v>
      </c>
      <c r="HP14" s="457">
        <v>0</v>
      </c>
      <c r="HQ14" s="458">
        <v>0</v>
      </c>
      <c r="HR14" s="459">
        <v>0</v>
      </c>
      <c r="HS14" s="457">
        <v>0</v>
      </c>
      <c r="HT14" s="457">
        <v>0</v>
      </c>
      <c r="HU14" s="457">
        <v>0</v>
      </c>
      <c r="HV14" s="457">
        <v>0</v>
      </c>
      <c r="HW14" s="457">
        <v>0</v>
      </c>
      <c r="HX14" s="460">
        <v>0</v>
      </c>
      <c r="HY14" s="461">
        <v>0</v>
      </c>
      <c r="HZ14" s="118">
        <v>0</v>
      </c>
      <c r="IA14" s="119">
        <v>0</v>
      </c>
      <c r="IB14" s="120">
        <v>0</v>
      </c>
      <c r="IC14" s="121">
        <v>0</v>
      </c>
      <c r="ID14" s="122">
        <v>1253711</v>
      </c>
      <c r="IE14" s="123">
        <v>1691875</v>
      </c>
      <c r="IF14" s="124">
        <v>1345294</v>
      </c>
      <c r="IG14" s="122">
        <v>2454412</v>
      </c>
      <c r="IH14" s="124">
        <v>465129</v>
      </c>
      <c r="II14" s="125">
        <v>7210421</v>
      </c>
      <c r="IJ14" s="126">
        <v>7210421</v>
      </c>
      <c r="IK14" s="215">
        <v>0</v>
      </c>
      <c r="IL14" s="219">
        <v>0</v>
      </c>
      <c r="IM14" s="220">
        <v>0</v>
      </c>
      <c r="IN14" s="470">
        <v>0</v>
      </c>
      <c r="IO14" s="109">
        <v>0</v>
      </c>
      <c r="IP14" s="109">
        <v>0</v>
      </c>
      <c r="IQ14" s="109">
        <v>0</v>
      </c>
      <c r="IR14" s="109">
        <v>204461</v>
      </c>
      <c r="IS14" s="109">
        <v>0</v>
      </c>
      <c r="IT14" s="128">
        <v>204461</v>
      </c>
      <c r="IU14" s="292">
        <v>204461</v>
      </c>
      <c r="IV14" s="129">
        <v>0</v>
      </c>
      <c r="IW14" s="109">
        <v>0</v>
      </c>
      <c r="IX14" s="110">
        <v>0</v>
      </c>
      <c r="IY14" s="470">
        <v>0</v>
      </c>
      <c r="IZ14" s="109">
        <v>0</v>
      </c>
      <c r="JA14" s="109">
        <v>0</v>
      </c>
      <c r="JB14" s="109">
        <v>0</v>
      </c>
      <c r="JC14" s="109">
        <v>0</v>
      </c>
      <c r="JD14" s="109">
        <v>0</v>
      </c>
      <c r="JE14" s="110">
        <v>0</v>
      </c>
      <c r="JF14" s="111">
        <v>0</v>
      </c>
      <c r="JG14" s="129">
        <v>0</v>
      </c>
      <c r="JH14" s="109">
        <v>0</v>
      </c>
      <c r="JI14" s="128">
        <v>0</v>
      </c>
      <c r="JJ14" s="108">
        <v>0</v>
      </c>
      <c r="JK14" s="109">
        <v>978268</v>
      </c>
      <c r="JL14" s="109">
        <v>821906</v>
      </c>
      <c r="JM14" s="109">
        <v>268213</v>
      </c>
      <c r="JN14" s="109">
        <v>678139</v>
      </c>
      <c r="JO14" s="109">
        <v>259461</v>
      </c>
      <c r="JP14" s="110">
        <v>3005987</v>
      </c>
      <c r="JQ14" s="292">
        <v>3005987</v>
      </c>
      <c r="JR14" s="129">
        <v>0</v>
      </c>
      <c r="JS14" s="109">
        <v>0</v>
      </c>
      <c r="JT14" s="128">
        <v>0</v>
      </c>
      <c r="JU14" s="108">
        <v>0</v>
      </c>
      <c r="JV14" s="109">
        <v>0</v>
      </c>
      <c r="JW14" s="109">
        <v>0</v>
      </c>
      <c r="JX14" s="109">
        <v>0</v>
      </c>
      <c r="JY14" s="109">
        <v>0</v>
      </c>
      <c r="JZ14" s="109">
        <v>0</v>
      </c>
      <c r="KA14" s="110">
        <v>0</v>
      </c>
      <c r="KB14" s="292">
        <v>0</v>
      </c>
      <c r="KC14" s="217">
        <v>0</v>
      </c>
      <c r="KD14" s="213">
        <v>0</v>
      </c>
      <c r="KE14" s="110">
        <v>0</v>
      </c>
      <c r="KF14" s="108">
        <v>0</v>
      </c>
      <c r="KG14" s="109">
        <v>191152</v>
      </c>
      <c r="KH14" s="109">
        <v>0</v>
      </c>
      <c r="KI14" s="109">
        <v>627502</v>
      </c>
      <c r="KJ14" s="109">
        <v>443734</v>
      </c>
      <c r="KK14" s="109">
        <v>0</v>
      </c>
      <c r="KL14" s="110">
        <v>1262388</v>
      </c>
      <c r="KM14" s="130">
        <v>1262388</v>
      </c>
      <c r="KN14" s="215">
        <v>0</v>
      </c>
      <c r="KO14" s="219">
        <v>0</v>
      </c>
      <c r="KP14" s="220">
        <v>0</v>
      </c>
      <c r="KQ14" s="470">
        <v>0</v>
      </c>
      <c r="KR14" s="109">
        <v>0</v>
      </c>
      <c r="KS14" s="109">
        <v>869969</v>
      </c>
      <c r="KT14" s="109">
        <v>449579</v>
      </c>
      <c r="KU14" s="109">
        <v>457361</v>
      </c>
      <c r="KV14" s="109">
        <v>0</v>
      </c>
      <c r="KW14" s="110">
        <v>1776909</v>
      </c>
      <c r="KX14" s="292">
        <v>1776909</v>
      </c>
      <c r="KY14" s="129">
        <v>0</v>
      </c>
      <c r="KZ14" s="109">
        <v>0</v>
      </c>
      <c r="LA14" s="110">
        <v>0</v>
      </c>
      <c r="LB14" s="470">
        <v>0</v>
      </c>
      <c r="LC14" s="109">
        <v>0</v>
      </c>
      <c r="LD14" s="109">
        <v>0</v>
      </c>
      <c r="LE14" s="109">
        <v>0</v>
      </c>
      <c r="LF14" s="109">
        <v>192347</v>
      </c>
      <c r="LG14" s="109">
        <v>205668</v>
      </c>
      <c r="LH14" s="110">
        <v>398015</v>
      </c>
      <c r="LI14" s="111">
        <v>398015</v>
      </c>
      <c r="LJ14" s="129">
        <v>0</v>
      </c>
      <c r="LK14" s="109">
        <v>0</v>
      </c>
      <c r="LL14" s="110">
        <v>0</v>
      </c>
      <c r="LM14" s="470">
        <v>0</v>
      </c>
      <c r="LN14" s="109">
        <v>0</v>
      </c>
      <c r="LO14" s="109">
        <v>0</v>
      </c>
      <c r="LP14" s="109">
        <v>0</v>
      </c>
      <c r="LQ14" s="109">
        <v>478370</v>
      </c>
      <c r="LR14" s="109">
        <v>0</v>
      </c>
      <c r="LS14" s="110">
        <v>478370</v>
      </c>
      <c r="LT14" s="292">
        <v>478370</v>
      </c>
      <c r="LU14" s="129">
        <v>0</v>
      </c>
      <c r="LV14" s="109">
        <v>0</v>
      </c>
      <c r="LW14" s="110">
        <v>0</v>
      </c>
      <c r="LX14" s="470">
        <v>0</v>
      </c>
      <c r="LY14" s="109">
        <v>84291</v>
      </c>
      <c r="LZ14" s="109">
        <v>0</v>
      </c>
      <c r="MA14" s="109">
        <v>0</v>
      </c>
      <c r="MB14" s="109">
        <v>0</v>
      </c>
      <c r="MC14" s="109">
        <v>0</v>
      </c>
      <c r="MD14" s="110">
        <v>84291</v>
      </c>
      <c r="ME14" s="111">
        <v>84291</v>
      </c>
      <c r="MF14" s="129">
        <v>0</v>
      </c>
      <c r="MG14" s="109">
        <v>0</v>
      </c>
      <c r="MH14" s="110">
        <v>0</v>
      </c>
      <c r="MI14" s="470">
        <v>0</v>
      </c>
      <c r="MJ14" s="109">
        <v>1409654</v>
      </c>
      <c r="MK14" s="109">
        <v>1646895</v>
      </c>
      <c r="ML14" s="109">
        <v>3148032</v>
      </c>
      <c r="MM14" s="109">
        <v>3493736</v>
      </c>
      <c r="MN14" s="109">
        <v>1769871</v>
      </c>
      <c r="MO14" s="110">
        <v>11468188</v>
      </c>
      <c r="MP14" s="130">
        <v>11468188</v>
      </c>
      <c r="MQ14" s="129">
        <v>0</v>
      </c>
      <c r="MR14" s="109">
        <v>0</v>
      </c>
      <c r="MS14" s="110">
        <v>0</v>
      </c>
      <c r="MT14" s="470">
        <v>0</v>
      </c>
      <c r="MU14" s="109">
        <v>0</v>
      </c>
      <c r="MV14" s="109">
        <v>208660</v>
      </c>
      <c r="MW14" s="109">
        <v>1051634</v>
      </c>
      <c r="MX14" s="109">
        <v>1401324</v>
      </c>
      <c r="MY14" s="109">
        <v>1470439</v>
      </c>
      <c r="MZ14" s="110">
        <v>4132057</v>
      </c>
      <c r="NA14" s="130">
        <v>4132057</v>
      </c>
      <c r="NB14" s="129">
        <v>0</v>
      </c>
      <c r="NC14" s="109">
        <v>0</v>
      </c>
      <c r="ND14" s="110">
        <v>0</v>
      </c>
      <c r="NE14" s="470">
        <v>0</v>
      </c>
      <c r="NF14" s="109">
        <v>1409654</v>
      </c>
      <c r="NG14" s="109">
        <v>1200651</v>
      </c>
      <c r="NH14" s="109">
        <v>2096398</v>
      </c>
      <c r="NI14" s="109">
        <v>2092412</v>
      </c>
      <c r="NJ14" s="109">
        <v>299432</v>
      </c>
      <c r="NK14" s="110">
        <v>7098547</v>
      </c>
      <c r="NL14" s="292">
        <v>7098547</v>
      </c>
      <c r="NM14" s="129">
        <v>0</v>
      </c>
      <c r="NN14" s="109">
        <v>0</v>
      </c>
      <c r="NO14" s="110">
        <v>0</v>
      </c>
      <c r="NP14" s="470">
        <v>0</v>
      </c>
      <c r="NQ14" s="109">
        <v>0</v>
      </c>
      <c r="NR14" s="109">
        <v>0</v>
      </c>
      <c r="NS14" s="109">
        <v>0</v>
      </c>
      <c r="NT14" s="109">
        <v>0</v>
      </c>
      <c r="NU14" s="109">
        <v>0</v>
      </c>
      <c r="NV14" s="110">
        <v>0</v>
      </c>
      <c r="NW14" s="111">
        <v>0</v>
      </c>
      <c r="NX14" s="129">
        <v>0</v>
      </c>
      <c r="NY14" s="109">
        <v>0</v>
      </c>
      <c r="NZ14" s="110">
        <v>0</v>
      </c>
      <c r="OA14" s="470">
        <v>0</v>
      </c>
      <c r="OB14" s="109">
        <v>0</v>
      </c>
      <c r="OC14" s="109">
        <v>237584</v>
      </c>
      <c r="OD14" s="109">
        <v>0</v>
      </c>
      <c r="OE14" s="109">
        <v>0</v>
      </c>
      <c r="OF14" s="109">
        <v>0</v>
      </c>
      <c r="OG14" s="110">
        <v>237584</v>
      </c>
      <c r="OH14" s="111">
        <v>237584</v>
      </c>
      <c r="OI14" s="129">
        <v>698058</v>
      </c>
      <c r="OJ14" s="109">
        <v>730423</v>
      </c>
      <c r="OK14" s="128">
        <v>1428481</v>
      </c>
      <c r="OL14" s="108">
        <v>0</v>
      </c>
      <c r="OM14" s="109">
        <v>8665965</v>
      </c>
      <c r="ON14" s="109">
        <v>10335705</v>
      </c>
      <c r="OO14" s="109">
        <v>11126184</v>
      </c>
      <c r="OP14" s="109">
        <v>11306253</v>
      </c>
      <c r="OQ14" s="109">
        <v>6519387</v>
      </c>
      <c r="OR14" s="110">
        <v>47953494</v>
      </c>
      <c r="OS14" s="130">
        <v>49381975</v>
      </c>
    </row>
    <row r="15" spans="2:409" ht="21" customHeight="1" x14ac:dyDescent="0.2">
      <c r="B15" s="437" t="s">
        <v>9</v>
      </c>
      <c r="C15" s="100">
        <v>1280588</v>
      </c>
      <c r="D15" s="104">
        <v>1435601</v>
      </c>
      <c r="E15" s="103">
        <v>2716189</v>
      </c>
      <c r="F15" s="101">
        <v>0</v>
      </c>
      <c r="G15" s="104">
        <v>11778540</v>
      </c>
      <c r="H15" s="104">
        <v>12615307</v>
      </c>
      <c r="I15" s="104">
        <v>14335678</v>
      </c>
      <c r="J15" s="104">
        <v>14680230</v>
      </c>
      <c r="K15" s="104">
        <v>8732931</v>
      </c>
      <c r="L15" s="99">
        <v>62142686</v>
      </c>
      <c r="M15" s="106">
        <v>64858875</v>
      </c>
      <c r="N15" s="100">
        <v>428449</v>
      </c>
      <c r="O15" s="104">
        <v>364213</v>
      </c>
      <c r="P15" s="103">
        <v>792662</v>
      </c>
      <c r="Q15" s="100">
        <v>0</v>
      </c>
      <c r="R15" s="104">
        <v>4026429</v>
      </c>
      <c r="S15" s="104">
        <v>4985575</v>
      </c>
      <c r="T15" s="104">
        <v>5061025</v>
      </c>
      <c r="U15" s="104">
        <v>7231053</v>
      </c>
      <c r="V15" s="104">
        <v>4964453</v>
      </c>
      <c r="W15" s="103">
        <v>26268535</v>
      </c>
      <c r="X15" s="106">
        <v>27061197</v>
      </c>
      <c r="Y15" s="100">
        <v>0</v>
      </c>
      <c r="Z15" s="104">
        <v>0</v>
      </c>
      <c r="AA15" s="103">
        <v>0</v>
      </c>
      <c r="AB15" s="100">
        <v>0</v>
      </c>
      <c r="AC15" s="104">
        <v>1559455</v>
      </c>
      <c r="AD15" s="104">
        <v>2043143</v>
      </c>
      <c r="AE15" s="104">
        <v>2608419</v>
      </c>
      <c r="AF15" s="104">
        <v>4365330</v>
      </c>
      <c r="AG15" s="104">
        <v>3092915</v>
      </c>
      <c r="AH15" s="103">
        <v>13669262</v>
      </c>
      <c r="AI15" s="106">
        <v>13669262</v>
      </c>
      <c r="AJ15" s="100">
        <v>0</v>
      </c>
      <c r="AK15" s="104">
        <v>0</v>
      </c>
      <c r="AL15" s="103">
        <v>0</v>
      </c>
      <c r="AM15" s="100">
        <v>0</v>
      </c>
      <c r="AN15" s="104">
        <v>54500</v>
      </c>
      <c r="AO15" s="104">
        <v>10565</v>
      </c>
      <c r="AP15" s="104">
        <v>160152</v>
      </c>
      <c r="AQ15" s="104">
        <v>640795</v>
      </c>
      <c r="AR15" s="104">
        <v>524133</v>
      </c>
      <c r="AS15" s="103">
        <v>1390145</v>
      </c>
      <c r="AT15" s="106">
        <v>1390145</v>
      </c>
      <c r="AU15" s="100">
        <v>248278</v>
      </c>
      <c r="AV15" s="104">
        <v>240793</v>
      </c>
      <c r="AW15" s="103">
        <v>489071</v>
      </c>
      <c r="AX15" s="100">
        <v>0</v>
      </c>
      <c r="AY15" s="104">
        <v>1731362</v>
      </c>
      <c r="AZ15" s="104">
        <v>1902200</v>
      </c>
      <c r="BA15" s="104">
        <v>1264935</v>
      </c>
      <c r="BB15" s="104">
        <v>1065748</v>
      </c>
      <c r="BC15" s="104">
        <v>852980</v>
      </c>
      <c r="BD15" s="103">
        <v>6817225</v>
      </c>
      <c r="BE15" s="106">
        <v>7306296</v>
      </c>
      <c r="BF15" s="100">
        <v>18982</v>
      </c>
      <c r="BG15" s="104">
        <v>51670</v>
      </c>
      <c r="BH15" s="102">
        <v>70652</v>
      </c>
      <c r="BI15" s="101">
        <v>0</v>
      </c>
      <c r="BJ15" s="104">
        <v>75642</v>
      </c>
      <c r="BK15" s="104">
        <v>230365</v>
      </c>
      <c r="BL15" s="104">
        <v>202982</v>
      </c>
      <c r="BM15" s="104">
        <v>293126</v>
      </c>
      <c r="BN15" s="104">
        <v>58794</v>
      </c>
      <c r="BO15" s="103">
        <v>860909</v>
      </c>
      <c r="BP15" s="106">
        <v>931561</v>
      </c>
      <c r="BQ15" s="100">
        <v>161189</v>
      </c>
      <c r="BR15" s="104">
        <v>71750</v>
      </c>
      <c r="BS15" s="103">
        <v>232939</v>
      </c>
      <c r="BT15" s="100">
        <v>0</v>
      </c>
      <c r="BU15" s="104">
        <v>605470</v>
      </c>
      <c r="BV15" s="104">
        <v>799302</v>
      </c>
      <c r="BW15" s="104">
        <v>824537</v>
      </c>
      <c r="BX15" s="104">
        <v>866054</v>
      </c>
      <c r="BY15" s="104">
        <v>435631</v>
      </c>
      <c r="BZ15" s="103">
        <v>3530994</v>
      </c>
      <c r="CA15" s="106">
        <v>3763933</v>
      </c>
      <c r="CB15" s="100">
        <v>93779</v>
      </c>
      <c r="CC15" s="104">
        <v>309823</v>
      </c>
      <c r="CD15" s="103">
        <v>403602</v>
      </c>
      <c r="CE15" s="100">
        <v>0</v>
      </c>
      <c r="CF15" s="104">
        <v>2926464</v>
      </c>
      <c r="CG15" s="104">
        <v>2013702</v>
      </c>
      <c r="CH15" s="104">
        <v>2231736</v>
      </c>
      <c r="CI15" s="104">
        <v>1008629</v>
      </c>
      <c r="CJ15" s="104">
        <v>193620</v>
      </c>
      <c r="CK15" s="103">
        <v>8374151</v>
      </c>
      <c r="CL15" s="106">
        <v>8777753</v>
      </c>
      <c r="CM15" s="100">
        <v>0</v>
      </c>
      <c r="CN15" s="104">
        <v>0</v>
      </c>
      <c r="CO15" s="103">
        <v>0</v>
      </c>
      <c r="CP15" s="101">
        <v>0</v>
      </c>
      <c r="CQ15" s="104">
        <v>2278072</v>
      </c>
      <c r="CR15" s="104">
        <v>1132175</v>
      </c>
      <c r="CS15" s="104">
        <v>1482795</v>
      </c>
      <c r="CT15" s="104">
        <v>934534</v>
      </c>
      <c r="CU15" s="104">
        <v>117513</v>
      </c>
      <c r="CV15" s="103">
        <v>5945089</v>
      </c>
      <c r="CW15" s="106">
        <v>5945089</v>
      </c>
      <c r="CX15" s="100">
        <v>93779</v>
      </c>
      <c r="CY15" s="104">
        <v>309823</v>
      </c>
      <c r="CZ15" s="103">
        <v>403602</v>
      </c>
      <c r="DA15" s="100">
        <v>0</v>
      </c>
      <c r="DB15" s="104">
        <v>648392</v>
      </c>
      <c r="DC15" s="104">
        <v>881527</v>
      </c>
      <c r="DD15" s="104">
        <v>748941</v>
      </c>
      <c r="DE15" s="104">
        <v>74095</v>
      </c>
      <c r="DF15" s="104">
        <v>76107</v>
      </c>
      <c r="DG15" s="103">
        <v>2429062</v>
      </c>
      <c r="DH15" s="106">
        <v>2832664</v>
      </c>
      <c r="DI15" s="100">
        <v>0</v>
      </c>
      <c r="DJ15" s="104">
        <v>19687</v>
      </c>
      <c r="DK15" s="102">
        <v>19687</v>
      </c>
      <c r="DL15" s="101">
        <v>0</v>
      </c>
      <c r="DM15" s="104">
        <v>431693</v>
      </c>
      <c r="DN15" s="104">
        <v>484037</v>
      </c>
      <c r="DO15" s="104">
        <v>830421</v>
      </c>
      <c r="DP15" s="104">
        <v>417256</v>
      </c>
      <c r="DQ15" s="104">
        <v>399433</v>
      </c>
      <c r="DR15" s="103">
        <v>2562840</v>
      </c>
      <c r="DS15" s="106">
        <v>2582527</v>
      </c>
      <c r="DT15" s="100">
        <v>0</v>
      </c>
      <c r="DU15" s="104">
        <v>19687</v>
      </c>
      <c r="DV15" s="103">
        <v>19687</v>
      </c>
      <c r="DW15" s="100">
        <v>0</v>
      </c>
      <c r="DX15" s="104">
        <v>403292</v>
      </c>
      <c r="DY15" s="104">
        <v>422968</v>
      </c>
      <c r="DZ15" s="104">
        <v>548027</v>
      </c>
      <c r="EA15" s="104">
        <v>417256</v>
      </c>
      <c r="EB15" s="104">
        <v>399433</v>
      </c>
      <c r="EC15" s="103">
        <v>2190976</v>
      </c>
      <c r="ED15" s="106">
        <v>2210663</v>
      </c>
      <c r="EE15" s="100">
        <v>0</v>
      </c>
      <c r="EF15" s="102">
        <v>0</v>
      </c>
      <c r="EG15" s="103">
        <v>0</v>
      </c>
      <c r="EH15" s="100">
        <v>0</v>
      </c>
      <c r="EI15" s="104">
        <v>28401</v>
      </c>
      <c r="EJ15" s="104">
        <v>61069</v>
      </c>
      <c r="EK15" s="104">
        <v>282394</v>
      </c>
      <c r="EL15" s="104">
        <v>0</v>
      </c>
      <c r="EM15" s="104">
        <v>0</v>
      </c>
      <c r="EN15" s="102">
        <v>371864</v>
      </c>
      <c r="EO15" s="106">
        <v>371864</v>
      </c>
      <c r="EP15" s="100">
        <v>0</v>
      </c>
      <c r="EQ15" s="104">
        <v>0</v>
      </c>
      <c r="ER15" s="102">
        <v>0</v>
      </c>
      <c r="ES15" s="101">
        <v>0</v>
      </c>
      <c r="ET15" s="104">
        <v>0</v>
      </c>
      <c r="EU15" s="104">
        <v>0</v>
      </c>
      <c r="EV15" s="104">
        <v>0</v>
      </c>
      <c r="EW15" s="104">
        <v>0</v>
      </c>
      <c r="EX15" s="104">
        <v>0</v>
      </c>
      <c r="EY15" s="103">
        <v>0</v>
      </c>
      <c r="EZ15" s="106">
        <v>0</v>
      </c>
      <c r="FA15" s="100">
        <v>0</v>
      </c>
      <c r="FB15" s="104">
        <v>0</v>
      </c>
      <c r="FC15" s="102">
        <v>0</v>
      </c>
      <c r="FD15" s="470">
        <v>0</v>
      </c>
      <c r="FE15" s="104">
        <v>0</v>
      </c>
      <c r="FF15" s="104">
        <v>0</v>
      </c>
      <c r="FG15" s="104">
        <v>0</v>
      </c>
      <c r="FH15" s="104">
        <v>0</v>
      </c>
      <c r="FI15" s="104">
        <v>0</v>
      </c>
      <c r="FJ15" s="103">
        <v>0</v>
      </c>
      <c r="FK15" s="106">
        <v>0</v>
      </c>
      <c r="FL15" s="100">
        <v>137529</v>
      </c>
      <c r="FM15" s="104">
        <v>289940</v>
      </c>
      <c r="FN15" s="103">
        <v>427469</v>
      </c>
      <c r="FO15" s="100">
        <v>0</v>
      </c>
      <c r="FP15" s="104">
        <v>859608</v>
      </c>
      <c r="FQ15" s="104">
        <v>1207094</v>
      </c>
      <c r="FR15" s="104">
        <v>898206</v>
      </c>
      <c r="FS15" s="104">
        <v>1027467</v>
      </c>
      <c r="FT15" s="104">
        <v>663516</v>
      </c>
      <c r="FU15" s="103">
        <v>4655891</v>
      </c>
      <c r="FV15" s="106">
        <v>5083360</v>
      </c>
      <c r="FW15" s="105">
        <v>137529</v>
      </c>
      <c r="FX15" s="104">
        <v>183540</v>
      </c>
      <c r="FY15" s="102">
        <v>321069</v>
      </c>
      <c r="FZ15" s="101">
        <v>0</v>
      </c>
      <c r="GA15" s="104">
        <v>726306</v>
      </c>
      <c r="GB15" s="104">
        <v>1132096</v>
      </c>
      <c r="GC15" s="104">
        <v>737276</v>
      </c>
      <c r="GD15" s="104">
        <v>986531</v>
      </c>
      <c r="GE15" s="104">
        <v>567616</v>
      </c>
      <c r="GF15" s="103">
        <v>4149825</v>
      </c>
      <c r="GG15" s="290">
        <v>4470894</v>
      </c>
      <c r="GH15" s="105">
        <v>0</v>
      </c>
      <c r="GI15" s="104">
        <v>0</v>
      </c>
      <c r="GJ15" s="102">
        <v>0</v>
      </c>
      <c r="GK15" s="101">
        <v>0</v>
      </c>
      <c r="GL15" s="104">
        <v>56056</v>
      </c>
      <c r="GM15" s="104">
        <v>74998</v>
      </c>
      <c r="GN15" s="104">
        <v>25410</v>
      </c>
      <c r="GO15" s="104">
        <v>40936</v>
      </c>
      <c r="GP15" s="104">
        <v>70000</v>
      </c>
      <c r="GQ15" s="103">
        <v>267400</v>
      </c>
      <c r="GR15" s="106">
        <v>267400</v>
      </c>
      <c r="GS15" s="100">
        <v>0</v>
      </c>
      <c r="GT15" s="104">
        <v>106400</v>
      </c>
      <c r="GU15" s="103">
        <v>106400</v>
      </c>
      <c r="GV15" s="100">
        <v>0</v>
      </c>
      <c r="GW15" s="104">
        <v>77246</v>
      </c>
      <c r="GX15" s="104">
        <v>0</v>
      </c>
      <c r="GY15" s="104">
        <v>135520</v>
      </c>
      <c r="GZ15" s="104">
        <v>0</v>
      </c>
      <c r="HA15" s="104">
        <v>25900</v>
      </c>
      <c r="HB15" s="102">
        <v>238666</v>
      </c>
      <c r="HC15" s="106">
        <v>345066</v>
      </c>
      <c r="HD15" s="100">
        <v>620831</v>
      </c>
      <c r="HE15" s="104">
        <v>451938</v>
      </c>
      <c r="HF15" s="102">
        <v>1072769</v>
      </c>
      <c r="HG15" s="101">
        <v>0</v>
      </c>
      <c r="HH15" s="104">
        <v>3534346</v>
      </c>
      <c r="HI15" s="104">
        <v>3924899</v>
      </c>
      <c r="HJ15" s="104">
        <v>5314290</v>
      </c>
      <c r="HK15" s="104">
        <v>4995825</v>
      </c>
      <c r="HL15" s="104">
        <v>2511909</v>
      </c>
      <c r="HM15" s="103">
        <v>20281269</v>
      </c>
      <c r="HN15" s="99">
        <v>21354038</v>
      </c>
      <c r="HO15" s="456">
        <v>0</v>
      </c>
      <c r="HP15" s="457">
        <v>0</v>
      </c>
      <c r="HQ15" s="458">
        <v>0</v>
      </c>
      <c r="HR15" s="459">
        <v>0</v>
      </c>
      <c r="HS15" s="457">
        <v>0</v>
      </c>
      <c r="HT15" s="457">
        <v>0</v>
      </c>
      <c r="HU15" s="457">
        <v>0</v>
      </c>
      <c r="HV15" s="457">
        <v>0</v>
      </c>
      <c r="HW15" s="457">
        <v>0</v>
      </c>
      <c r="HX15" s="460">
        <v>0</v>
      </c>
      <c r="HY15" s="461">
        <v>0</v>
      </c>
      <c r="HZ15" s="115">
        <v>38048</v>
      </c>
      <c r="IA15" s="134">
        <v>0</v>
      </c>
      <c r="IB15" s="116">
        <v>38048</v>
      </c>
      <c r="IC15" s="131">
        <v>0</v>
      </c>
      <c r="ID15" s="119">
        <v>1695126</v>
      </c>
      <c r="IE15" s="132">
        <v>2307041</v>
      </c>
      <c r="IF15" s="120">
        <v>3411969</v>
      </c>
      <c r="IG15" s="119">
        <v>1053854</v>
      </c>
      <c r="IH15" s="120">
        <v>1684565</v>
      </c>
      <c r="II15" s="133">
        <v>10152555</v>
      </c>
      <c r="IJ15" s="117">
        <v>10190603</v>
      </c>
      <c r="IK15" s="215">
        <v>0</v>
      </c>
      <c r="IL15" s="219">
        <v>0</v>
      </c>
      <c r="IM15" s="220">
        <v>0</v>
      </c>
      <c r="IN15" s="470">
        <v>0</v>
      </c>
      <c r="IO15" s="109">
        <v>0</v>
      </c>
      <c r="IP15" s="109">
        <v>103919</v>
      </c>
      <c r="IQ15" s="109">
        <v>0</v>
      </c>
      <c r="IR15" s="109">
        <v>191263</v>
      </c>
      <c r="IS15" s="109">
        <v>260066</v>
      </c>
      <c r="IT15" s="128">
        <v>555248</v>
      </c>
      <c r="IU15" s="292">
        <v>555248</v>
      </c>
      <c r="IV15" s="129">
        <v>0</v>
      </c>
      <c r="IW15" s="109">
        <v>0</v>
      </c>
      <c r="IX15" s="110">
        <v>0</v>
      </c>
      <c r="IY15" s="470">
        <v>0</v>
      </c>
      <c r="IZ15" s="109">
        <v>0</v>
      </c>
      <c r="JA15" s="109">
        <v>0</v>
      </c>
      <c r="JB15" s="109">
        <v>0</v>
      </c>
      <c r="JC15" s="109">
        <v>0</v>
      </c>
      <c r="JD15" s="109">
        <v>0</v>
      </c>
      <c r="JE15" s="110">
        <v>0</v>
      </c>
      <c r="JF15" s="111">
        <v>0</v>
      </c>
      <c r="JG15" s="129">
        <v>0</v>
      </c>
      <c r="JH15" s="109">
        <v>0</v>
      </c>
      <c r="JI15" s="128">
        <v>0</v>
      </c>
      <c r="JJ15" s="108">
        <v>0</v>
      </c>
      <c r="JK15" s="109">
        <v>1270311</v>
      </c>
      <c r="JL15" s="109">
        <v>960562</v>
      </c>
      <c r="JM15" s="109">
        <v>1495586</v>
      </c>
      <c r="JN15" s="109">
        <v>351085</v>
      </c>
      <c r="JO15" s="109">
        <v>100759</v>
      </c>
      <c r="JP15" s="110">
        <v>4178303</v>
      </c>
      <c r="JQ15" s="292">
        <v>4178303</v>
      </c>
      <c r="JR15" s="129">
        <v>0</v>
      </c>
      <c r="JS15" s="109">
        <v>0</v>
      </c>
      <c r="JT15" s="128">
        <v>0</v>
      </c>
      <c r="JU15" s="108">
        <v>0</v>
      </c>
      <c r="JV15" s="109">
        <v>0</v>
      </c>
      <c r="JW15" s="109">
        <v>29845</v>
      </c>
      <c r="JX15" s="109">
        <v>0</v>
      </c>
      <c r="JY15" s="109">
        <v>0</v>
      </c>
      <c r="JZ15" s="109">
        <v>0</v>
      </c>
      <c r="KA15" s="110">
        <v>29845</v>
      </c>
      <c r="KB15" s="292">
        <v>29845</v>
      </c>
      <c r="KC15" s="217">
        <v>38048</v>
      </c>
      <c r="KD15" s="213">
        <v>0</v>
      </c>
      <c r="KE15" s="110">
        <v>38048</v>
      </c>
      <c r="KF15" s="108">
        <v>0</v>
      </c>
      <c r="KG15" s="109">
        <v>424815</v>
      </c>
      <c r="KH15" s="109">
        <v>0</v>
      </c>
      <c r="KI15" s="109">
        <v>384453</v>
      </c>
      <c r="KJ15" s="109">
        <v>0</v>
      </c>
      <c r="KK15" s="109">
        <v>256426</v>
      </c>
      <c r="KL15" s="110">
        <v>1065694</v>
      </c>
      <c r="KM15" s="130">
        <v>1103742</v>
      </c>
      <c r="KN15" s="215">
        <v>0</v>
      </c>
      <c r="KO15" s="219">
        <v>0</v>
      </c>
      <c r="KP15" s="220">
        <v>0</v>
      </c>
      <c r="KQ15" s="470">
        <v>0</v>
      </c>
      <c r="KR15" s="109">
        <v>0</v>
      </c>
      <c r="KS15" s="109">
        <v>875390</v>
      </c>
      <c r="KT15" s="109">
        <v>1353853</v>
      </c>
      <c r="KU15" s="109">
        <v>511506</v>
      </c>
      <c r="KV15" s="109">
        <v>0</v>
      </c>
      <c r="KW15" s="110">
        <v>2740749</v>
      </c>
      <c r="KX15" s="292">
        <v>2740749</v>
      </c>
      <c r="KY15" s="129">
        <v>0</v>
      </c>
      <c r="KZ15" s="109">
        <v>0</v>
      </c>
      <c r="LA15" s="110">
        <v>0</v>
      </c>
      <c r="LB15" s="470">
        <v>0</v>
      </c>
      <c r="LC15" s="109">
        <v>0</v>
      </c>
      <c r="LD15" s="109">
        <v>160090</v>
      </c>
      <c r="LE15" s="109">
        <v>178077</v>
      </c>
      <c r="LF15" s="109">
        <v>0</v>
      </c>
      <c r="LG15" s="109">
        <v>212520</v>
      </c>
      <c r="LH15" s="110">
        <v>550687</v>
      </c>
      <c r="LI15" s="111">
        <v>550687</v>
      </c>
      <c r="LJ15" s="129">
        <v>0</v>
      </c>
      <c r="LK15" s="109">
        <v>0</v>
      </c>
      <c r="LL15" s="110">
        <v>0</v>
      </c>
      <c r="LM15" s="470">
        <v>0</v>
      </c>
      <c r="LN15" s="109">
        <v>0</v>
      </c>
      <c r="LO15" s="109">
        <v>0</v>
      </c>
      <c r="LP15" s="109">
        <v>0</v>
      </c>
      <c r="LQ15" s="109">
        <v>0</v>
      </c>
      <c r="LR15" s="109">
        <v>0</v>
      </c>
      <c r="LS15" s="110">
        <v>0</v>
      </c>
      <c r="LT15" s="292">
        <v>0</v>
      </c>
      <c r="LU15" s="129">
        <v>0</v>
      </c>
      <c r="LV15" s="109">
        <v>0</v>
      </c>
      <c r="LW15" s="110">
        <v>0</v>
      </c>
      <c r="LX15" s="470">
        <v>0</v>
      </c>
      <c r="LY15" s="109">
        <v>0</v>
      </c>
      <c r="LZ15" s="109">
        <v>177235</v>
      </c>
      <c r="MA15" s="109">
        <v>0</v>
      </c>
      <c r="MB15" s="109">
        <v>0</v>
      </c>
      <c r="MC15" s="109">
        <v>854794</v>
      </c>
      <c r="MD15" s="110">
        <v>1032029</v>
      </c>
      <c r="ME15" s="111">
        <v>1032029</v>
      </c>
      <c r="MF15" s="129">
        <v>0</v>
      </c>
      <c r="MG15" s="109">
        <v>0</v>
      </c>
      <c r="MH15" s="110">
        <v>0</v>
      </c>
      <c r="MI15" s="470">
        <v>0</v>
      </c>
      <c r="MJ15" s="109">
        <v>482251</v>
      </c>
      <c r="MK15" s="109">
        <v>915146</v>
      </c>
      <c r="ML15" s="109">
        <v>3137049</v>
      </c>
      <c r="MM15" s="109">
        <v>5452213</v>
      </c>
      <c r="MN15" s="109">
        <v>4590285</v>
      </c>
      <c r="MO15" s="110">
        <v>14576944</v>
      </c>
      <c r="MP15" s="130">
        <v>14576944</v>
      </c>
      <c r="MQ15" s="129">
        <v>0</v>
      </c>
      <c r="MR15" s="109">
        <v>0</v>
      </c>
      <c r="MS15" s="110">
        <v>0</v>
      </c>
      <c r="MT15" s="470">
        <v>0</v>
      </c>
      <c r="MU15" s="109">
        <v>197208</v>
      </c>
      <c r="MV15" s="109">
        <v>0</v>
      </c>
      <c r="MW15" s="109">
        <v>1296997</v>
      </c>
      <c r="MX15" s="109">
        <v>3758235</v>
      </c>
      <c r="MY15" s="109">
        <v>3008225</v>
      </c>
      <c r="MZ15" s="110">
        <v>8260665</v>
      </c>
      <c r="NA15" s="130">
        <v>8260665</v>
      </c>
      <c r="NB15" s="129">
        <v>0</v>
      </c>
      <c r="NC15" s="109">
        <v>0</v>
      </c>
      <c r="ND15" s="110">
        <v>0</v>
      </c>
      <c r="NE15" s="470">
        <v>0</v>
      </c>
      <c r="NF15" s="109">
        <v>285043</v>
      </c>
      <c r="NG15" s="109">
        <v>915146</v>
      </c>
      <c r="NH15" s="109">
        <v>1840052</v>
      </c>
      <c r="NI15" s="109">
        <v>1693978</v>
      </c>
      <c r="NJ15" s="109">
        <v>1582060</v>
      </c>
      <c r="NK15" s="110">
        <v>6316279</v>
      </c>
      <c r="NL15" s="292">
        <v>6316279</v>
      </c>
      <c r="NM15" s="129">
        <v>0</v>
      </c>
      <c r="NN15" s="109">
        <v>0</v>
      </c>
      <c r="NO15" s="110">
        <v>0</v>
      </c>
      <c r="NP15" s="470">
        <v>0</v>
      </c>
      <c r="NQ15" s="109">
        <v>0</v>
      </c>
      <c r="NR15" s="109">
        <v>0</v>
      </c>
      <c r="NS15" s="109">
        <v>0</v>
      </c>
      <c r="NT15" s="109">
        <v>0</v>
      </c>
      <c r="NU15" s="109">
        <v>0</v>
      </c>
      <c r="NV15" s="110">
        <v>0</v>
      </c>
      <c r="NW15" s="111">
        <v>0</v>
      </c>
      <c r="NX15" s="129">
        <v>0</v>
      </c>
      <c r="NY15" s="109">
        <v>0</v>
      </c>
      <c r="NZ15" s="110">
        <v>0</v>
      </c>
      <c r="OA15" s="470">
        <v>0</v>
      </c>
      <c r="OB15" s="109">
        <v>0</v>
      </c>
      <c r="OC15" s="109">
        <v>0</v>
      </c>
      <c r="OD15" s="109">
        <v>0</v>
      </c>
      <c r="OE15" s="109">
        <v>0</v>
      </c>
      <c r="OF15" s="109">
        <v>0</v>
      </c>
      <c r="OG15" s="110">
        <v>0</v>
      </c>
      <c r="OH15" s="111">
        <v>0</v>
      </c>
      <c r="OI15" s="129">
        <v>1318636</v>
      </c>
      <c r="OJ15" s="109">
        <v>1435601</v>
      </c>
      <c r="OK15" s="128">
        <v>2754237</v>
      </c>
      <c r="OL15" s="108">
        <v>0</v>
      </c>
      <c r="OM15" s="109">
        <v>13955917</v>
      </c>
      <c r="ON15" s="109">
        <v>15837494</v>
      </c>
      <c r="OO15" s="109">
        <v>20884696</v>
      </c>
      <c r="OP15" s="109">
        <v>21186297</v>
      </c>
      <c r="OQ15" s="109">
        <v>15007781</v>
      </c>
      <c r="OR15" s="110">
        <v>86872185</v>
      </c>
      <c r="OS15" s="130">
        <v>89626422</v>
      </c>
    </row>
    <row r="16" spans="2:409" ht="21" customHeight="1" x14ac:dyDescent="0.2">
      <c r="B16" s="437" t="s">
        <v>10</v>
      </c>
      <c r="C16" s="100">
        <v>1467626</v>
      </c>
      <c r="D16" s="104">
        <v>2676803</v>
      </c>
      <c r="E16" s="103">
        <v>4144429</v>
      </c>
      <c r="F16" s="155">
        <v>0</v>
      </c>
      <c r="G16" s="104">
        <v>18738216</v>
      </c>
      <c r="H16" s="104">
        <v>16901749</v>
      </c>
      <c r="I16" s="104">
        <v>14793874</v>
      </c>
      <c r="J16" s="104">
        <v>14622442</v>
      </c>
      <c r="K16" s="104">
        <v>13975715</v>
      </c>
      <c r="L16" s="99">
        <v>79031996</v>
      </c>
      <c r="M16" s="106">
        <v>83176425</v>
      </c>
      <c r="N16" s="100">
        <v>466852</v>
      </c>
      <c r="O16" s="104">
        <v>881927</v>
      </c>
      <c r="P16" s="103">
        <v>1348779</v>
      </c>
      <c r="Q16" s="100">
        <v>0</v>
      </c>
      <c r="R16" s="104">
        <v>6375226</v>
      </c>
      <c r="S16" s="104">
        <v>5498849</v>
      </c>
      <c r="T16" s="104">
        <v>5550015</v>
      </c>
      <c r="U16" s="104">
        <v>5001613</v>
      </c>
      <c r="V16" s="104">
        <v>5316318</v>
      </c>
      <c r="W16" s="103">
        <v>27742021</v>
      </c>
      <c r="X16" s="106">
        <v>29090800</v>
      </c>
      <c r="Y16" s="100">
        <v>0</v>
      </c>
      <c r="Z16" s="104">
        <v>0</v>
      </c>
      <c r="AA16" s="103">
        <v>0</v>
      </c>
      <c r="AB16" s="100">
        <v>0</v>
      </c>
      <c r="AC16" s="104">
        <v>2916755</v>
      </c>
      <c r="AD16" s="104">
        <v>2382639</v>
      </c>
      <c r="AE16" s="104">
        <v>3568540</v>
      </c>
      <c r="AF16" s="104">
        <v>3085967</v>
      </c>
      <c r="AG16" s="104">
        <v>3262703</v>
      </c>
      <c r="AH16" s="103">
        <v>15216604</v>
      </c>
      <c r="AI16" s="106">
        <v>15216604</v>
      </c>
      <c r="AJ16" s="100">
        <v>0</v>
      </c>
      <c r="AK16" s="104">
        <v>0</v>
      </c>
      <c r="AL16" s="103">
        <v>0</v>
      </c>
      <c r="AM16" s="100">
        <v>0</v>
      </c>
      <c r="AN16" s="104">
        <v>0</v>
      </c>
      <c r="AO16" s="104">
        <v>103627</v>
      </c>
      <c r="AP16" s="104">
        <v>124374</v>
      </c>
      <c r="AQ16" s="104">
        <v>232812</v>
      </c>
      <c r="AR16" s="104">
        <v>210473</v>
      </c>
      <c r="AS16" s="103">
        <v>671286</v>
      </c>
      <c r="AT16" s="106">
        <v>671286</v>
      </c>
      <c r="AU16" s="100">
        <v>246775</v>
      </c>
      <c r="AV16" s="104">
        <v>497087</v>
      </c>
      <c r="AW16" s="103">
        <v>743862</v>
      </c>
      <c r="AX16" s="100">
        <v>0</v>
      </c>
      <c r="AY16" s="104">
        <v>2066520</v>
      </c>
      <c r="AZ16" s="104">
        <v>1777560</v>
      </c>
      <c r="BA16" s="104">
        <v>812718</v>
      </c>
      <c r="BB16" s="104">
        <v>792510</v>
      </c>
      <c r="BC16" s="104">
        <v>672970</v>
      </c>
      <c r="BD16" s="103">
        <v>6122278</v>
      </c>
      <c r="BE16" s="106">
        <v>6866140</v>
      </c>
      <c r="BF16" s="100">
        <v>56053</v>
      </c>
      <c r="BG16" s="104">
        <v>129417</v>
      </c>
      <c r="BH16" s="102">
        <v>185470</v>
      </c>
      <c r="BI16" s="101">
        <v>0</v>
      </c>
      <c r="BJ16" s="104">
        <v>199690</v>
      </c>
      <c r="BK16" s="104">
        <v>317841</v>
      </c>
      <c r="BL16" s="104">
        <v>74267</v>
      </c>
      <c r="BM16" s="104">
        <v>18684</v>
      </c>
      <c r="BN16" s="104">
        <v>91675</v>
      </c>
      <c r="BO16" s="103">
        <v>702157</v>
      </c>
      <c r="BP16" s="106">
        <v>887627</v>
      </c>
      <c r="BQ16" s="100">
        <v>164024</v>
      </c>
      <c r="BR16" s="104">
        <v>255423</v>
      </c>
      <c r="BS16" s="103">
        <v>419447</v>
      </c>
      <c r="BT16" s="100">
        <v>0</v>
      </c>
      <c r="BU16" s="104">
        <v>1192261</v>
      </c>
      <c r="BV16" s="104">
        <v>917182</v>
      </c>
      <c r="BW16" s="104">
        <v>970116</v>
      </c>
      <c r="BX16" s="104">
        <v>871640</v>
      </c>
      <c r="BY16" s="104">
        <v>1078497</v>
      </c>
      <c r="BZ16" s="103">
        <v>5029696</v>
      </c>
      <c r="CA16" s="106">
        <v>5449143</v>
      </c>
      <c r="CB16" s="100">
        <v>54869</v>
      </c>
      <c r="CC16" s="104">
        <v>224722</v>
      </c>
      <c r="CD16" s="103">
        <v>279591</v>
      </c>
      <c r="CE16" s="100">
        <v>0</v>
      </c>
      <c r="CF16" s="104">
        <v>5822741</v>
      </c>
      <c r="CG16" s="104">
        <v>4407729</v>
      </c>
      <c r="CH16" s="104">
        <v>2899644</v>
      </c>
      <c r="CI16" s="104">
        <v>1300245</v>
      </c>
      <c r="CJ16" s="104">
        <v>618394</v>
      </c>
      <c r="CK16" s="103">
        <v>15048753</v>
      </c>
      <c r="CL16" s="106">
        <v>15328344</v>
      </c>
      <c r="CM16" s="100">
        <v>0</v>
      </c>
      <c r="CN16" s="104">
        <v>0</v>
      </c>
      <c r="CO16" s="103">
        <v>0</v>
      </c>
      <c r="CP16" s="101">
        <v>0</v>
      </c>
      <c r="CQ16" s="104">
        <v>4593486</v>
      </c>
      <c r="CR16" s="104">
        <v>3628220</v>
      </c>
      <c r="CS16" s="104">
        <v>2618065</v>
      </c>
      <c r="CT16" s="104">
        <v>1182675</v>
      </c>
      <c r="CU16" s="104">
        <v>495809</v>
      </c>
      <c r="CV16" s="103">
        <v>12518255</v>
      </c>
      <c r="CW16" s="106">
        <v>12518255</v>
      </c>
      <c r="CX16" s="100">
        <v>54869</v>
      </c>
      <c r="CY16" s="104">
        <v>224722</v>
      </c>
      <c r="CZ16" s="103">
        <v>279591</v>
      </c>
      <c r="DA16" s="100">
        <v>0</v>
      </c>
      <c r="DB16" s="104">
        <v>1229255</v>
      </c>
      <c r="DC16" s="104">
        <v>779509</v>
      </c>
      <c r="DD16" s="104">
        <v>281579</v>
      </c>
      <c r="DE16" s="104">
        <v>117570</v>
      </c>
      <c r="DF16" s="104">
        <v>122585</v>
      </c>
      <c r="DG16" s="103">
        <v>2530498</v>
      </c>
      <c r="DH16" s="106">
        <v>2810089</v>
      </c>
      <c r="DI16" s="100">
        <v>0</v>
      </c>
      <c r="DJ16" s="104">
        <v>208306</v>
      </c>
      <c r="DK16" s="102">
        <v>208306</v>
      </c>
      <c r="DL16" s="101">
        <v>0</v>
      </c>
      <c r="DM16" s="104">
        <v>847953</v>
      </c>
      <c r="DN16" s="104">
        <v>770525</v>
      </c>
      <c r="DO16" s="104">
        <v>1217543</v>
      </c>
      <c r="DP16" s="104">
        <v>1215201</v>
      </c>
      <c r="DQ16" s="104">
        <v>26205</v>
      </c>
      <c r="DR16" s="103">
        <v>4077427</v>
      </c>
      <c r="DS16" s="106">
        <v>4285733</v>
      </c>
      <c r="DT16" s="100">
        <v>0</v>
      </c>
      <c r="DU16" s="104">
        <v>208306</v>
      </c>
      <c r="DV16" s="103">
        <v>208306</v>
      </c>
      <c r="DW16" s="100">
        <v>0</v>
      </c>
      <c r="DX16" s="104">
        <v>704947</v>
      </c>
      <c r="DY16" s="104">
        <v>702176</v>
      </c>
      <c r="DZ16" s="104">
        <v>1217543</v>
      </c>
      <c r="EA16" s="104">
        <v>1215201</v>
      </c>
      <c r="EB16" s="104">
        <v>26205</v>
      </c>
      <c r="EC16" s="103">
        <v>3866072</v>
      </c>
      <c r="ED16" s="106">
        <v>4074378</v>
      </c>
      <c r="EE16" s="100">
        <v>0</v>
      </c>
      <c r="EF16" s="102">
        <v>0</v>
      </c>
      <c r="EG16" s="103">
        <v>0</v>
      </c>
      <c r="EH16" s="100">
        <v>0</v>
      </c>
      <c r="EI16" s="104">
        <v>143006</v>
      </c>
      <c r="EJ16" s="104">
        <v>68349</v>
      </c>
      <c r="EK16" s="104">
        <v>0</v>
      </c>
      <c r="EL16" s="104">
        <v>0</v>
      </c>
      <c r="EM16" s="104">
        <v>0</v>
      </c>
      <c r="EN16" s="102">
        <v>211355</v>
      </c>
      <c r="EO16" s="106">
        <v>211355</v>
      </c>
      <c r="EP16" s="100">
        <v>0</v>
      </c>
      <c r="EQ16" s="104">
        <v>0</v>
      </c>
      <c r="ER16" s="102">
        <v>0</v>
      </c>
      <c r="ES16" s="101">
        <v>0</v>
      </c>
      <c r="ET16" s="104">
        <v>0</v>
      </c>
      <c r="EU16" s="104">
        <v>0</v>
      </c>
      <c r="EV16" s="104">
        <v>0</v>
      </c>
      <c r="EW16" s="104">
        <v>0</v>
      </c>
      <c r="EX16" s="104">
        <v>0</v>
      </c>
      <c r="EY16" s="103">
        <v>0</v>
      </c>
      <c r="EZ16" s="106">
        <v>0</v>
      </c>
      <c r="FA16" s="100">
        <v>0</v>
      </c>
      <c r="FB16" s="104">
        <v>0</v>
      </c>
      <c r="FC16" s="102">
        <v>0</v>
      </c>
      <c r="FD16" s="470">
        <v>0</v>
      </c>
      <c r="FE16" s="104">
        <v>0</v>
      </c>
      <c r="FF16" s="104">
        <v>0</v>
      </c>
      <c r="FG16" s="104">
        <v>0</v>
      </c>
      <c r="FH16" s="104">
        <v>0</v>
      </c>
      <c r="FI16" s="104">
        <v>0</v>
      </c>
      <c r="FJ16" s="103">
        <v>0</v>
      </c>
      <c r="FK16" s="106">
        <v>0</v>
      </c>
      <c r="FL16" s="100">
        <v>401689</v>
      </c>
      <c r="FM16" s="104">
        <v>618863</v>
      </c>
      <c r="FN16" s="103">
        <v>1020552</v>
      </c>
      <c r="FO16" s="100">
        <v>0</v>
      </c>
      <c r="FP16" s="104">
        <v>1248597</v>
      </c>
      <c r="FQ16" s="104">
        <v>1743077</v>
      </c>
      <c r="FR16" s="104">
        <v>1192114</v>
      </c>
      <c r="FS16" s="104">
        <v>656768</v>
      </c>
      <c r="FT16" s="104">
        <v>517566</v>
      </c>
      <c r="FU16" s="103">
        <v>5358122</v>
      </c>
      <c r="FV16" s="106">
        <v>6378674</v>
      </c>
      <c r="FW16" s="105">
        <v>241269</v>
      </c>
      <c r="FX16" s="104">
        <v>618863</v>
      </c>
      <c r="FY16" s="102">
        <v>860132</v>
      </c>
      <c r="FZ16" s="101">
        <v>0</v>
      </c>
      <c r="GA16" s="104">
        <v>752633</v>
      </c>
      <c r="GB16" s="104">
        <v>1428217</v>
      </c>
      <c r="GC16" s="104">
        <v>912114</v>
      </c>
      <c r="GD16" s="104">
        <v>612836</v>
      </c>
      <c r="GE16" s="104">
        <v>517566</v>
      </c>
      <c r="GF16" s="103">
        <v>4223366</v>
      </c>
      <c r="GG16" s="290">
        <v>5083498</v>
      </c>
      <c r="GH16" s="105">
        <v>74320</v>
      </c>
      <c r="GI16" s="104">
        <v>0</v>
      </c>
      <c r="GJ16" s="102">
        <v>74320</v>
      </c>
      <c r="GK16" s="101">
        <v>0</v>
      </c>
      <c r="GL16" s="104">
        <v>140364</v>
      </c>
      <c r="GM16" s="104">
        <v>52360</v>
      </c>
      <c r="GN16" s="104">
        <v>0</v>
      </c>
      <c r="GO16" s="104">
        <v>43932</v>
      </c>
      <c r="GP16" s="104">
        <v>0</v>
      </c>
      <c r="GQ16" s="103">
        <v>236656</v>
      </c>
      <c r="GR16" s="106">
        <v>310976</v>
      </c>
      <c r="GS16" s="100">
        <v>86100</v>
      </c>
      <c r="GT16" s="104">
        <v>0</v>
      </c>
      <c r="GU16" s="103">
        <v>86100</v>
      </c>
      <c r="GV16" s="100">
        <v>0</v>
      </c>
      <c r="GW16" s="104">
        <v>355600</v>
      </c>
      <c r="GX16" s="104">
        <v>262500</v>
      </c>
      <c r="GY16" s="104">
        <v>280000</v>
      </c>
      <c r="GZ16" s="104">
        <v>0</v>
      </c>
      <c r="HA16" s="104">
        <v>0</v>
      </c>
      <c r="HB16" s="102">
        <v>898100</v>
      </c>
      <c r="HC16" s="106">
        <v>984200</v>
      </c>
      <c r="HD16" s="100">
        <v>544216</v>
      </c>
      <c r="HE16" s="104">
        <v>742985</v>
      </c>
      <c r="HF16" s="102">
        <v>1287201</v>
      </c>
      <c r="HG16" s="101">
        <v>0</v>
      </c>
      <c r="HH16" s="104">
        <v>4443699</v>
      </c>
      <c r="HI16" s="104">
        <v>4481569</v>
      </c>
      <c r="HJ16" s="104">
        <v>3934558</v>
      </c>
      <c r="HK16" s="104">
        <v>6448615</v>
      </c>
      <c r="HL16" s="104">
        <v>7497232</v>
      </c>
      <c r="HM16" s="103">
        <v>26805673</v>
      </c>
      <c r="HN16" s="99">
        <v>28092874</v>
      </c>
      <c r="HO16" s="456">
        <v>0</v>
      </c>
      <c r="HP16" s="457">
        <v>0</v>
      </c>
      <c r="HQ16" s="458">
        <v>0</v>
      </c>
      <c r="HR16" s="459">
        <v>0</v>
      </c>
      <c r="HS16" s="457">
        <v>0</v>
      </c>
      <c r="HT16" s="457">
        <v>0</v>
      </c>
      <c r="HU16" s="457">
        <v>0</v>
      </c>
      <c r="HV16" s="457">
        <v>0</v>
      </c>
      <c r="HW16" s="457">
        <v>0</v>
      </c>
      <c r="HX16" s="460">
        <v>0</v>
      </c>
      <c r="HY16" s="461">
        <v>0</v>
      </c>
      <c r="HZ16" s="135">
        <v>40399</v>
      </c>
      <c r="IA16" s="122">
        <v>70030</v>
      </c>
      <c r="IB16" s="135">
        <v>110429</v>
      </c>
      <c r="IC16" s="121">
        <v>0</v>
      </c>
      <c r="ID16" s="122">
        <v>2560382</v>
      </c>
      <c r="IE16" s="123">
        <v>3393690</v>
      </c>
      <c r="IF16" s="124">
        <v>3568967</v>
      </c>
      <c r="IG16" s="122">
        <v>3211989</v>
      </c>
      <c r="IH16" s="124">
        <v>2869139</v>
      </c>
      <c r="II16" s="125">
        <v>15604167</v>
      </c>
      <c r="IJ16" s="135">
        <v>15714596</v>
      </c>
      <c r="IK16" s="215">
        <v>0</v>
      </c>
      <c r="IL16" s="219">
        <v>0</v>
      </c>
      <c r="IM16" s="220">
        <v>0</v>
      </c>
      <c r="IN16" s="470">
        <v>0</v>
      </c>
      <c r="IO16" s="109">
        <v>76812</v>
      </c>
      <c r="IP16" s="109">
        <v>212735</v>
      </c>
      <c r="IQ16" s="109">
        <v>169712</v>
      </c>
      <c r="IR16" s="109">
        <v>204086</v>
      </c>
      <c r="IS16" s="109">
        <v>0</v>
      </c>
      <c r="IT16" s="128">
        <v>663345</v>
      </c>
      <c r="IU16" s="292">
        <v>663345</v>
      </c>
      <c r="IV16" s="129">
        <v>0</v>
      </c>
      <c r="IW16" s="109">
        <v>0</v>
      </c>
      <c r="IX16" s="110">
        <v>0</v>
      </c>
      <c r="IY16" s="470">
        <v>0</v>
      </c>
      <c r="IZ16" s="109">
        <v>0</v>
      </c>
      <c r="JA16" s="109">
        <v>310</v>
      </c>
      <c r="JB16" s="109">
        <v>0</v>
      </c>
      <c r="JC16" s="109">
        <v>9355</v>
      </c>
      <c r="JD16" s="109">
        <v>0</v>
      </c>
      <c r="JE16" s="110">
        <v>9665</v>
      </c>
      <c r="JF16" s="111">
        <v>9665</v>
      </c>
      <c r="JG16" s="129">
        <v>0</v>
      </c>
      <c r="JH16" s="109">
        <v>0</v>
      </c>
      <c r="JI16" s="128">
        <v>0</v>
      </c>
      <c r="JJ16" s="108">
        <v>0</v>
      </c>
      <c r="JK16" s="109">
        <v>1184189</v>
      </c>
      <c r="JL16" s="109">
        <v>972785</v>
      </c>
      <c r="JM16" s="109">
        <v>177996</v>
      </c>
      <c r="JN16" s="109">
        <v>451831</v>
      </c>
      <c r="JO16" s="109">
        <v>39966</v>
      </c>
      <c r="JP16" s="110">
        <v>2826767</v>
      </c>
      <c r="JQ16" s="292">
        <v>2826767</v>
      </c>
      <c r="JR16" s="129">
        <v>0</v>
      </c>
      <c r="JS16" s="109">
        <v>0</v>
      </c>
      <c r="JT16" s="128">
        <v>0</v>
      </c>
      <c r="JU16" s="108">
        <v>0</v>
      </c>
      <c r="JV16" s="109">
        <v>0</v>
      </c>
      <c r="JW16" s="109">
        <v>0</v>
      </c>
      <c r="JX16" s="109">
        <v>163551</v>
      </c>
      <c r="JY16" s="109">
        <v>303373</v>
      </c>
      <c r="JZ16" s="109">
        <v>0</v>
      </c>
      <c r="KA16" s="110">
        <v>466924</v>
      </c>
      <c r="KB16" s="292">
        <v>466924</v>
      </c>
      <c r="KC16" s="217">
        <v>40399</v>
      </c>
      <c r="KD16" s="213">
        <v>70030</v>
      </c>
      <c r="KE16" s="110">
        <v>110429</v>
      </c>
      <c r="KF16" s="108">
        <v>0</v>
      </c>
      <c r="KG16" s="109">
        <v>420054</v>
      </c>
      <c r="KH16" s="109">
        <v>294060</v>
      </c>
      <c r="KI16" s="109">
        <v>414463</v>
      </c>
      <c r="KJ16" s="109">
        <v>214308</v>
      </c>
      <c r="KK16" s="109">
        <v>321708</v>
      </c>
      <c r="KL16" s="110">
        <v>1664593</v>
      </c>
      <c r="KM16" s="130">
        <v>1775022</v>
      </c>
      <c r="KN16" s="215">
        <v>0</v>
      </c>
      <c r="KO16" s="219">
        <v>0</v>
      </c>
      <c r="KP16" s="220">
        <v>0</v>
      </c>
      <c r="KQ16" s="470">
        <v>0</v>
      </c>
      <c r="KR16" s="109">
        <v>708743</v>
      </c>
      <c r="KS16" s="109">
        <v>1432573</v>
      </c>
      <c r="KT16" s="109">
        <v>1004593</v>
      </c>
      <c r="KU16" s="109">
        <v>1106763</v>
      </c>
      <c r="KV16" s="109">
        <v>1880072</v>
      </c>
      <c r="KW16" s="110">
        <v>6132744</v>
      </c>
      <c r="KX16" s="292">
        <v>6132744</v>
      </c>
      <c r="KY16" s="129">
        <v>0</v>
      </c>
      <c r="KZ16" s="109">
        <v>0</v>
      </c>
      <c r="LA16" s="110">
        <v>0</v>
      </c>
      <c r="LB16" s="470">
        <v>0</v>
      </c>
      <c r="LC16" s="109">
        <v>170584</v>
      </c>
      <c r="LD16" s="109">
        <v>312176</v>
      </c>
      <c r="LE16" s="109">
        <v>1177300</v>
      </c>
      <c r="LF16" s="109">
        <v>189946</v>
      </c>
      <c r="LG16" s="109">
        <v>627393</v>
      </c>
      <c r="LH16" s="110">
        <v>2477399</v>
      </c>
      <c r="LI16" s="111">
        <v>2477399</v>
      </c>
      <c r="LJ16" s="129">
        <v>0</v>
      </c>
      <c r="LK16" s="109">
        <v>0</v>
      </c>
      <c r="LL16" s="110">
        <v>0</v>
      </c>
      <c r="LM16" s="470">
        <v>0</v>
      </c>
      <c r="LN16" s="109">
        <v>0</v>
      </c>
      <c r="LO16" s="109">
        <v>0</v>
      </c>
      <c r="LP16" s="109">
        <v>0</v>
      </c>
      <c r="LQ16" s="109">
        <v>471792</v>
      </c>
      <c r="LR16" s="109">
        <v>0</v>
      </c>
      <c r="LS16" s="110">
        <v>471792</v>
      </c>
      <c r="LT16" s="292">
        <v>471792</v>
      </c>
      <c r="LU16" s="129">
        <v>0</v>
      </c>
      <c r="LV16" s="109">
        <v>0</v>
      </c>
      <c r="LW16" s="110">
        <v>0</v>
      </c>
      <c r="LX16" s="470">
        <v>0</v>
      </c>
      <c r="LY16" s="109">
        <v>0</v>
      </c>
      <c r="LZ16" s="109">
        <v>169051</v>
      </c>
      <c r="MA16" s="109">
        <v>461352</v>
      </c>
      <c r="MB16" s="109">
        <v>260535</v>
      </c>
      <c r="MC16" s="109">
        <v>0</v>
      </c>
      <c r="MD16" s="110">
        <v>890938</v>
      </c>
      <c r="ME16" s="111">
        <v>890938</v>
      </c>
      <c r="MF16" s="129">
        <v>0</v>
      </c>
      <c r="MG16" s="109">
        <v>0</v>
      </c>
      <c r="MH16" s="110">
        <v>0</v>
      </c>
      <c r="MI16" s="470">
        <v>0</v>
      </c>
      <c r="MJ16" s="109">
        <v>481131</v>
      </c>
      <c r="MK16" s="109">
        <v>769761</v>
      </c>
      <c r="ML16" s="109">
        <v>4339091</v>
      </c>
      <c r="MM16" s="109">
        <v>5914290</v>
      </c>
      <c r="MN16" s="109">
        <v>5140502</v>
      </c>
      <c r="MO16" s="110">
        <v>16644775</v>
      </c>
      <c r="MP16" s="130">
        <v>16644775</v>
      </c>
      <c r="MQ16" s="129">
        <v>0</v>
      </c>
      <c r="MR16" s="109">
        <v>0</v>
      </c>
      <c r="MS16" s="110">
        <v>0</v>
      </c>
      <c r="MT16" s="470">
        <v>0</v>
      </c>
      <c r="MU16" s="109">
        <v>0</v>
      </c>
      <c r="MV16" s="109">
        <v>340095</v>
      </c>
      <c r="MW16" s="109">
        <v>3242837</v>
      </c>
      <c r="MX16" s="109">
        <v>3808658</v>
      </c>
      <c r="MY16" s="109">
        <v>4251583</v>
      </c>
      <c r="MZ16" s="110">
        <v>11643173</v>
      </c>
      <c r="NA16" s="130">
        <v>11643173</v>
      </c>
      <c r="NB16" s="129">
        <v>0</v>
      </c>
      <c r="NC16" s="109">
        <v>0</v>
      </c>
      <c r="ND16" s="110">
        <v>0</v>
      </c>
      <c r="NE16" s="470">
        <v>0</v>
      </c>
      <c r="NF16" s="109">
        <v>481131</v>
      </c>
      <c r="NG16" s="109">
        <v>429666</v>
      </c>
      <c r="NH16" s="109">
        <v>1096254</v>
      </c>
      <c r="NI16" s="109">
        <v>2105632</v>
      </c>
      <c r="NJ16" s="109">
        <v>567174</v>
      </c>
      <c r="NK16" s="110">
        <v>4679857</v>
      </c>
      <c r="NL16" s="292">
        <v>4679857</v>
      </c>
      <c r="NM16" s="129">
        <v>0</v>
      </c>
      <c r="NN16" s="109">
        <v>0</v>
      </c>
      <c r="NO16" s="110">
        <v>0</v>
      </c>
      <c r="NP16" s="470">
        <v>0</v>
      </c>
      <c r="NQ16" s="109">
        <v>0</v>
      </c>
      <c r="NR16" s="109">
        <v>0</v>
      </c>
      <c r="NS16" s="109">
        <v>0</v>
      </c>
      <c r="NT16" s="109">
        <v>0</v>
      </c>
      <c r="NU16" s="109">
        <v>0</v>
      </c>
      <c r="NV16" s="110">
        <v>0</v>
      </c>
      <c r="NW16" s="111">
        <v>0</v>
      </c>
      <c r="NX16" s="129">
        <v>0</v>
      </c>
      <c r="NY16" s="109">
        <v>0</v>
      </c>
      <c r="NZ16" s="110">
        <v>0</v>
      </c>
      <c r="OA16" s="470">
        <v>0</v>
      </c>
      <c r="OB16" s="109">
        <v>0</v>
      </c>
      <c r="OC16" s="109">
        <v>0</v>
      </c>
      <c r="OD16" s="109">
        <v>0</v>
      </c>
      <c r="OE16" s="109">
        <v>0</v>
      </c>
      <c r="OF16" s="109">
        <v>321745</v>
      </c>
      <c r="OG16" s="110">
        <v>321745</v>
      </c>
      <c r="OH16" s="111">
        <v>321745</v>
      </c>
      <c r="OI16" s="129">
        <v>1508025</v>
      </c>
      <c r="OJ16" s="109">
        <v>2746833</v>
      </c>
      <c r="OK16" s="128">
        <v>4254858</v>
      </c>
      <c r="OL16" s="108">
        <v>0</v>
      </c>
      <c r="OM16" s="109">
        <v>21779729</v>
      </c>
      <c r="ON16" s="109">
        <v>21065200</v>
      </c>
      <c r="OO16" s="109">
        <v>22701932</v>
      </c>
      <c r="OP16" s="109">
        <v>23748721</v>
      </c>
      <c r="OQ16" s="109">
        <v>21985356</v>
      </c>
      <c r="OR16" s="110">
        <v>111280938</v>
      </c>
      <c r="OS16" s="130">
        <v>115535796</v>
      </c>
    </row>
    <row r="17" spans="2:409" ht="21" customHeight="1" x14ac:dyDescent="0.2">
      <c r="B17" s="437" t="s">
        <v>11</v>
      </c>
      <c r="C17" s="100">
        <v>344016</v>
      </c>
      <c r="D17" s="104">
        <v>395647</v>
      </c>
      <c r="E17" s="154">
        <v>739663</v>
      </c>
      <c r="F17" s="101">
        <v>0</v>
      </c>
      <c r="G17" s="104">
        <v>5598636</v>
      </c>
      <c r="H17" s="104">
        <v>3806437</v>
      </c>
      <c r="I17" s="104">
        <v>5243974</v>
      </c>
      <c r="J17" s="104">
        <v>7581642</v>
      </c>
      <c r="K17" s="104">
        <v>2727083</v>
      </c>
      <c r="L17" s="99">
        <v>24957772</v>
      </c>
      <c r="M17" s="106">
        <v>25697435</v>
      </c>
      <c r="N17" s="100">
        <v>100509</v>
      </c>
      <c r="O17" s="104">
        <v>42133</v>
      </c>
      <c r="P17" s="103">
        <v>142642</v>
      </c>
      <c r="Q17" s="100">
        <v>0</v>
      </c>
      <c r="R17" s="104">
        <v>1668861</v>
      </c>
      <c r="S17" s="104">
        <v>1026526</v>
      </c>
      <c r="T17" s="104">
        <v>1506852</v>
      </c>
      <c r="U17" s="104">
        <v>3111201</v>
      </c>
      <c r="V17" s="104">
        <v>654254</v>
      </c>
      <c r="W17" s="103">
        <v>7967694</v>
      </c>
      <c r="X17" s="106">
        <v>8110336</v>
      </c>
      <c r="Y17" s="100">
        <v>0</v>
      </c>
      <c r="Z17" s="104">
        <v>0</v>
      </c>
      <c r="AA17" s="103">
        <v>0</v>
      </c>
      <c r="AB17" s="100">
        <v>0</v>
      </c>
      <c r="AC17" s="104">
        <v>293209</v>
      </c>
      <c r="AD17" s="104">
        <v>233225</v>
      </c>
      <c r="AE17" s="104">
        <v>732748</v>
      </c>
      <c r="AF17" s="104">
        <v>1286119</v>
      </c>
      <c r="AG17" s="104">
        <v>107232</v>
      </c>
      <c r="AH17" s="103">
        <v>2652533</v>
      </c>
      <c r="AI17" s="106">
        <v>2652533</v>
      </c>
      <c r="AJ17" s="100">
        <v>0</v>
      </c>
      <c r="AK17" s="104">
        <v>0</v>
      </c>
      <c r="AL17" s="103">
        <v>0</v>
      </c>
      <c r="AM17" s="100">
        <v>0</v>
      </c>
      <c r="AN17" s="104">
        <v>0</v>
      </c>
      <c r="AO17" s="104">
        <v>0</v>
      </c>
      <c r="AP17" s="104">
        <v>0</v>
      </c>
      <c r="AQ17" s="104">
        <v>287735</v>
      </c>
      <c r="AR17" s="104">
        <v>129042</v>
      </c>
      <c r="AS17" s="103">
        <v>416777</v>
      </c>
      <c r="AT17" s="106">
        <v>416777</v>
      </c>
      <c r="AU17" s="100">
        <v>78312</v>
      </c>
      <c r="AV17" s="104">
        <v>24626</v>
      </c>
      <c r="AW17" s="103">
        <v>102938</v>
      </c>
      <c r="AX17" s="100">
        <v>0</v>
      </c>
      <c r="AY17" s="104">
        <v>1095801</v>
      </c>
      <c r="AZ17" s="104">
        <v>522382</v>
      </c>
      <c r="BA17" s="104">
        <v>594890</v>
      </c>
      <c r="BB17" s="104">
        <v>1249003</v>
      </c>
      <c r="BC17" s="104">
        <v>231514</v>
      </c>
      <c r="BD17" s="103">
        <v>3693590</v>
      </c>
      <c r="BE17" s="106">
        <v>3796528</v>
      </c>
      <c r="BF17" s="100">
        <v>0</v>
      </c>
      <c r="BG17" s="104">
        <v>6573</v>
      </c>
      <c r="BH17" s="102">
        <v>6573</v>
      </c>
      <c r="BI17" s="101">
        <v>0</v>
      </c>
      <c r="BJ17" s="104">
        <v>123625</v>
      </c>
      <c r="BK17" s="104">
        <v>49418</v>
      </c>
      <c r="BL17" s="104">
        <v>0</v>
      </c>
      <c r="BM17" s="104">
        <v>26768</v>
      </c>
      <c r="BN17" s="104">
        <v>92855</v>
      </c>
      <c r="BO17" s="103">
        <v>292666</v>
      </c>
      <c r="BP17" s="106">
        <v>299239</v>
      </c>
      <c r="BQ17" s="100">
        <v>22197</v>
      </c>
      <c r="BR17" s="104">
        <v>10934</v>
      </c>
      <c r="BS17" s="103">
        <v>33131</v>
      </c>
      <c r="BT17" s="100">
        <v>0</v>
      </c>
      <c r="BU17" s="104">
        <v>156226</v>
      </c>
      <c r="BV17" s="104">
        <v>221501</v>
      </c>
      <c r="BW17" s="104">
        <v>179214</v>
      </c>
      <c r="BX17" s="104">
        <v>261576</v>
      </c>
      <c r="BY17" s="104">
        <v>93611</v>
      </c>
      <c r="BZ17" s="103">
        <v>912128</v>
      </c>
      <c r="CA17" s="106">
        <v>945259</v>
      </c>
      <c r="CB17" s="100">
        <v>0</v>
      </c>
      <c r="CC17" s="104">
        <v>166615</v>
      </c>
      <c r="CD17" s="103">
        <v>166615</v>
      </c>
      <c r="CE17" s="100">
        <v>0</v>
      </c>
      <c r="CF17" s="104">
        <v>1273820</v>
      </c>
      <c r="CG17" s="104">
        <v>820087</v>
      </c>
      <c r="CH17" s="104">
        <v>1441026</v>
      </c>
      <c r="CI17" s="104">
        <v>977520</v>
      </c>
      <c r="CJ17" s="104">
        <v>280781</v>
      </c>
      <c r="CK17" s="103">
        <v>4793234</v>
      </c>
      <c r="CL17" s="106">
        <v>4959849</v>
      </c>
      <c r="CM17" s="100">
        <v>0</v>
      </c>
      <c r="CN17" s="104">
        <v>0</v>
      </c>
      <c r="CO17" s="103">
        <v>0</v>
      </c>
      <c r="CP17" s="101">
        <v>0</v>
      </c>
      <c r="CQ17" s="104">
        <v>839973</v>
      </c>
      <c r="CR17" s="104">
        <v>530212</v>
      </c>
      <c r="CS17" s="104">
        <v>714099</v>
      </c>
      <c r="CT17" s="104">
        <v>875071</v>
      </c>
      <c r="CU17" s="104">
        <v>229893</v>
      </c>
      <c r="CV17" s="103">
        <v>3189248</v>
      </c>
      <c r="CW17" s="106">
        <v>3189248</v>
      </c>
      <c r="CX17" s="100">
        <v>0</v>
      </c>
      <c r="CY17" s="104">
        <v>166615</v>
      </c>
      <c r="CZ17" s="103">
        <v>166615</v>
      </c>
      <c r="DA17" s="100">
        <v>0</v>
      </c>
      <c r="DB17" s="104">
        <v>433847</v>
      </c>
      <c r="DC17" s="104">
        <v>289875</v>
      </c>
      <c r="DD17" s="104">
        <v>726927</v>
      </c>
      <c r="DE17" s="104">
        <v>102449</v>
      </c>
      <c r="DF17" s="104">
        <v>50888</v>
      </c>
      <c r="DG17" s="103">
        <v>1603986</v>
      </c>
      <c r="DH17" s="106">
        <v>1770601</v>
      </c>
      <c r="DI17" s="100">
        <v>0</v>
      </c>
      <c r="DJ17" s="104">
        <v>0</v>
      </c>
      <c r="DK17" s="102">
        <v>0</v>
      </c>
      <c r="DL17" s="101">
        <v>0</v>
      </c>
      <c r="DM17" s="104">
        <v>123696</v>
      </c>
      <c r="DN17" s="104">
        <v>142812</v>
      </c>
      <c r="DO17" s="104">
        <v>295477</v>
      </c>
      <c r="DP17" s="104">
        <v>131186</v>
      </c>
      <c r="DQ17" s="104">
        <v>561296</v>
      </c>
      <c r="DR17" s="103">
        <v>1254467</v>
      </c>
      <c r="DS17" s="106">
        <v>1254467</v>
      </c>
      <c r="DT17" s="100">
        <v>0</v>
      </c>
      <c r="DU17" s="104">
        <v>0</v>
      </c>
      <c r="DV17" s="103">
        <v>0</v>
      </c>
      <c r="DW17" s="100">
        <v>0</v>
      </c>
      <c r="DX17" s="104">
        <v>123696</v>
      </c>
      <c r="DY17" s="104">
        <v>77194</v>
      </c>
      <c r="DZ17" s="104">
        <v>218298</v>
      </c>
      <c r="EA17" s="104">
        <v>131186</v>
      </c>
      <c r="EB17" s="104">
        <v>293197</v>
      </c>
      <c r="EC17" s="103">
        <v>843571</v>
      </c>
      <c r="ED17" s="106">
        <v>843571</v>
      </c>
      <c r="EE17" s="100">
        <v>0</v>
      </c>
      <c r="EF17" s="102">
        <v>0</v>
      </c>
      <c r="EG17" s="103">
        <v>0</v>
      </c>
      <c r="EH17" s="100">
        <v>0</v>
      </c>
      <c r="EI17" s="104">
        <v>0</v>
      </c>
      <c r="EJ17" s="104">
        <v>65618</v>
      </c>
      <c r="EK17" s="104">
        <v>77179</v>
      </c>
      <c r="EL17" s="104">
        <v>0</v>
      </c>
      <c r="EM17" s="104">
        <v>268099</v>
      </c>
      <c r="EN17" s="102">
        <v>410896</v>
      </c>
      <c r="EO17" s="106">
        <v>410896</v>
      </c>
      <c r="EP17" s="100">
        <v>0</v>
      </c>
      <c r="EQ17" s="104">
        <v>0</v>
      </c>
      <c r="ER17" s="102">
        <v>0</v>
      </c>
      <c r="ES17" s="101">
        <v>0</v>
      </c>
      <c r="ET17" s="104">
        <v>0</v>
      </c>
      <c r="EU17" s="104">
        <v>0</v>
      </c>
      <c r="EV17" s="104">
        <v>0</v>
      </c>
      <c r="EW17" s="104">
        <v>0</v>
      </c>
      <c r="EX17" s="104">
        <v>0</v>
      </c>
      <c r="EY17" s="103">
        <v>0</v>
      </c>
      <c r="EZ17" s="106">
        <v>0</v>
      </c>
      <c r="FA17" s="100">
        <v>0</v>
      </c>
      <c r="FB17" s="104">
        <v>0</v>
      </c>
      <c r="FC17" s="102">
        <v>0</v>
      </c>
      <c r="FD17" s="470">
        <v>0</v>
      </c>
      <c r="FE17" s="104">
        <v>0</v>
      </c>
      <c r="FF17" s="104">
        <v>0</v>
      </c>
      <c r="FG17" s="104">
        <v>0</v>
      </c>
      <c r="FH17" s="104">
        <v>0</v>
      </c>
      <c r="FI17" s="104">
        <v>0</v>
      </c>
      <c r="FJ17" s="103">
        <v>0</v>
      </c>
      <c r="FK17" s="106">
        <v>0</v>
      </c>
      <c r="FL17" s="100">
        <v>52318</v>
      </c>
      <c r="FM17" s="104">
        <v>106610</v>
      </c>
      <c r="FN17" s="103">
        <v>158928</v>
      </c>
      <c r="FO17" s="100">
        <v>0</v>
      </c>
      <c r="FP17" s="104">
        <v>395227</v>
      </c>
      <c r="FQ17" s="104">
        <v>576485</v>
      </c>
      <c r="FR17" s="104">
        <v>411985</v>
      </c>
      <c r="FS17" s="104">
        <v>750869</v>
      </c>
      <c r="FT17" s="104">
        <v>172417</v>
      </c>
      <c r="FU17" s="103">
        <v>2306983</v>
      </c>
      <c r="FV17" s="106">
        <v>2465911</v>
      </c>
      <c r="FW17" s="105">
        <v>52318</v>
      </c>
      <c r="FX17" s="104">
        <v>106610</v>
      </c>
      <c r="FY17" s="102">
        <v>158928</v>
      </c>
      <c r="FZ17" s="101">
        <v>0</v>
      </c>
      <c r="GA17" s="104">
        <v>244307</v>
      </c>
      <c r="GB17" s="104">
        <v>369649</v>
      </c>
      <c r="GC17" s="104">
        <v>411985</v>
      </c>
      <c r="GD17" s="104">
        <v>573524</v>
      </c>
      <c r="GE17" s="104">
        <v>172417</v>
      </c>
      <c r="GF17" s="103">
        <v>1771882</v>
      </c>
      <c r="GG17" s="290">
        <v>1930810</v>
      </c>
      <c r="GH17" s="105">
        <v>0</v>
      </c>
      <c r="GI17" s="104">
        <v>0</v>
      </c>
      <c r="GJ17" s="102">
        <v>0</v>
      </c>
      <c r="GK17" s="101">
        <v>0</v>
      </c>
      <c r="GL17" s="104">
        <v>12320</v>
      </c>
      <c r="GM17" s="104">
        <v>66836</v>
      </c>
      <c r="GN17" s="104">
        <v>0</v>
      </c>
      <c r="GO17" s="104">
        <v>126910</v>
      </c>
      <c r="GP17" s="104">
        <v>0</v>
      </c>
      <c r="GQ17" s="103">
        <v>206066</v>
      </c>
      <c r="GR17" s="106">
        <v>206066</v>
      </c>
      <c r="GS17" s="100">
        <v>0</v>
      </c>
      <c r="GT17" s="104">
        <v>0</v>
      </c>
      <c r="GU17" s="103">
        <v>0</v>
      </c>
      <c r="GV17" s="100">
        <v>0</v>
      </c>
      <c r="GW17" s="104">
        <v>138600</v>
      </c>
      <c r="GX17" s="104">
        <v>140000</v>
      </c>
      <c r="GY17" s="104">
        <v>0</v>
      </c>
      <c r="GZ17" s="104">
        <v>50435</v>
      </c>
      <c r="HA17" s="104">
        <v>0</v>
      </c>
      <c r="HB17" s="102">
        <v>329035</v>
      </c>
      <c r="HC17" s="106">
        <v>329035</v>
      </c>
      <c r="HD17" s="100">
        <v>191189</v>
      </c>
      <c r="HE17" s="104">
        <v>80289</v>
      </c>
      <c r="HF17" s="102">
        <v>271478</v>
      </c>
      <c r="HG17" s="101">
        <v>0</v>
      </c>
      <c r="HH17" s="104">
        <v>2137032</v>
      </c>
      <c r="HI17" s="104">
        <v>1240527</v>
      </c>
      <c r="HJ17" s="104">
        <v>1588634</v>
      </c>
      <c r="HK17" s="104">
        <v>2610866</v>
      </c>
      <c r="HL17" s="104">
        <v>1058335</v>
      </c>
      <c r="HM17" s="103">
        <v>8635394</v>
      </c>
      <c r="HN17" s="99">
        <v>8906872</v>
      </c>
      <c r="HO17" s="456">
        <v>0</v>
      </c>
      <c r="HP17" s="457">
        <v>0</v>
      </c>
      <c r="HQ17" s="458">
        <v>0</v>
      </c>
      <c r="HR17" s="459">
        <v>0</v>
      </c>
      <c r="HS17" s="457">
        <v>0</v>
      </c>
      <c r="HT17" s="457">
        <v>0</v>
      </c>
      <c r="HU17" s="457">
        <v>0</v>
      </c>
      <c r="HV17" s="457">
        <v>0</v>
      </c>
      <c r="HW17" s="457">
        <v>0</v>
      </c>
      <c r="HX17" s="460">
        <v>0</v>
      </c>
      <c r="HY17" s="461">
        <v>0</v>
      </c>
      <c r="HZ17" s="118">
        <v>0</v>
      </c>
      <c r="IA17" s="119">
        <v>61362</v>
      </c>
      <c r="IB17" s="120">
        <v>61362</v>
      </c>
      <c r="IC17" s="131">
        <v>0</v>
      </c>
      <c r="ID17" s="119">
        <v>1776399</v>
      </c>
      <c r="IE17" s="132">
        <v>718958</v>
      </c>
      <c r="IF17" s="120">
        <v>765561</v>
      </c>
      <c r="IG17" s="119">
        <v>1540280</v>
      </c>
      <c r="IH17" s="120">
        <v>146219</v>
      </c>
      <c r="II17" s="133">
        <v>4947417</v>
      </c>
      <c r="IJ17" s="126">
        <v>5008779</v>
      </c>
      <c r="IK17" s="215">
        <v>0</v>
      </c>
      <c r="IL17" s="219">
        <v>0</v>
      </c>
      <c r="IM17" s="220">
        <v>0</v>
      </c>
      <c r="IN17" s="470">
        <v>0</v>
      </c>
      <c r="IO17" s="109">
        <v>68271</v>
      </c>
      <c r="IP17" s="109">
        <v>110554</v>
      </c>
      <c r="IQ17" s="109">
        <v>0</v>
      </c>
      <c r="IR17" s="109">
        <v>211846</v>
      </c>
      <c r="IS17" s="109">
        <v>0</v>
      </c>
      <c r="IT17" s="128">
        <v>390671</v>
      </c>
      <c r="IU17" s="292">
        <v>390671</v>
      </c>
      <c r="IV17" s="129">
        <v>0</v>
      </c>
      <c r="IW17" s="109">
        <v>0</v>
      </c>
      <c r="IX17" s="110">
        <v>0</v>
      </c>
      <c r="IY17" s="470">
        <v>0</v>
      </c>
      <c r="IZ17" s="109">
        <v>14732</v>
      </c>
      <c r="JA17" s="109">
        <v>0</v>
      </c>
      <c r="JB17" s="109">
        <v>0</v>
      </c>
      <c r="JC17" s="109">
        <v>14732</v>
      </c>
      <c r="JD17" s="109">
        <v>0</v>
      </c>
      <c r="JE17" s="110">
        <v>29464</v>
      </c>
      <c r="JF17" s="111">
        <v>29464</v>
      </c>
      <c r="JG17" s="129">
        <v>0</v>
      </c>
      <c r="JH17" s="109">
        <v>0</v>
      </c>
      <c r="JI17" s="128">
        <v>0</v>
      </c>
      <c r="JJ17" s="108">
        <v>0</v>
      </c>
      <c r="JK17" s="109">
        <v>1206020</v>
      </c>
      <c r="JL17" s="109">
        <v>165753</v>
      </c>
      <c r="JM17" s="109">
        <v>317372</v>
      </c>
      <c r="JN17" s="109">
        <v>407376</v>
      </c>
      <c r="JO17" s="109">
        <v>146219</v>
      </c>
      <c r="JP17" s="110">
        <v>2242740</v>
      </c>
      <c r="JQ17" s="292">
        <v>2242740</v>
      </c>
      <c r="JR17" s="129">
        <v>0</v>
      </c>
      <c r="JS17" s="109">
        <v>0</v>
      </c>
      <c r="JT17" s="128">
        <v>0</v>
      </c>
      <c r="JU17" s="108">
        <v>0</v>
      </c>
      <c r="JV17" s="109">
        <v>68000</v>
      </c>
      <c r="JW17" s="109">
        <v>0</v>
      </c>
      <c r="JX17" s="109">
        <v>0</v>
      </c>
      <c r="JY17" s="109">
        <v>0</v>
      </c>
      <c r="JZ17" s="109">
        <v>0</v>
      </c>
      <c r="KA17" s="110">
        <v>68000</v>
      </c>
      <c r="KB17" s="292">
        <v>68000</v>
      </c>
      <c r="KC17" s="217">
        <v>0</v>
      </c>
      <c r="KD17" s="213">
        <v>61362</v>
      </c>
      <c r="KE17" s="110">
        <v>61362</v>
      </c>
      <c r="KF17" s="108">
        <v>0</v>
      </c>
      <c r="KG17" s="109">
        <v>209304</v>
      </c>
      <c r="KH17" s="109">
        <v>0</v>
      </c>
      <c r="KI17" s="109">
        <v>0</v>
      </c>
      <c r="KJ17" s="109">
        <v>456126</v>
      </c>
      <c r="KK17" s="109">
        <v>0</v>
      </c>
      <c r="KL17" s="110">
        <v>665430</v>
      </c>
      <c r="KM17" s="130">
        <v>726792</v>
      </c>
      <c r="KN17" s="215">
        <v>0</v>
      </c>
      <c r="KO17" s="219">
        <v>0</v>
      </c>
      <c r="KP17" s="220">
        <v>0</v>
      </c>
      <c r="KQ17" s="470">
        <v>0</v>
      </c>
      <c r="KR17" s="109">
        <v>210072</v>
      </c>
      <c r="KS17" s="109">
        <v>442651</v>
      </c>
      <c r="KT17" s="109">
        <v>448189</v>
      </c>
      <c r="KU17" s="109">
        <v>450200</v>
      </c>
      <c r="KV17" s="109">
        <v>0</v>
      </c>
      <c r="KW17" s="110">
        <v>1551112</v>
      </c>
      <c r="KX17" s="292">
        <v>1551112</v>
      </c>
      <c r="KY17" s="129">
        <v>0</v>
      </c>
      <c r="KZ17" s="109">
        <v>0</v>
      </c>
      <c r="LA17" s="110">
        <v>0</v>
      </c>
      <c r="LB17" s="470">
        <v>0</v>
      </c>
      <c r="LC17" s="109">
        <v>0</v>
      </c>
      <c r="LD17" s="109">
        <v>0</v>
      </c>
      <c r="LE17" s="109">
        <v>0</v>
      </c>
      <c r="LF17" s="109">
        <v>0</v>
      </c>
      <c r="LG17" s="109">
        <v>0</v>
      </c>
      <c r="LH17" s="110">
        <v>0</v>
      </c>
      <c r="LI17" s="111">
        <v>0</v>
      </c>
      <c r="LJ17" s="129">
        <v>0</v>
      </c>
      <c r="LK17" s="109">
        <v>0</v>
      </c>
      <c r="LL17" s="110">
        <v>0</v>
      </c>
      <c r="LM17" s="470">
        <v>0</v>
      </c>
      <c r="LN17" s="109">
        <v>0</v>
      </c>
      <c r="LO17" s="109">
        <v>0</v>
      </c>
      <c r="LP17" s="109">
        <v>0</v>
      </c>
      <c r="LQ17" s="109">
        <v>0</v>
      </c>
      <c r="LR17" s="109">
        <v>0</v>
      </c>
      <c r="LS17" s="110">
        <v>0</v>
      </c>
      <c r="LT17" s="292">
        <v>0</v>
      </c>
      <c r="LU17" s="129">
        <v>0</v>
      </c>
      <c r="LV17" s="109">
        <v>0</v>
      </c>
      <c r="LW17" s="110">
        <v>0</v>
      </c>
      <c r="LX17" s="470">
        <v>0</v>
      </c>
      <c r="LY17" s="109">
        <v>0</v>
      </c>
      <c r="LZ17" s="109">
        <v>0</v>
      </c>
      <c r="MA17" s="109">
        <v>0</v>
      </c>
      <c r="MB17" s="109">
        <v>0</v>
      </c>
      <c r="MC17" s="109">
        <v>0</v>
      </c>
      <c r="MD17" s="110">
        <v>0</v>
      </c>
      <c r="ME17" s="111">
        <v>0</v>
      </c>
      <c r="MF17" s="129">
        <v>0</v>
      </c>
      <c r="MG17" s="109">
        <v>0</v>
      </c>
      <c r="MH17" s="110">
        <v>0</v>
      </c>
      <c r="MI17" s="470">
        <v>0</v>
      </c>
      <c r="MJ17" s="109">
        <v>201740</v>
      </c>
      <c r="MK17" s="109">
        <v>776728</v>
      </c>
      <c r="ML17" s="109">
        <v>2418334</v>
      </c>
      <c r="MM17" s="109">
        <v>2323400</v>
      </c>
      <c r="MN17" s="109">
        <v>1529692</v>
      </c>
      <c r="MO17" s="110">
        <v>7249894</v>
      </c>
      <c r="MP17" s="130">
        <v>7249894</v>
      </c>
      <c r="MQ17" s="129">
        <v>0</v>
      </c>
      <c r="MR17" s="109">
        <v>0</v>
      </c>
      <c r="MS17" s="110">
        <v>0</v>
      </c>
      <c r="MT17" s="470">
        <v>0</v>
      </c>
      <c r="MU17" s="109">
        <v>0</v>
      </c>
      <c r="MV17" s="109">
        <v>0</v>
      </c>
      <c r="MW17" s="109">
        <v>1478448</v>
      </c>
      <c r="MX17" s="109">
        <v>1616239</v>
      </c>
      <c r="MY17" s="109">
        <v>1529692</v>
      </c>
      <c r="MZ17" s="110">
        <v>4624379</v>
      </c>
      <c r="NA17" s="130">
        <v>4624379</v>
      </c>
      <c r="NB17" s="129">
        <v>0</v>
      </c>
      <c r="NC17" s="109">
        <v>0</v>
      </c>
      <c r="ND17" s="110">
        <v>0</v>
      </c>
      <c r="NE17" s="470">
        <v>0</v>
      </c>
      <c r="NF17" s="109">
        <v>201740</v>
      </c>
      <c r="NG17" s="109">
        <v>616872</v>
      </c>
      <c r="NH17" s="109">
        <v>939886</v>
      </c>
      <c r="NI17" s="109">
        <v>707161</v>
      </c>
      <c r="NJ17" s="109">
        <v>0</v>
      </c>
      <c r="NK17" s="110">
        <v>2465659</v>
      </c>
      <c r="NL17" s="292">
        <v>2465659</v>
      </c>
      <c r="NM17" s="129">
        <v>0</v>
      </c>
      <c r="NN17" s="109">
        <v>0</v>
      </c>
      <c r="NO17" s="110">
        <v>0</v>
      </c>
      <c r="NP17" s="470">
        <v>0</v>
      </c>
      <c r="NQ17" s="109">
        <v>0</v>
      </c>
      <c r="NR17" s="109">
        <v>0</v>
      </c>
      <c r="NS17" s="109">
        <v>0</v>
      </c>
      <c r="NT17" s="109">
        <v>0</v>
      </c>
      <c r="NU17" s="109">
        <v>0</v>
      </c>
      <c r="NV17" s="110">
        <v>0</v>
      </c>
      <c r="NW17" s="111">
        <v>0</v>
      </c>
      <c r="NX17" s="129">
        <v>0</v>
      </c>
      <c r="NY17" s="109">
        <v>0</v>
      </c>
      <c r="NZ17" s="110">
        <v>0</v>
      </c>
      <c r="OA17" s="470">
        <v>0</v>
      </c>
      <c r="OB17" s="109">
        <v>0</v>
      </c>
      <c r="OC17" s="109">
        <v>159856</v>
      </c>
      <c r="OD17" s="109">
        <v>0</v>
      </c>
      <c r="OE17" s="109">
        <v>0</v>
      </c>
      <c r="OF17" s="109">
        <v>0</v>
      </c>
      <c r="OG17" s="110">
        <v>159856</v>
      </c>
      <c r="OH17" s="111">
        <v>159856</v>
      </c>
      <c r="OI17" s="129">
        <v>344016</v>
      </c>
      <c r="OJ17" s="109">
        <v>457009</v>
      </c>
      <c r="OK17" s="128">
        <v>801025</v>
      </c>
      <c r="OL17" s="108">
        <v>0</v>
      </c>
      <c r="OM17" s="109">
        <v>7576775</v>
      </c>
      <c r="ON17" s="109">
        <v>5302123</v>
      </c>
      <c r="OO17" s="109">
        <v>8427869</v>
      </c>
      <c r="OP17" s="109">
        <v>11445322</v>
      </c>
      <c r="OQ17" s="109">
        <v>4402994</v>
      </c>
      <c r="OR17" s="110">
        <v>37155083</v>
      </c>
      <c r="OS17" s="130">
        <v>37956108</v>
      </c>
    </row>
    <row r="18" spans="2:409" ht="21" customHeight="1" x14ac:dyDescent="0.2">
      <c r="B18" s="437" t="s">
        <v>12</v>
      </c>
      <c r="C18" s="100">
        <v>851919</v>
      </c>
      <c r="D18" s="104">
        <v>2013831</v>
      </c>
      <c r="E18" s="103">
        <v>2865750</v>
      </c>
      <c r="F18" s="99">
        <v>0</v>
      </c>
      <c r="G18" s="104">
        <v>6216112</v>
      </c>
      <c r="H18" s="153">
        <v>7345560</v>
      </c>
      <c r="I18" s="153">
        <v>8422856</v>
      </c>
      <c r="J18" s="153">
        <v>7480277</v>
      </c>
      <c r="K18" s="153">
        <v>5886057</v>
      </c>
      <c r="L18" s="102">
        <v>35350862</v>
      </c>
      <c r="M18" s="106">
        <v>38216612</v>
      </c>
      <c r="N18" s="100">
        <v>256597</v>
      </c>
      <c r="O18" s="104">
        <v>739635</v>
      </c>
      <c r="P18" s="103">
        <v>996232</v>
      </c>
      <c r="Q18" s="100">
        <v>0</v>
      </c>
      <c r="R18" s="104">
        <v>2188964</v>
      </c>
      <c r="S18" s="104">
        <v>2368071</v>
      </c>
      <c r="T18" s="104">
        <v>3038292</v>
      </c>
      <c r="U18" s="104">
        <v>2729524</v>
      </c>
      <c r="V18" s="104">
        <v>3246319</v>
      </c>
      <c r="W18" s="103">
        <v>13571170</v>
      </c>
      <c r="X18" s="106">
        <v>14567402</v>
      </c>
      <c r="Y18" s="100">
        <v>0</v>
      </c>
      <c r="Z18" s="104">
        <v>0</v>
      </c>
      <c r="AA18" s="103">
        <v>0</v>
      </c>
      <c r="AB18" s="100">
        <v>0</v>
      </c>
      <c r="AC18" s="104">
        <v>1310563</v>
      </c>
      <c r="AD18" s="104">
        <v>1260408</v>
      </c>
      <c r="AE18" s="104">
        <v>2095309</v>
      </c>
      <c r="AF18" s="104">
        <v>1554763</v>
      </c>
      <c r="AG18" s="104">
        <v>2024443</v>
      </c>
      <c r="AH18" s="103">
        <v>8245486</v>
      </c>
      <c r="AI18" s="106">
        <v>8245486</v>
      </c>
      <c r="AJ18" s="100">
        <v>0</v>
      </c>
      <c r="AK18" s="104">
        <v>0</v>
      </c>
      <c r="AL18" s="103">
        <v>0</v>
      </c>
      <c r="AM18" s="100">
        <v>0</v>
      </c>
      <c r="AN18" s="104">
        <v>0</v>
      </c>
      <c r="AO18" s="104">
        <v>82764</v>
      </c>
      <c r="AP18" s="104">
        <v>81842</v>
      </c>
      <c r="AQ18" s="104">
        <v>270939</v>
      </c>
      <c r="AR18" s="104">
        <v>269719</v>
      </c>
      <c r="AS18" s="103">
        <v>705264</v>
      </c>
      <c r="AT18" s="106">
        <v>705264</v>
      </c>
      <c r="AU18" s="100">
        <v>162383</v>
      </c>
      <c r="AV18" s="104">
        <v>629917</v>
      </c>
      <c r="AW18" s="103">
        <v>792300</v>
      </c>
      <c r="AX18" s="100">
        <v>0</v>
      </c>
      <c r="AY18" s="104">
        <v>686203</v>
      </c>
      <c r="AZ18" s="104">
        <v>622524</v>
      </c>
      <c r="BA18" s="104">
        <v>436609</v>
      </c>
      <c r="BB18" s="104">
        <v>569291</v>
      </c>
      <c r="BC18" s="104">
        <v>755858</v>
      </c>
      <c r="BD18" s="103">
        <v>3070485</v>
      </c>
      <c r="BE18" s="106">
        <v>3862785</v>
      </c>
      <c r="BF18" s="100">
        <v>34672</v>
      </c>
      <c r="BG18" s="104">
        <v>22848</v>
      </c>
      <c r="BH18" s="102">
        <v>57520</v>
      </c>
      <c r="BI18" s="101">
        <v>0</v>
      </c>
      <c r="BJ18" s="104">
        <v>23113</v>
      </c>
      <c r="BK18" s="104">
        <v>84663</v>
      </c>
      <c r="BL18" s="104">
        <v>91913</v>
      </c>
      <c r="BM18" s="104">
        <v>71464</v>
      </c>
      <c r="BN18" s="104">
        <v>0</v>
      </c>
      <c r="BO18" s="103">
        <v>271153</v>
      </c>
      <c r="BP18" s="106">
        <v>328673</v>
      </c>
      <c r="BQ18" s="100">
        <v>59542</v>
      </c>
      <c r="BR18" s="104">
        <v>86870</v>
      </c>
      <c r="BS18" s="103">
        <v>146412</v>
      </c>
      <c r="BT18" s="100">
        <v>0</v>
      </c>
      <c r="BU18" s="104">
        <v>169085</v>
      </c>
      <c r="BV18" s="104">
        <v>317712</v>
      </c>
      <c r="BW18" s="104">
        <v>332619</v>
      </c>
      <c r="BX18" s="104">
        <v>263067</v>
      </c>
      <c r="BY18" s="104">
        <v>196299</v>
      </c>
      <c r="BZ18" s="103">
        <v>1278782</v>
      </c>
      <c r="CA18" s="106">
        <v>1425194</v>
      </c>
      <c r="CB18" s="100">
        <v>243229</v>
      </c>
      <c r="CC18" s="104">
        <v>276585</v>
      </c>
      <c r="CD18" s="103">
        <v>519814</v>
      </c>
      <c r="CE18" s="100">
        <v>0</v>
      </c>
      <c r="CF18" s="104">
        <v>1980170</v>
      </c>
      <c r="CG18" s="104">
        <v>1871519</v>
      </c>
      <c r="CH18" s="104">
        <v>1945848</v>
      </c>
      <c r="CI18" s="104">
        <v>1637390</v>
      </c>
      <c r="CJ18" s="104">
        <v>610708</v>
      </c>
      <c r="CK18" s="103">
        <v>8045635</v>
      </c>
      <c r="CL18" s="106">
        <v>8565449</v>
      </c>
      <c r="CM18" s="100">
        <v>0</v>
      </c>
      <c r="CN18" s="104">
        <v>0</v>
      </c>
      <c r="CO18" s="103">
        <v>0</v>
      </c>
      <c r="CP18" s="101">
        <v>0</v>
      </c>
      <c r="CQ18" s="104">
        <v>1545304</v>
      </c>
      <c r="CR18" s="104">
        <v>1512915</v>
      </c>
      <c r="CS18" s="104">
        <v>1071747</v>
      </c>
      <c r="CT18" s="104">
        <v>1254249</v>
      </c>
      <c r="CU18" s="104">
        <v>610708</v>
      </c>
      <c r="CV18" s="103">
        <v>5994923</v>
      </c>
      <c r="CW18" s="106">
        <v>5994923</v>
      </c>
      <c r="CX18" s="100">
        <v>243229</v>
      </c>
      <c r="CY18" s="104">
        <v>276585</v>
      </c>
      <c r="CZ18" s="103">
        <v>519814</v>
      </c>
      <c r="DA18" s="100">
        <v>0</v>
      </c>
      <c r="DB18" s="104">
        <v>434866</v>
      </c>
      <c r="DC18" s="104">
        <v>358604</v>
      </c>
      <c r="DD18" s="104">
        <v>874101</v>
      </c>
      <c r="DE18" s="104">
        <v>383141</v>
      </c>
      <c r="DF18" s="104">
        <v>0</v>
      </c>
      <c r="DG18" s="103">
        <v>2050712</v>
      </c>
      <c r="DH18" s="106">
        <v>2570526</v>
      </c>
      <c r="DI18" s="100">
        <v>0</v>
      </c>
      <c r="DJ18" s="104">
        <v>14422</v>
      </c>
      <c r="DK18" s="102">
        <v>14422</v>
      </c>
      <c r="DL18" s="101">
        <v>0</v>
      </c>
      <c r="DM18" s="104">
        <v>507998</v>
      </c>
      <c r="DN18" s="104">
        <v>297125</v>
      </c>
      <c r="DO18" s="104">
        <v>951675</v>
      </c>
      <c r="DP18" s="104">
        <v>510444</v>
      </c>
      <c r="DQ18" s="104">
        <v>412574</v>
      </c>
      <c r="DR18" s="103">
        <v>2679816</v>
      </c>
      <c r="DS18" s="106">
        <v>2694238</v>
      </c>
      <c r="DT18" s="100">
        <v>0</v>
      </c>
      <c r="DU18" s="104">
        <v>14422</v>
      </c>
      <c r="DV18" s="103">
        <v>14422</v>
      </c>
      <c r="DW18" s="100">
        <v>0</v>
      </c>
      <c r="DX18" s="104">
        <v>409746</v>
      </c>
      <c r="DY18" s="104">
        <v>297125</v>
      </c>
      <c r="DZ18" s="104">
        <v>921121</v>
      </c>
      <c r="EA18" s="104">
        <v>510444</v>
      </c>
      <c r="EB18" s="104">
        <v>412574</v>
      </c>
      <c r="EC18" s="103">
        <v>2551010</v>
      </c>
      <c r="ED18" s="106">
        <v>2565432</v>
      </c>
      <c r="EE18" s="100">
        <v>0</v>
      </c>
      <c r="EF18" s="102">
        <v>0</v>
      </c>
      <c r="EG18" s="103">
        <v>0</v>
      </c>
      <c r="EH18" s="100">
        <v>0</v>
      </c>
      <c r="EI18" s="104">
        <v>98252</v>
      </c>
      <c r="EJ18" s="104">
        <v>0</v>
      </c>
      <c r="EK18" s="104">
        <v>30554</v>
      </c>
      <c r="EL18" s="104">
        <v>0</v>
      </c>
      <c r="EM18" s="104">
        <v>0</v>
      </c>
      <c r="EN18" s="102">
        <v>128806</v>
      </c>
      <c r="EO18" s="106">
        <v>128806</v>
      </c>
      <c r="EP18" s="100">
        <v>0</v>
      </c>
      <c r="EQ18" s="104">
        <v>0</v>
      </c>
      <c r="ER18" s="102">
        <v>0</v>
      </c>
      <c r="ES18" s="101">
        <v>0</v>
      </c>
      <c r="ET18" s="104">
        <v>0</v>
      </c>
      <c r="EU18" s="104">
        <v>0</v>
      </c>
      <c r="EV18" s="104">
        <v>0</v>
      </c>
      <c r="EW18" s="104">
        <v>0</v>
      </c>
      <c r="EX18" s="104">
        <v>0</v>
      </c>
      <c r="EY18" s="103">
        <v>0</v>
      </c>
      <c r="EZ18" s="106">
        <v>0</v>
      </c>
      <c r="FA18" s="100">
        <v>0</v>
      </c>
      <c r="FB18" s="104">
        <v>0</v>
      </c>
      <c r="FC18" s="102">
        <v>0</v>
      </c>
      <c r="FD18" s="470">
        <v>0</v>
      </c>
      <c r="FE18" s="104">
        <v>0</v>
      </c>
      <c r="FF18" s="104">
        <v>0</v>
      </c>
      <c r="FG18" s="104">
        <v>0</v>
      </c>
      <c r="FH18" s="104">
        <v>0</v>
      </c>
      <c r="FI18" s="104">
        <v>0</v>
      </c>
      <c r="FJ18" s="103">
        <v>0</v>
      </c>
      <c r="FK18" s="106">
        <v>0</v>
      </c>
      <c r="FL18" s="100">
        <v>106659</v>
      </c>
      <c r="FM18" s="104">
        <v>650653</v>
      </c>
      <c r="FN18" s="103">
        <v>757312</v>
      </c>
      <c r="FO18" s="100">
        <v>0</v>
      </c>
      <c r="FP18" s="104">
        <v>287259</v>
      </c>
      <c r="FQ18" s="104">
        <v>538134</v>
      </c>
      <c r="FR18" s="104">
        <v>765639</v>
      </c>
      <c r="FS18" s="104">
        <v>716002</v>
      </c>
      <c r="FT18" s="104">
        <v>495782</v>
      </c>
      <c r="FU18" s="103">
        <v>2802816</v>
      </c>
      <c r="FV18" s="106">
        <v>3560128</v>
      </c>
      <c r="FW18" s="105">
        <v>106659</v>
      </c>
      <c r="FX18" s="104">
        <v>289989</v>
      </c>
      <c r="FY18" s="102">
        <v>396648</v>
      </c>
      <c r="FZ18" s="101">
        <v>0</v>
      </c>
      <c r="GA18" s="104">
        <v>271089</v>
      </c>
      <c r="GB18" s="104">
        <v>489727</v>
      </c>
      <c r="GC18" s="104">
        <v>564858</v>
      </c>
      <c r="GD18" s="104">
        <v>612234</v>
      </c>
      <c r="GE18" s="104">
        <v>441882</v>
      </c>
      <c r="GF18" s="103">
        <v>2379790</v>
      </c>
      <c r="GG18" s="290">
        <v>2776438</v>
      </c>
      <c r="GH18" s="105">
        <v>0</v>
      </c>
      <c r="GI18" s="104">
        <v>33764</v>
      </c>
      <c r="GJ18" s="102">
        <v>33764</v>
      </c>
      <c r="GK18" s="101">
        <v>0</v>
      </c>
      <c r="GL18" s="104">
        <v>16170</v>
      </c>
      <c r="GM18" s="104">
        <v>14352</v>
      </c>
      <c r="GN18" s="104">
        <v>60781</v>
      </c>
      <c r="GO18" s="104">
        <v>18018</v>
      </c>
      <c r="GP18" s="104">
        <v>23100</v>
      </c>
      <c r="GQ18" s="103">
        <v>132421</v>
      </c>
      <c r="GR18" s="106">
        <v>166185</v>
      </c>
      <c r="GS18" s="100">
        <v>0</v>
      </c>
      <c r="GT18" s="104">
        <v>326900</v>
      </c>
      <c r="GU18" s="103">
        <v>326900</v>
      </c>
      <c r="GV18" s="100">
        <v>0</v>
      </c>
      <c r="GW18" s="104">
        <v>0</v>
      </c>
      <c r="GX18" s="104">
        <v>34055</v>
      </c>
      <c r="GY18" s="104">
        <v>140000</v>
      </c>
      <c r="GZ18" s="104">
        <v>85750</v>
      </c>
      <c r="HA18" s="104">
        <v>30800</v>
      </c>
      <c r="HB18" s="102">
        <v>290605</v>
      </c>
      <c r="HC18" s="106">
        <v>617505</v>
      </c>
      <c r="HD18" s="100">
        <v>245434</v>
      </c>
      <c r="HE18" s="104">
        <v>332536</v>
      </c>
      <c r="HF18" s="102">
        <v>577970</v>
      </c>
      <c r="HG18" s="101">
        <v>0</v>
      </c>
      <c r="HH18" s="104">
        <v>1251721</v>
      </c>
      <c r="HI18" s="104">
        <v>2270711</v>
      </c>
      <c r="HJ18" s="104">
        <v>1721402</v>
      </c>
      <c r="HK18" s="104">
        <v>1886917</v>
      </c>
      <c r="HL18" s="104">
        <v>1120674</v>
      </c>
      <c r="HM18" s="103">
        <v>8251425</v>
      </c>
      <c r="HN18" s="99">
        <v>8829395</v>
      </c>
      <c r="HO18" s="456">
        <v>0</v>
      </c>
      <c r="HP18" s="457">
        <v>0</v>
      </c>
      <c r="HQ18" s="458">
        <v>0</v>
      </c>
      <c r="HR18" s="459">
        <v>0</v>
      </c>
      <c r="HS18" s="457">
        <v>0</v>
      </c>
      <c r="HT18" s="457">
        <v>0</v>
      </c>
      <c r="HU18" s="457">
        <v>0</v>
      </c>
      <c r="HV18" s="457">
        <v>0</v>
      </c>
      <c r="HW18" s="457">
        <v>0</v>
      </c>
      <c r="HX18" s="460">
        <v>0</v>
      </c>
      <c r="HY18" s="461">
        <v>0</v>
      </c>
      <c r="HZ18" s="135">
        <v>0</v>
      </c>
      <c r="IA18" s="122">
        <v>0</v>
      </c>
      <c r="IB18" s="135">
        <v>0</v>
      </c>
      <c r="IC18" s="121">
        <v>0</v>
      </c>
      <c r="ID18" s="122">
        <v>1084388</v>
      </c>
      <c r="IE18" s="123">
        <v>1492301</v>
      </c>
      <c r="IF18" s="124">
        <v>1091042</v>
      </c>
      <c r="IG18" s="122">
        <v>846454</v>
      </c>
      <c r="IH18" s="124">
        <v>793891</v>
      </c>
      <c r="II18" s="125">
        <v>5308076</v>
      </c>
      <c r="IJ18" s="135">
        <v>5308076</v>
      </c>
      <c r="IK18" s="215">
        <v>0</v>
      </c>
      <c r="IL18" s="219">
        <v>0</v>
      </c>
      <c r="IM18" s="220">
        <v>0</v>
      </c>
      <c r="IN18" s="470">
        <v>0</v>
      </c>
      <c r="IO18" s="109">
        <v>0</v>
      </c>
      <c r="IP18" s="109">
        <v>0</v>
      </c>
      <c r="IQ18" s="109">
        <v>0</v>
      </c>
      <c r="IR18" s="109">
        <v>0</v>
      </c>
      <c r="IS18" s="109">
        <v>0</v>
      </c>
      <c r="IT18" s="128">
        <v>0</v>
      </c>
      <c r="IU18" s="292">
        <v>0</v>
      </c>
      <c r="IV18" s="129">
        <v>0</v>
      </c>
      <c r="IW18" s="109">
        <v>0</v>
      </c>
      <c r="IX18" s="110">
        <v>0</v>
      </c>
      <c r="IY18" s="470">
        <v>0</v>
      </c>
      <c r="IZ18" s="109">
        <v>0</v>
      </c>
      <c r="JA18" s="109">
        <v>0</v>
      </c>
      <c r="JB18" s="109">
        <v>0</v>
      </c>
      <c r="JC18" s="109">
        <v>0</v>
      </c>
      <c r="JD18" s="109">
        <v>0</v>
      </c>
      <c r="JE18" s="110">
        <v>0</v>
      </c>
      <c r="JF18" s="111">
        <v>0</v>
      </c>
      <c r="JG18" s="129">
        <v>0</v>
      </c>
      <c r="JH18" s="109">
        <v>0</v>
      </c>
      <c r="JI18" s="128">
        <v>0</v>
      </c>
      <c r="JJ18" s="108">
        <v>0</v>
      </c>
      <c r="JK18" s="109">
        <v>651328</v>
      </c>
      <c r="JL18" s="109">
        <v>532214</v>
      </c>
      <c r="JM18" s="109">
        <v>425907</v>
      </c>
      <c r="JN18" s="109">
        <v>131025</v>
      </c>
      <c r="JO18" s="109">
        <v>253441</v>
      </c>
      <c r="JP18" s="110">
        <v>1993915</v>
      </c>
      <c r="JQ18" s="292">
        <v>1993915</v>
      </c>
      <c r="JR18" s="129">
        <v>0</v>
      </c>
      <c r="JS18" s="109">
        <v>0</v>
      </c>
      <c r="JT18" s="128">
        <v>0</v>
      </c>
      <c r="JU18" s="108">
        <v>0</v>
      </c>
      <c r="JV18" s="109">
        <v>0</v>
      </c>
      <c r="JW18" s="109">
        <v>0</v>
      </c>
      <c r="JX18" s="109">
        <v>0</v>
      </c>
      <c r="JY18" s="109">
        <v>0</v>
      </c>
      <c r="JZ18" s="109">
        <v>0</v>
      </c>
      <c r="KA18" s="110">
        <v>0</v>
      </c>
      <c r="KB18" s="292">
        <v>0</v>
      </c>
      <c r="KC18" s="217">
        <v>0</v>
      </c>
      <c r="KD18" s="213">
        <v>0</v>
      </c>
      <c r="KE18" s="110">
        <v>0</v>
      </c>
      <c r="KF18" s="108">
        <v>0</v>
      </c>
      <c r="KG18" s="109">
        <v>216896</v>
      </c>
      <c r="KH18" s="109">
        <v>162454</v>
      </c>
      <c r="KI18" s="109">
        <v>431866</v>
      </c>
      <c r="KJ18" s="109">
        <v>231224</v>
      </c>
      <c r="KK18" s="109">
        <v>0</v>
      </c>
      <c r="KL18" s="110">
        <v>1042440</v>
      </c>
      <c r="KM18" s="130">
        <v>1042440</v>
      </c>
      <c r="KN18" s="215">
        <v>0</v>
      </c>
      <c r="KO18" s="219">
        <v>0</v>
      </c>
      <c r="KP18" s="220">
        <v>0</v>
      </c>
      <c r="KQ18" s="470">
        <v>0</v>
      </c>
      <c r="KR18" s="109">
        <v>216164</v>
      </c>
      <c r="KS18" s="109">
        <v>438137</v>
      </c>
      <c r="KT18" s="109">
        <v>0</v>
      </c>
      <c r="KU18" s="109">
        <v>0</v>
      </c>
      <c r="KV18" s="109">
        <v>233582</v>
      </c>
      <c r="KW18" s="110">
        <v>887883</v>
      </c>
      <c r="KX18" s="292">
        <v>887883</v>
      </c>
      <c r="KY18" s="129">
        <v>0</v>
      </c>
      <c r="KZ18" s="109">
        <v>0</v>
      </c>
      <c r="LA18" s="110">
        <v>0</v>
      </c>
      <c r="LB18" s="470">
        <v>0</v>
      </c>
      <c r="LC18" s="109">
        <v>0</v>
      </c>
      <c r="LD18" s="109">
        <v>164747</v>
      </c>
      <c r="LE18" s="109">
        <v>0</v>
      </c>
      <c r="LF18" s="109">
        <v>198879</v>
      </c>
      <c r="LG18" s="109">
        <v>0</v>
      </c>
      <c r="LH18" s="110">
        <v>363626</v>
      </c>
      <c r="LI18" s="111">
        <v>363626</v>
      </c>
      <c r="LJ18" s="129">
        <v>0</v>
      </c>
      <c r="LK18" s="109">
        <v>0</v>
      </c>
      <c r="LL18" s="110">
        <v>0</v>
      </c>
      <c r="LM18" s="470">
        <v>0</v>
      </c>
      <c r="LN18" s="109">
        <v>0</v>
      </c>
      <c r="LO18" s="109">
        <v>0</v>
      </c>
      <c r="LP18" s="109">
        <v>0</v>
      </c>
      <c r="LQ18" s="109">
        <v>0</v>
      </c>
      <c r="LR18" s="109">
        <v>0</v>
      </c>
      <c r="LS18" s="110">
        <v>0</v>
      </c>
      <c r="LT18" s="292">
        <v>0</v>
      </c>
      <c r="LU18" s="129">
        <v>0</v>
      </c>
      <c r="LV18" s="109">
        <v>0</v>
      </c>
      <c r="LW18" s="110">
        <v>0</v>
      </c>
      <c r="LX18" s="470">
        <v>0</v>
      </c>
      <c r="LY18" s="109">
        <v>0</v>
      </c>
      <c r="LZ18" s="109">
        <v>194749</v>
      </c>
      <c r="MA18" s="109">
        <v>233269</v>
      </c>
      <c r="MB18" s="109">
        <v>285326</v>
      </c>
      <c r="MC18" s="109">
        <v>306868</v>
      </c>
      <c r="MD18" s="110">
        <v>1020212</v>
      </c>
      <c r="ME18" s="111">
        <v>1020212</v>
      </c>
      <c r="MF18" s="129">
        <v>0</v>
      </c>
      <c r="MG18" s="109">
        <v>0</v>
      </c>
      <c r="MH18" s="110">
        <v>0</v>
      </c>
      <c r="MI18" s="470">
        <v>0</v>
      </c>
      <c r="MJ18" s="109">
        <v>0</v>
      </c>
      <c r="MK18" s="109">
        <v>699248</v>
      </c>
      <c r="ML18" s="109">
        <v>796506</v>
      </c>
      <c r="MM18" s="109">
        <v>5032932</v>
      </c>
      <c r="MN18" s="109">
        <v>2093938</v>
      </c>
      <c r="MO18" s="110">
        <v>8622624</v>
      </c>
      <c r="MP18" s="130">
        <v>8622624</v>
      </c>
      <c r="MQ18" s="129">
        <v>0</v>
      </c>
      <c r="MR18" s="109">
        <v>0</v>
      </c>
      <c r="MS18" s="110">
        <v>0</v>
      </c>
      <c r="MT18" s="470">
        <v>0</v>
      </c>
      <c r="MU18" s="109">
        <v>0</v>
      </c>
      <c r="MV18" s="109">
        <v>0</v>
      </c>
      <c r="MW18" s="109">
        <v>230612</v>
      </c>
      <c r="MX18" s="109">
        <v>2400928</v>
      </c>
      <c r="MY18" s="109">
        <v>947848</v>
      </c>
      <c r="MZ18" s="110">
        <v>3579388</v>
      </c>
      <c r="NA18" s="130">
        <v>3579388</v>
      </c>
      <c r="NB18" s="129">
        <v>0</v>
      </c>
      <c r="NC18" s="109">
        <v>0</v>
      </c>
      <c r="ND18" s="110">
        <v>0</v>
      </c>
      <c r="NE18" s="470">
        <v>0</v>
      </c>
      <c r="NF18" s="109">
        <v>0</v>
      </c>
      <c r="NG18" s="109">
        <v>699248</v>
      </c>
      <c r="NH18" s="109">
        <v>565894</v>
      </c>
      <c r="NI18" s="109">
        <v>1985263</v>
      </c>
      <c r="NJ18" s="109">
        <v>1146090</v>
      </c>
      <c r="NK18" s="110">
        <v>4396495</v>
      </c>
      <c r="NL18" s="292">
        <v>4396495</v>
      </c>
      <c r="NM18" s="129">
        <v>0</v>
      </c>
      <c r="NN18" s="109">
        <v>0</v>
      </c>
      <c r="NO18" s="110">
        <v>0</v>
      </c>
      <c r="NP18" s="470">
        <v>0</v>
      </c>
      <c r="NQ18" s="109">
        <v>0</v>
      </c>
      <c r="NR18" s="109">
        <v>0</v>
      </c>
      <c r="NS18" s="109">
        <v>0</v>
      </c>
      <c r="NT18" s="109">
        <v>0</v>
      </c>
      <c r="NU18" s="109">
        <v>0</v>
      </c>
      <c r="NV18" s="110">
        <v>0</v>
      </c>
      <c r="NW18" s="111">
        <v>0</v>
      </c>
      <c r="NX18" s="129">
        <v>0</v>
      </c>
      <c r="NY18" s="109">
        <v>0</v>
      </c>
      <c r="NZ18" s="110">
        <v>0</v>
      </c>
      <c r="OA18" s="470">
        <v>0</v>
      </c>
      <c r="OB18" s="109">
        <v>0</v>
      </c>
      <c r="OC18" s="109">
        <v>0</v>
      </c>
      <c r="OD18" s="109">
        <v>0</v>
      </c>
      <c r="OE18" s="109">
        <v>646741</v>
      </c>
      <c r="OF18" s="109">
        <v>0</v>
      </c>
      <c r="OG18" s="110">
        <v>646741</v>
      </c>
      <c r="OH18" s="111">
        <v>646741</v>
      </c>
      <c r="OI18" s="129">
        <v>851919</v>
      </c>
      <c r="OJ18" s="109">
        <v>2013831</v>
      </c>
      <c r="OK18" s="128">
        <v>2865750</v>
      </c>
      <c r="OL18" s="108">
        <v>0</v>
      </c>
      <c r="OM18" s="109">
        <v>7300500</v>
      </c>
      <c r="ON18" s="109">
        <v>9537109</v>
      </c>
      <c r="OO18" s="109">
        <v>10310404</v>
      </c>
      <c r="OP18" s="109">
        <v>13359663</v>
      </c>
      <c r="OQ18" s="109">
        <v>8773886</v>
      </c>
      <c r="OR18" s="110">
        <v>49281562</v>
      </c>
      <c r="OS18" s="130">
        <v>52147312</v>
      </c>
    </row>
    <row r="19" spans="2:409" ht="21" customHeight="1" x14ac:dyDescent="0.2">
      <c r="B19" s="437" t="s">
        <v>13</v>
      </c>
      <c r="C19" s="100">
        <v>281558</v>
      </c>
      <c r="D19" s="104">
        <v>641468</v>
      </c>
      <c r="E19" s="103">
        <v>923026</v>
      </c>
      <c r="F19" s="100">
        <v>0</v>
      </c>
      <c r="G19" s="153">
        <v>3848780</v>
      </c>
      <c r="H19" s="104">
        <v>5537644</v>
      </c>
      <c r="I19" s="104">
        <v>4183229</v>
      </c>
      <c r="J19" s="104">
        <v>4146426</v>
      </c>
      <c r="K19" s="104">
        <v>4163355</v>
      </c>
      <c r="L19" s="102">
        <v>21879434</v>
      </c>
      <c r="M19" s="106">
        <v>22802460</v>
      </c>
      <c r="N19" s="100">
        <v>83953</v>
      </c>
      <c r="O19" s="104">
        <v>225624</v>
      </c>
      <c r="P19" s="103">
        <v>309577</v>
      </c>
      <c r="Q19" s="100">
        <v>0</v>
      </c>
      <c r="R19" s="104">
        <v>1525833</v>
      </c>
      <c r="S19" s="104">
        <v>2172899</v>
      </c>
      <c r="T19" s="104">
        <v>1553473</v>
      </c>
      <c r="U19" s="104">
        <v>1536797</v>
      </c>
      <c r="V19" s="104">
        <v>2457118</v>
      </c>
      <c r="W19" s="103">
        <v>9246120</v>
      </c>
      <c r="X19" s="106">
        <v>9555697</v>
      </c>
      <c r="Y19" s="100">
        <v>0</v>
      </c>
      <c r="Z19" s="104">
        <v>0</v>
      </c>
      <c r="AA19" s="103">
        <v>0</v>
      </c>
      <c r="AB19" s="100">
        <v>0</v>
      </c>
      <c r="AC19" s="104">
        <v>722572</v>
      </c>
      <c r="AD19" s="104">
        <v>1063573</v>
      </c>
      <c r="AE19" s="104">
        <v>963603</v>
      </c>
      <c r="AF19" s="104">
        <v>917219</v>
      </c>
      <c r="AG19" s="104">
        <v>1450087</v>
      </c>
      <c r="AH19" s="103">
        <v>5117054</v>
      </c>
      <c r="AI19" s="106">
        <v>5117054</v>
      </c>
      <c r="AJ19" s="100">
        <v>0</v>
      </c>
      <c r="AK19" s="104">
        <v>0</v>
      </c>
      <c r="AL19" s="103">
        <v>0</v>
      </c>
      <c r="AM19" s="100">
        <v>0</v>
      </c>
      <c r="AN19" s="104">
        <v>0</v>
      </c>
      <c r="AO19" s="104">
        <v>0</v>
      </c>
      <c r="AP19" s="104">
        <v>0</v>
      </c>
      <c r="AQ19" s="104">
        <v>73953</v>
      </c>
      <c r="AR19" s="104">
        <v>112423</v>
      </c>
      <c r="AS19" s="103">
        <v>186376</v>
      </c>
      <c r="AT19" s="106">
        <v>186376</v>
      </c>
      <c r="AU19" s="100">
        <v>9697</v>
      </c>
      <c r="AV19" s="104">
        <v>125237</v>
      </c>
      <c r="AW19" s="103">
        <v>134934</v>
      </c>
      <c r="AX19" s="100">
        <v>0</v>
      </c>
      <c r="AY19" s="104">
        <v>504819</v>
      </c>
      <c r="AZ19" s="104">
        <v>682318</v>
      </c>
      <c r="BA19" s="104">
        <v>390097</v>
      </c>
      <c r="BB19" s="104">
        <v>253835</v>
      </c>
      <c r="BC19" s="104">
        <v>594320</v>
      </c>
      <c r="BD19" s="103">
        <v>2425389</v>
      </c>
      <c r="BE19" s="106">
        <v>2560323</v>
      </c>
      <c r="BF19" s="100">
        <v>0</v>
      </c>
      <c r="BG19" s="104">
        <v>0</v>
      </c>
      <c r="BH19" s="102">
        <v>0</v>
      </c>
      <c r="BI19" s="101">
        <v>0</v>
      </c>
      <c r="BJ19" s="104">
        <v>19191</v>
      </c>
      <c r="BK19" s="104">
        <v>80760</v>
      </c>
      <c r="BL19" s="104">
        <v>0</v>
      </c>
      <c r="BM19" s="104">
        <v>52985</v>
      </c>
      <c r="BN19" s="104">
        <v>63268</v>
      </c>
      <c r="BO19" s="103">
        <v>216204</v>
      </c>
      <c r="BP19" s="106">
        <v>216204</v>
      </c>
      <c r="BQ19" s="100">
        <v>74256</v>
      </c>
      <c r="BR19" s="104">
        <v>100387</v>
      </c>
      <c r="BS19" s="103">
        <v>174643</v>
      </c>
      <c r="BT19" s="100">
        <v>0</v>
      </c>
      <c r="BU19" s="104">
        <v>279251</v>
      </c>
      <c r="BV19" s="104">
        <v>346248</v>
      </c>
      <c r="BW19" s="104">
        <v>199773</v>
      </c>
      <c r="BX19" s="104">
        <v>238805</v>
      </c>
      <c r="BY19" s="104">
        <v>237020</v>
      </c>
      <c r="BZ19" s="103">
        <v>1301097</v>
      </c>
      <c r="CA19" s="106">
        <v>1475740</v>
      </c>
      <c r="CB19" s="100">
        <v>0</v>
      </c>
      <c r="CC19" s="104">
        <v>31518</v>
      </c>
      <c r="CD19" s="103">
        <v>31518</v>
      </c>
      <c r="CE19" s="100">
        <v>0</v>
      </c>
      <c r="CF19" s="104">
        <v>593687</v>
      </c>
      <c r="CG19" s="104">
        <v>939822</v>
      </c>
      <c r="CH19" s="104">
        <v>814750</v>
      </c>
      <c r="CI19" s="104">
        <v>314759</v>
      </c>
      <c r="CJ19" s="104">
        <v>83924</v>
      </c>
      <c r="CK19" s="103">
        <v>2746942</v>
      </c>
      <c r="CL19" s="106">
        <v>2778460</v>
      </c>
      <c r="CM19" s="100">
        <v>0</v>
      </c>
      <c r="CN19" s="104">
        <v>0</v>
      </c>
      <c r="CO19" s="103">
        <v>0</v>
      </c>
      <c r="CP19" s="101">
        <v>0</v>
      </c>
      <c r="CQ19" s="104">
        <v>498521</v>
      </c>
      <c r="CR19" s="104">
        <v>784262</v>
      </c>
      <c r="CS19" s="104">
        <v>629644</v>
      </c>
      <c r="CT19" s="104">
        <v>68666</v>
      </c>
      <c r="CU19" s="104">
        <v>6348</v>
      </c>
      <c r="CV19" s="103">
        <v>1987441</v>
      </c>
      <c r="CW19" s="106">
        <v>1987441</v>
      </c>
      <c r="CX19" s="100">
        <v>0</v>
      </c>
      <c r="CY19" s="104">
        <v>31518</v>
      </c>
      <c r="CZ19" s="103">
        <v>31518</v>
      </c>
      <c r="DA19" s="100">
        <v>0</v>
      </c>
      <c r="DB19" s="104">
        <v>95166</v>
      </c>
      <c r="DC19" s="104">
        <v>155560</v>
      </c>
      <c r="DD19" s="104">
        <v>185106</v>
      </c>
      <c r="DE19" s="104">
        <v>246093</v>
      </c>
      <c r="DF19" s="104">
        <v>77576</v>
      </c>
      <c r="DG19" s="103">
        <v>759501</v>
      </c>
      <c r="DH19" s="106">
        <v>791019</v>
      </c>
      <c r="DI19" s="100">
        <v>0</v>
      </c>
      <c r="DJ19" s="104">
        <v>0</v>
      </c>
      <c r="DK19" s="102">
        <v>0</v>
      </c>
      <c r="DL19" s="101">
        <v>0</v>
      </c>
      <c r="DM19" s="104">
        <v>31682</v>
      </c>
      <c r="DN19" s="104">
        <v>214953</v>
      </c>
      <c r="DO19" s="104">
        <v>243400</v>
      </c>
      <c r="DP19" s="104">
        <v>96574</v>
      </c>
      <c r="DQ19" s="104">
        <v>0</v>
      </c>
      <c r="DR19" s="103">
        <v>586609</v>
      </c>
      <c r="DS19" s="106">
        <v>586609</v>
      </c>
      <c r="DT19" s="100">
        <v>0</v>
      </c>
      <c r="DU19" s="104">
        <v>0</v>
      </c>
      <c r="DV19" s="103">
        <v>0</v>
      </c>
      <c r="DW19" s="100">
        <v>0</v>
      </c>
      <c r="DX19" s="104">
        <v>31682</v>
      </c>
      <c r="DY19" s="104">
        <v>92140</v>
      </c>
      <c r="DZ19" s="104">
        <v>243400</v>
      </c>
      <c r="EA19" s="104">
        <v>96574</v>
      </c>
      <c r="EB19" s="104">
        <v>0</v>
      </c>
      <c r="EC19" s="103">
        <v>463796</v>
      </c>
      <c r="ED19" s="106">
        <v>463796</v>
      </c>
      <c r="EE19" s="100">
        <v>0</v>
      </c>
      <c r="EF19" s="102">
        <v>0</v>
      </c>
      <c r="EG19" s="103">
        <v>0</v>
      </c>
      <c r="EH19" s="100">
        <v>0</v>
      </c>
      <c r="EI19" s="104">
        <v>0</v>
      </c>
      <c r="EJ19" s="104">
        <v>122813</v>
      </c>
      <c r="EK19" s="104">
        <v>0</v>
      </c>
      <c r="EL19" s="104">
        <v>0</v>
      </c>
      <c r="EM19" s="104">
        <v>0</v>
      </c>
      <c r="EN19" s="102">
        <v>122813</v>
      </c>
      <c r="EO19" s="106">
        <v>122813</v>
      </c>
      <c r="EP19" s="100">
        <v>0</v>
      </c>
      <c r="EQ19" s="104">
        <v>0</v>
      </c>
      <c r="ER19" s="102">
        <v>0</v>
      </c>
      <c r="ES19" s="101">
        <v>0</v>
      </c>
      <c r="ET19" s="104">
        <v>0</v>
      </c>
      <c r="EU19" s="104">
        <v>0</v>
      </c>
      <c r="EV19" s="104">
        <v>0</v>
      </c>
      <c r="EW19" s="104">
        <v>0</v>
      </c>
      <c r="EX19" s="104">
        <v>0</v>
      </c>
      <c r="EY19" s="103">
        <v>0</v>
      </c>
      <c r="EZ19" s="106">
        <v>0</v>
      </c>
      <c r="FA19" s="100">
        <v>0</v>
      </c>
      <c r="FB19" s="104">
        <v>0</v>
      </c>
      <c r="FC19" s="102">
        <v>0</v>
      </c>
      <c r="FD19" s="470">
        <v>0</v>
      </c>
      <c r="FE19" s="104">
        <v>0</v>
      </c>
      <c r="FF19" s="104">
        <v>0</v>
      </c>
      <c r="FG19" s="104">
        <v>0</v>
      </c>
      <c r="FH19" s="104">
        <v>0</v>
      </c>
      <c r="FI19" s="104">
        <v>0</v>
      </c>
      <c r="FJ19" s="103">
        <v>0</v>
      </c>
      <c r="FK19" s="106">
        <v>0</v>
      </c>
      <c r="FL19" s="100">
        <v>6300</v>
      </c>
      <c r="FM19" s="104">
        <v>127750</v>
      </c>
      <c r="FN19" s="103">
        <v>134050</v>
      </c>
      <c r="FO19" s="100">
        <v>0</v>
      </c>
      <c r="FP19" s="104">
        <v>119679</v>
      </c>
      <c r="FQ19" s="104">
        <v>622510</v>
      </c>
      <c r="FR19" s="104">
        <v>409377</v>
      </c>
      <c r="FS19" s="104">
        <v>250383</v>
      </c>
      <c r="FT19" s="104">
        <v>262150</v>
      </c>
      <c r="FU19" s="103">
        <v>1664099</v>
      </c>
      <c r="FV19" s="106">
        <v>1798149</v>
      </c>
      <c r="FW19" s="105">
        <v>6300</v>
      </c>
      <c r="FX19" s="104">
        <v>127750</v>
      </c>
      <c r="FY19" s="102">
        <v>134050</v>
      </c>
      <c r="FZ19" s="101">
        <v>0</v>
      </c>
      <c r="GA19" s="104">
        <v>119679</v>
      </c>
      <c r="GB19" s="104">
        <v>388640</v>
      </c>
      <c r="GC19" s="104">
        <v>342545</v>
      </c>
      <c r="GD19" s="104">
        <v>250383</v>
      </c>
      <c r="GE19" s="104">
        <v>262150</v>
      </c>
      <c r="GF19" s="103">
        <v>1363397</v>
      </c>
      <c r="GG19" s="290">
        <v>1497447</v>
      </c>
      <c r="GH19" s="105">
        <v>0</v>
      </c>
      <c r="GI19" s="104">
        <v>0</v>
      </c>
      <c r="GJ19" s="102">
        <v>0</v>
      </c>
      <c r="GK19" s="101">
        <v>0</v>
      </c>
      <c r="GL19" s="104">
        <v>0</v>
      </c>
      <c r="GM19" s="104">
        <v>16170</v>
      </c>
      <c r="GN19" s="104">
        <v>66832</v>
      </c>
      <c r="GO19" s="104">
        <v>0</v>
      </c>
      <c r="GP19" s="104">
        <v>0</v>
      </c>
      <c r="GQ19" s="103">
        <v>83002</v>
      </c>
      <c r="GR19" s="106">
        <v>83002</v>
      </c>
      <c r="GS19" s="100">
        <v>0</v>
      </c>
      <c r="GT19" s="104">
        <v>0</v>
      </c>
      <c r="GU19" s="103">
        <v>0</v>
      </c>
      <c r="GV19" s="100">
        <v>0</v>
      </c>
      <c r="GW19" s="104">
        <v>0</v>
      </c>
      <c r="GX19" s="104">
        <v>217700</v>
      </c>
      <c r="GY19" s="104">
        <v>0</v>
      </c>
      <c r="GZ19" s="104">
        <v>0</v>
      </c>
      <c r="HA19" s="104">
        <v>0</v>
      </c>
      <c r="HB19" s="102">
        <v>217700</v>
      </c>
      <c r="HC19" s="106">
        <v>217700</v>
      </c>
      <c r="HD19" s="100">
        <v>191305</v>
      </c>
      <c r="HE19" s="104">
        <v>256576</v>
      </c>
      <c r="HF19" s="102">
        <v>447881</v>
      </c>
      <c r="HG19" s="101">
        <v>0</v>
      </c>
      <c r="HH19" s="104">
        <v>1577899</v>
      </c>
      <c r="HI19" s="104">
        <v>1587460</v>
      </c>
      <c r="HJ19" s="104">
        <v>1162229</v>
      </c>
      <c r="HK19" s="104">
        <v>1947913</v>
      </c>
      <c r="HL19" s="104">
        <v>1360163</v>
      </c>
      <c r="HM19" s="103">
        <v>7635664</v>
      </c>
      <c r="HN19" s="99">
        <v>8083545</v>
      </c>
      <c r="HO19" s="456">
        <v>0</v>
      </c>
      <c r="HP19" s="457">
        <v>0</v>
      </c>
      <c r="HQ19" s="458">
        <v>0</v>
      </c>
      <c r="HR19" s="459">
        <v>0</v>
      </c>
      <c r="HS19" s="457">
        <v>0</v>
      </c>
      <c r="HT19" s="457">
        <v>0</v>
      </c>
      <c r="HU19" s="457">
        <v>0</v>
      </c>
      <c r="HV19" s="457">
        <v>0</v>
      </c>
      <c r="HW19" s="457">
        <v>0</v>
      </c>
      <c r="HX19" s="460">
        <v>0</v>
      </c>
      <c r="HY19" s="461">
        <v>0</v>
      </c>
      <c r="HZ19" s="118">
        <v>0</v>
      </c>
      <c r="IA19" s="119">
        <v>0</v>
      </c>
      <c r="IB19" s="120">
        <v>0</v>
      </c>
      <c r="IC19" s="131">
        <v>0</v>
      </c>
      <c r="ID19" s="119">
        <v>497869</v>
      </c>
      <c r="IE19" s="132">
        <v>557744</v>
      </c>
      <c r="IF19" s="120">
        <v>519523</v>
      </c>
      <c r="IG19" s="119">
        <v>454166</v>
      </c>
      <c r="IH19" s="120">
        <v>101659</v>
      </c>
      <c r="II19" s="133">
        <v>2130961</v>
      </c>
      <c r="IJ19" s="126">
        <v>2130961</v>
      </c>
      <c r="IK19" s="215">
        <v>0</v>
      </c>
      <c r="IL19" s="219">
        <v>0</v>
      </c>
      <c r="IM19" s="220">
        <v>0</v>
      </c>
      <c r="IN19" s="470">
        <v>0</v>
      </c>
      <c r="IO19" s="109">
        <v>0</v>
      </c>
      <c r="IP19" s="109">
        <v>0</v>
      </c>
      <c r="IQ19" s="109">
        <v>0</v>
      </c>
      <c r="IR19" s="109">
        <v>0</v>
      </c>
      <c r="IS19" s="109">
        <v>0</v>
      </c>
      <c r="IT19" s="128">
        <v>0</v>
      </c>
      <c r="IU19" s="292">
        <v>0</v>
      </c>
      <c r="IV19" s="129">
        <v>0</v>
      </c>
      <c r="IW19" s="109">
        <v>0</v>
      </c>
      <c r="IX19" s="110">
        <v>0</v>
      </c>
      <c r="IY19" s="470">
        <v>0</v>
      </c>
      <c r="IZ19" s="109">
        <v>0</v>
      </c>
      <c r="JA19" s="109">
        <v>0</v>
      </c>
      <c r="JB19" s="109">
        <v>0</v>
      </c>
      <c r="JC19" s="109">
        <v>0</v>
      </c>
      <c r="JD19" s="109">
        <v>0</v>
      </c>
      <c r="JE19" s="110">
        <v>0</v>
      </c>
      <c r="JF19" s="111">
        <v>0</v>
      </c>
      <c r="JG19" s="129">
        <v>0</v>
      </c>
      <c r="JH19" s="109">
        <v>0</v>
      </c>
      <c r="JI19" s="128">
        <v>0</v>
      </c>
      <c r="JJ19" s="108">
        <v>0</v>
      </c>
      <c r="JK19" s="109">
        <v>246012</v>
      </c>
      <c r="JL19" s="109">
        <v>557744</v>
      </c>
      <c r="JM19" s="109">
        <v>310387</v>
      </c>
      <c r="JN19" s="109">
        <v>264795</v>
      </c>
      <c r="JO19" s="109">
        <v>101659</v>
      </c>
      <c r="JP19" s="110">
        <v>1480597</v>
      </c>
      <c r="JQ19" s="292">
        <v>1480597</v>
      </c>
      <c r="JR19" s="129">
        <v>0</v>
      </c>
      <c r="JS19" s="109">
        <v>0</v>
      </c>
      <c r="JT19" s="128">
        <v>0</v>
      </c>
      <c r="JU19" s="108">
        <v>0</v>
      </c>
      <c r="JV19" s="109">
        <v>36295</v>
      </c>
      <c r="JW19" s="109">
        <v>0</v>
      </c>
      <c r="JX19" s="109">
        <v>0</v>
      </c>
      <c r="JY19" s="109">
        <v>0</v>
      </c>
      <c r="JZ19" s="109">
        <v>0</v>
      </c>
      <c r="KA19" s="110">
        <v>36295</v>
      </c>
      <c r="KB19" s="292">
        <v>36295</v>
      </c>
      <c r="KC19" s="217">
        <v>0</v>
      </c>
      <c r="KD19" s="213">
        <v>0</v>
      </c>
      <c r="KE19" s="110">
        <v>0</v>
      </c>
      <c r="KF19" s="108">
        <v>0</v>
      </c>
      <c r="KG19" s="109">
        <v>0</v>
      </c>
      <c r="KH19" s="109">
        <v>0</v>
      </c>
      <c r="KI19" s="109">
        <v>209136</v>
      </c>
      <c r="KJ19" s="109">
        <v>0</v>
      </c>
      <c r="KK19" s="109">
        <v>0</v>
      </c>
      <c r="KL19" s="110">
        <v>209136</v>
      </c>
      <c r="KM19" s="130">
        <v>209136</v>
      </c>
      <c r="KN19" s="215">
        <v>0</v>
      </c>
      <c r="KO19" s="219">
        <v>0</v>
      </c>
      <c r="KP19" s="220">
        <v>0</v>
      </c>
      <c r="KQ19" s="470">
        <v>0</v>
      </c>
      <c r="KR19" s="109">
        <v>215562</v>
      </c>
      <c r="KS19" s="109">
        <v>0</v>
      </c>
      <c r="KT19" s="109">
        <v>0</v>
      </c>
      <c r="KU19" s="109">
        <v>0</v>
      </c>
      <c r="KV19" s="109">
        <v>0</v>
      </c>
      <c r="KW19" s="110">
        <v>215562</v>
      </c>
      <c r="KX19" s="292">
        <v>215562</v>
      </c>
      <c r="KY19" s="129">
        <v>0</v>
      </c>
      <c r="KZ19" s="109">
        <v>0</v>
      </c>
      <c r="LA19" s="110">
        <v>0</v>
      </c>
      <c r="LB19" s="470">
        <v>0</v>
      </c>
      <c r="LC19" s="109">
        <v>0</v>
      </c>
      <c r="LD19" s="109">
        <v>0</v>
      </c>
      <c r="LE19" s="109">
        <v>0</v>
      </c>
      <c r="LF19" s="109">
        <v>189371</v>
      </c>
      <c r="LG19" s="109">
        <v>0</v>
      </c>
      <c r="LH19" s="110">
        <v>189371</v>
      </c>
      <c r="LI19" s="111">
        <v>189371</v>
      </c>
      <c r="LJ19" s="129">
        <v>0</v>
      </c>
      <c r="LK19" s="109">
        <v>0</v>
      </c>
      <c r="LL19" s="110">
        <v>0</v>
      </c>
      <c r="LM19" s="470">
        <v>0</v>
      </c>
      <c r="LN19" s="109">
        <v>0</v>
      </c>
      <c r="LO19" s="109">
        <v>0</v>
      </c>
      <c r="LP19" s="109">
        <v>0</v>
      </c>
      <c r="LQ19" s="109">
        <v>0</v>
      </c>
      <c r="LR19" s="109">
        <v>0</v>
      </c>
      <c r="LS19" s="110">
        <v>0</v>
      </c>
      <c r="LT19" s="292">
        <v>0</v>
      </c>
      <c r="LU19" s="129">
        <v>0</v>
      </c>
      <c r="LV19" s="109">
        <v>0</v>
      </c>
      <c r="LW19" s="110">
        <v>0</v>
      </c>
      <c r="LX19" s="470">
        <v>0</v>
      </c>
      <c r="LY19" s="109">
        <v>0</v>
      </c>
      <c r="LZ19" s="109">
        <v>0</v>
      </c>
      <c r="MA19" s="109">
        <v>0</v>
      </c>
      <c r="MB19" s="109">
        <v>0</v>
      </c>
      <c r="MC19" s="109">
        <v>0</v>
      </c>
      <c r="MD19" s="110">
        <v>0</v>
      </c>
      <c r="ME19" s="111">
        <v>0</v>
      </c>
      <c r="MF19" s="129">
        <v>0</v>
      </c>
      <c r="MG19" s="109">
        <v>0</v>
      </c>
      <c r="MH19" s="110">
        <v>0</v>
      </c>
      <c r="MI19" s="470">
        <v>0</v>
      </c>
      <c r="MJ19" s="109">
        <v>0</v>
      </c>
      <c r="MK19" s="109">
        <v>268116</v>
      </c>
      <c r="ML19" s="109">
        <v>258952</v>
      </c>
      <c r="MM19" s="109">
        <v>1714302</v>
      </c>
      <c r="MN19" s="109">
        <v>1729778</v>
      </c>
      <c r="MO19" s="110">
        <v>3971148</v>
      </c>
      <c r="MP19" s="130">
        <v>3971148</v>
      </c>
      <c r="MQ19" s="129">
        <v>0</v>
      </c>
      <c r="MR19" s="109">
        <v>0</v>
      </c>
      <c r="MS19" s="110">
        <v>0</v>
      </c>
      <c r="MT19" s="470">
        <v>0</v>
      </c>
      <c r="MU19" s="109">
        <v>0</v>
      </c>
      <c r="MV19" s="109">
        <v>0</v>
      </c>
      <c r="MW19" s="109">
        <v>0</v>
      </c>
      <c r="MX19" s="109">
        <v>1433721</v>
      </c>
      <c r="MY19" s="109">
        <v>1283541</v>
      </c>
      <c r="MZ19" s="110">
        <v>2717262</v>
      </c>
      <c r="NA19" s="130">
        <v>2717262</v>
      </c>
      <c r="NB19" s="129">
        <v>0</v>
      </c>
      <c r="NC19" s="109">
        <v>0</v>
      </c>
      <c r="ND19" s="110">
        <v>0</v>
      </c>
      <c r="NE19" s="470">
        <v>0</v>
      </c>
      <c r="NF19" s="109">
        <v>0</v>
      </c>
      <c r="NG19" s="109">
        <v>268116</v>
      </c>
      <c r="NH19" s="109">
        <v>258952</v>
      </c>
      <c r="NI19" s="109">
        <v>280581</v>
      </c>
      <c r="NJ19" s="109">
        <v>446237</v>
      </c>
      <c r="NK19" s="110">
        <v>1253886</v>
      </c>
      <c r="NL19" s="292">
        <v>1253886</v>
      </c>
      <c r="NM19" s="129">
        <v>0</v>
      </c>
      <c r="NN19" s="109">
        <v>0</v>
      </c>
      <c r="NO19" s="110">
        <v>0</v>
      </c>
      <c r="NP19" s="470">
        <v>0</v>
      </c>
      <c r="NQ19" s="109">
        <v>0</v>
      </c>
      <c r="NR19" s="109">
        <v>0</v>
      </c>
      <c r="NS19" s="109">
        <v>0</v>
      </c>
      <c r="NT19" s="109">
        <v>0</v>
      </c>
      <c r="NU19" s="109">
        <v>0</v>
      </c>
      <c r="NV19" s="110">
        <v>0</v>
      </c>
      <c r="NW19" s="111">
        <v>0</v>
      </c>
      <c r="NX19" s="129">
        <v>0</v>
      </c>
      <c r="NY19" s="109">
        <v>0</v>
      </c>
      <c r="NZ19" s="110">
        <v>0</v>
      </c>
      <c r="OA19" s="470">
        <v>0</v>
      </c>
      <c r="OB19" s="109">
        <v>0</v>
      </c>
      <c r="OC19" s="109">
        <v>0</v>
      </c>
      <c r="OD19" s="109">
        <v>0</v>
      </c>
      <c r="OE19" s="109">
        <v>0</v>
      </c>
      <c r="OF19" s="109">
        <v>0</v>
      </c>
      <c r="OG19" s="110">
        <v>0</v>
      </c>
      <c r="OH19" s="111">
        <v>0</v>
      </c>
      <c r="OI19" s="129">
        <v>281558</v>
      </c>
      <c r="OJ19" s="109">
        <v>641468</v>
      </c>
      <c r="OK19" s="128">
        <v>923026</v>
      </c>
      <c r="OL19" s="108">
        <v>0</v>
      </c>
      <c r="OM19" s="109">
        <v>4346649</v>
      </c>
      <c r="ON19" s="109">
        <v>6363504</v>
      </c>
      <c r="OO19" s="109">
        <v>4961704</v>
      </c>
      <c r="OP19" s="109">
        <v>6314894</v>
      </c>
      <c r="OQ19" s="109">
        <v>5994792</v>
      </c>
      <c r="OR19" s="110">
        <v>27981543</v>
      </c>
      <c r="OS19" s="130">
        <v>28904569</v>
      </c>
    </row>
    <row r="20" spans="2:409" ht="21" customHeight="1" x14ac:dyDescent="0.2">
      <c r="B20" s="437" t="s">
        <v>15</v>
      </c>
      <c r="C20" s="100">
        <v>53997</v>
      </c>
      <c r="D20" s="104">
        <v>129622</v>
      </c>
      <c r="E20" s="103">
        <v>183619</v>
      </c>
      <c r="F20" s="99">
        <v>0</v>
      </c>
      <c r="G20" s="104">
        <v>1292670</v>
      </c>
      <c r="H20" s="104">
        <v>1522705</v>
      </c>
      <c r="I20" s="104">
        <v>1396636</v>
      </c>
      <c r="J20" s="104">
        <v>1517119</v>
      </c>
      <c r="K20" s="104">
        <v>793598</v>
      </c>
      <c r="L20" s="99">
        <v>6522728</v>
      </c>
      <c r="M20" s="106">
        <v>6706347</v>
      </c>
      <c r="N20" s="100">
        <v>0</v>
      </c>
      <c r="O20" s="104">
        <v>19839</v>
      </c>
      <c r="P20" s="103">
        <v>19839</v>
      </c>
      <c r="Q20" s="100">
        <v>0</v>
      </c>
      <c r="R20" s="104">
        <v>265713</v>
      </c>
      <c r="S20" s="104">
        <v>487429</v>
      </c>
      <c r="T20" s="104">
        <v>40019</v>
      </c>
      <c r="U20" s="104">
        <v>502128</v>
      </c>
      <c r="V20" s="104">
        <v>357470</v>
      </c>
      <c r="W20" s="103">
        <v>1652759</v>
      </c>
      <c r="X20" s="106">
        <v>1672598</v>
      </c>
      <c r="Y20" s="100">
        <v>0</v>
      </c>
      <c r="Z20" s="104">
        <v>0</v>
      </c>
      <c r="AA20" s="103">
        <v>0</v>
      </c>
      <c r="AB20" s="100">
        <v>0</v>
      </c>
      <c r="AC20" s="104">
        <v>146691</v>
      </c>
      <c r="AD20" s="104">
        <v>291443</v>
      </c>
      <c r="AE20" s="104">
        <v>0</v>
      </c>
      <c r="AF20" s="104">
        <v>249838</v>
      </c>
      <c r="AG20" s="104">
        <v>50459</v>
      </c>
      <c r="AH20" s="103">
        <v>738431</v>
      </c>
      <c r="AI20" s="106">
        <v>738431</v>
      </c>
      <c r="AJ20" s="100">
        <v>0</v>
      </c>
      <c r="AK20" s="104">
        <v>0</v>
      </c>
      <c r="AL20" s="103">
        <v>0</v>
      </c>
      <c r="AM20" s="100">
        <v>0</v>
      </c>
      <c r="AN20" s="104">
        <v>0</v>
      </c>
      <c r="AO20" s="104">
        <v>0</v>
      </c>
      <c r="AP20" s="104">
        <v>0</v>
      </c>
      <c r="AQ20" s="104">
        <v>40917</v>
      </c>
      <c r="AR20" s="104">
        <v>122759</v>
      </c>
      <c r="AS20" s="103">
        <v>163676</v>
      </c>
      <c r="AT20" s="106">
        <v>163676</v>
      </c>
      <c r="AU20" s="100">
        <v>0</v>
      </c>
      <c r="AV20" s="104">
        <v>15667</v>
      </c>
      <c r="AW20" s="103">
        <v>15667</v>
      </c>
      <c r="AX20" s="100">
        <v>0</v>
      </c>
      <c r="AY20" s="104">
        <v>60355</v>
      </c>
      <c r="AZ20" s="104">
        <v>105050</v>
      </c>
      <c r="BA20" s="104">
        <v>0</v>
      </c>
      <c r="BB20" s="104">
        <v>124972</v>
      </c>
      <c r="BC20" s="104">
        <v>122198</v>
      </c>
      <c r="BD20" s="103">
        <v>412575</v>
      </c>
      <c r="BE20" s="106">
        <v>428242</v>
      </c>
      <c r="BF20" s="100">
        <v>0</v>
      </c>
      <c r="BG20" s="104">
        <v>0</v>
      </c>
      <c r="BH20" s="102">
        <v>0</v>
      </c>
      <c r="BI20" s="101">
        <v>0</v>
      </c>
      <c r="BJ20" s="104">
        <v>0</v>
      </c>
      <c r="BK20" s="104">
        <v>27159</v>
      </c>
      <c r="BL20" s="104">
        <v>0</v>
      </c>
      <c r="BM20" s="104">
        <v>0</v>
      </c>
      <c r="BN20" s="104">
        <v>20369</v>
      </c>
      <c r="BO20" s="103">
        <v>47528</v>
      </c>
      <c r="BP20" s="106">
        <v>47528</v>
      </c>
      <c r="BQ20" s="100">
        <v>0</v>
      </c>
      <c r="BR20" s="104">
        <v>4172</v>
      </c>
      <c r="BS20" s="103">
        <v>4172</v>
      </c>
      <c r="BT20" s="100">
        <v>0</v>
      </c>
      <c r="BU20" s="104">
        <v>58667</v>
      </c>
      <c r="BV20" s="104">
        <v>63777</v>
      </c>
      <c r="BW20" s="104">
        <v>40019</v>
      </c>
      <c r="BX20" s="104">
        <v>86401</v>
      </c>
      <c r="BY20" s="104">
        <v>41685</v>
      </c>
      <c r="BZ20" s="103">
        <v>290549</v>
      </c>
      <c r="CA20" s="106">
        <v>294721</v>
      </c>
      <c r="CB20" s="100">
        <v>0</v>
      </c>
      <c r="CC20" s="104">
        <v>0</v>
      </c>
      <c r="CD20" s="103">
        <v>0</v>
      </c>
      <c r="CE20" s="100">
        <v>0</v>
      </c>
      <c r="CF20" s="104">
        <v>144144</v>
      </c>
      <c r="CG20" s="104">
        <v>297446</v>
      </c>
      <c r="CH20" s="104">
        <v>482630</v>
      </c>
      <c r="CI20" s="104">
        <v>242798</v>
      </c>
      <c r="CJ20" s="104">
        <v>89859</v>
      </c>
      <c r="CK20" s="103">
        <v>1256877</v>
      </c>
      <c r="CL20" s="106">
        <v>1256877</v>
      </c>
      <c r="CM20" s="100">
        <v>0</v>
      </c>
      <c r="CN20" s="104">
        <v>0</v>
      </c>
      <c r="CO20" s="103">
        <v>0</v>
      </c>
      <c r="CP20" s="101">
        <v>0</v>
      </c>
      <c r="CQ20" s="104">
        <v>131964</v>
      </c>
      <c r="CR20" s="104">
        <v>172395</v>
      </c>
      <c r="CS20" s="104">
        <v>363630</v>
      </c>
      <c r="CT20" s="104">
        <v>86834</v>
      </c>
      <c r="CU20" s="104">
        <v>0</v>
      </c>
      <c r="CV20" s="103">
        <v>754823</v>
      </c>
      <c r="CW20" s="106">
        <v>754823</v>
      </c>
      <c r="CX20" s="100">
        <v>0</v>
      </c>
      <c r="CY20" s="104">
        <v>0</v>
      </c>
      <c r="CZ20" s="103">
        <v>0</v>
      </c>
      <c r="DA20" s="100">
        <v>0</v>
      </c>
      <c r="DB20" s="104">
        <v>12180</v>
      </c>
      <c r="DC20" s="104">
        <v>125051</v>
      </c>
      <c r="DD20" s="104">
        <v>119000</v>
      </c>
      <c r="DE20" s="104">
        <v>155964</v>
      </c>
      <c r="DF20" s="104">
        <v>89859</v>
      </c>
      <c r="DG20" s="103">
        <v>502054</v>
      </c>
      <c r="DH20" s="106">
        <v>502054</v>
      </c>
      <c r="DI20" s="100">
        <v>0</v>
      </c>
      <c r="DJ20" s="104">
        <v>0</v>
      </c>
      <c r="DK20" s="102">
        <v>0</v>
      </c>
      <c r="DL20" s="101">
        <v>0</v>
      </c>
      <c r="DM20" s="104">
        <v>0</v>
      </c>
      <c r="DN20" s="104">
        <v>167787</v>
      </c>
      <c r="DO20" s="104">
        <v>294249</v>
      </c>
      <c r="DP20" s="104">
        <v>52104</v>
      </c>
      <c r="DQ20" s="104">
        <v>59035</v>
      </c>
      <c r="DR20" s="103">
        <v>573175</v>
      </c>
      <c r="DS20" s="106">
        <v>573175</v>
      </c>
      <c r="DT20" s="100">
        <v>0</v>
      </c>
      <c r="DU20" s="104">
        <v>0</v>
      </c>
      <c r="DV20" s="103">
        <v>0</v>
      </c>
      <c r="DW20" s="100">
        <v>0</v>
      </c>
      <c r="DX20" s="104">
        <v>0</v>
      </c>
      <c r="DY20" s="104">
        <v>167787</v>
      </c>
      <c r="DZ20" s="104">
        <v>263624</v>
      </c>
      <c r="EA20" s="104">
        <v>52104</v>
      </c>
      <c r="EB20" s="104">
        <v>59035</v>
      </c>
      <c r="EC20" s="103">
        <v>542550</v>
      </c>
      <c r="ED20" s="106">
        <v>542550</v>
      </c>
      <c r="EE20" s="100">
        <v>0</v>
      </c>
      <c r="EF20" s="102">
        <v>0</v>
      </c>
      <c r="EG20" s="103">
        <v>0</v>
      </c>
      <c r="EH20" s="100">
        <v>0</v>
      </c>
      <c r="EI20" s="104">
        <v>0</v>
      </c>
      <c r="EJ20" s="104">
        <v>0</v>
      </c>
      <c r="EK20" s="104">
        <v>30625</v>
      </c>
      <c r="EL20" s="104">
        <v>0</v>
      </c>
      <c r="EM20" s="104">
        <v>0</v>
      </c>
      <c r="EN20" s="102">
        <v>30625</v>
      </c>
      <c r="EO20" s="106">
        <v>30625</v>
      </c>
      <c r="EP20" s="100">
        <v>0</v>
      </c>
      <c r="EQ20" s="104">
        <v>0</v>
      </c>
      <c r="ER20" s="102">
        <v>0</v>
      </c>
      <c r="ES20" s="101">
        <v>0</v>
      </c>
      <c r="ET20" s="104">
        <v>0</v>
      </c>
      <c r="EU20" s="104">
        <v>0</v>
      </c>
      <c r="EV20" s="104">
        <v>0</v>
      </c>
      <c r="EW20" s="104">
        <v>0</v>
      </c>
      <c r="EX20" s="104">
        <v>0</v>
      </c>
      <c r="EY20" s="103">
        <v>0</v>
      </c>
      <c r="EZ20" s="106">
        <v>0</v>
      </c>
      <c r="FA20" s="100">
        <v>0</v>
      </c>
      <c r="FB20" s="104">
        <v>0</v>
      </c>
      <c r="FC20" s="102">
        <v>0</v>
      </c>
      <c r="FD20" s="470">
        <v>0</v>
      </c>
      <c r="FE20" s="104">
        <v>0</v>
      </c>
      <c r="FF20" s="104">
        <v>0</v>
      </c>
      <c r="FG20" s="104">
        <v>0</v>
      </c>
      <c r="FH20" s="104">
        <v>0</v>
      </c>
      <c r="FI20" s="104">
        <v>0</v>
      </c>
      <c r="FJ20" s="103">
        <v>0</v>
      </c>
      <c r="FK20" s="106">
        <v>0</v>
      </c>
      <c r="FL20" s="100">
        <v>2100</v>
      </c>
      <c r="FM20" s="104">
        <v>25830</v>
      </c>
      <c r="FN20" s="103">
        <v>27930</v>
      </c>
      <c r="FO20" s="100">
        <v>0</v>
      </c>
      <c r="FP20" s="104">
        <v>33544</v>
      </c>
      <c r="FQ20" s="104">
        <v>105448</v>
      </c>
      <c r="FR20" s="104">
        <v>52570</v>
      </c>
      <c r="FS20" s="104">
        <v>149856</v>
      </c>
      <c r="FT20" s="104">
        <v>65422</v>
      </c>
      <c r="FU20" s="103">
        <v>406840</v>
      </c>
      <c r="FV20" s="106">
        <v>434770</v>
      </c>
      <c r="FW20" s="105">
        <v>2100</v>
      </c>
      <c r="FX20" s="104">
        <v>25830</v>
      </c>
      <c r="FY20" s="102">
        <v>27930</v>
      </c>
      <c r="FZ20" s="101">
        <v>0</v>
      </c>
      <c r="GA20" s="104">
        <v>33544</v>
      </c>
      <c r="GB20" s="104">
        <v>105448</v>
      </c>
      <c r="GC20" s="104">
        <v>52570</v>
      </c>
      <c r="GD20" s="104">
        <v>149856</v>
      </c>
      <c r="GE20" s="104">
        <v>65422</v>
      </c>
      <c r="GF20" s="103">
        <v>406840</v>
      </c>
      <c r="GG20" s="290">
        <v>434770</v>
      </c>
      <c r="GH20" s="105">
        <v>0</v>
      </c>
      <c r="GI20" s="104">
        <v>0</v>
      </c>
      <c r="GJ20" s="102">
        <v>0</v>
      </c>
      <c r="GK20" s="101">
        <v>0</v>
      </c>
      <c r="GL20" s="104">
        <v>0</v>
      </c>
      <c r="GM20" s="104">
        <v>0</v>
      </c>
      <c r="GN20" s="104">
        <v>0</v>
      </c>
      <c r="GO20" s="104">
        <v>0</v>
      </c>
      <c r="GP20" s="104">
        <v>0</v>
      </c>
      <c r="GQ20" s="103">
        <v>0</v>
      </c>
      <c r="GR20" s="106">
        <v>0</v>
      </c>
      <c r="GS20" s="100">
        <v>0</v>
      </c>
      <c r="GT20" s="104">
        <v>0</v>
      </c>
      <c r="GU20" s="103">
        <v>0</v>
      </c>
      <c r="GV20" s="100">
        <v>0</v>
      </c>
      <c r="GW20" s="104">
        <v>0</v>
      </c>
      <c r="GX20" s="104">
        <v>0</v>
      </c>
      <c r="GY20" s="104">
        <v>0</v>
      </c>
      <c r="GZ20" s="104">
        <v>0</v>
      </c>
      <c r="HA20" s="104">
        <v>0</v>
      </c>
      <c r="HB20" s="102">
        <v>0</v>
      </c>
      <c r="HC20" s="106">
        <v>0</v>
      </c>
      <c r="HD20" s="100">
        <v>51897</v>
      </c>
      <c r="HE20" s="104">
        <v>83953</v>
      </c>
      <c r="HF20" s="102">
        <v>135850</v>
      </c>
      <c r="HG20" s="101">
        <v>0</v>
      </c>
      <c r="HH20" s="104">
        <v>849269</v>
      </c>
      <c r="HI20" s="104">
        <v>464595</v>
      </c>
      <c r="HJ20" s="104">
        <v>527168</v>
      </c>
      <c r="HK20" s="104">
        <v>570233</v>
      </c>
      <c r="HL20" s="104">
        <v>221812</v>
      </c>
      <c r="HM20" s="103">
        <v>2633077</v>
      </c>
      <c r="HN20" s="99">
        <v>2768927</v>
      </c>
      <c r="HO20" s="456">
        <v>0</v>
      </c>
      <c r="HP20" s="457">
        <v>0</v>
      </c>
      <c r="HQ20" s="458">
        <v>0</v>
      </c>
      <c r="HR20" s="459">
        <v>0</v>
      </c>
      <c r="HS20" s="457">
        <v>0</v>
      </c>
      <c r="HT20" s="457">
        <v>0</v>
      </c>
      <c r="HU20" s="457">
        <v>0</v>
      </c>
      <c r="HV20" s="457">
        <v>0</v>
      </c>
      <c r="HW20" s="457">
        <v>0</v>
      </c>
      <c r="HX20" s="460">
        <v>0</v>
      </c>
      <c r="HY20" s="461">
        <v>0</v>
      </c>
      <c r="HZ20" s="135">
        <v>0</v>
      </c>
      <c r="IA20" s="122">
        <v>0</v>
      </c>
      <c r="IB20" s="135">
        <v>0</v>
      </c>
      <c r="IC20" s="121">
        <v>0</v>
      </c>
      <c r="ID20" s="122">
        <v>159419</v>
      </c>
      <c r="IE20" s="123">
        <v>274554</v>
      </c>
      <c r="IF20" s="124">
        <v>25627</v>
      </c>
      <c r="IG20" s="122">
        <v>302835</v>
      </c>
      <c r="IH20" s="124">
        <v>352042</v>
      </c>
      <c r="II20" s="125">
        <v>1114477</v>
      </c>
      <c r="IJ20" s="135">
        <v>1114477</v>
      </c>
      <c r="IK20" s="215">
        <v>0</v>
      </c>
      <c r="IL20" s="219">
        <v>0</v>
      </c>
      <c r="IM20" s="220">
        <v>0</v>
      </c>
      <c r="IN20" s="470">
        <v>0</v>
      </c>
      <c r="IO20" s="109">
        <v>0</v>
      </c>
      <c r="IP20" s="109">
        <v>0</v>
      </c>
      <c r="IQ20" s="109">
        <v>0</v>
      </c>
      <c r="IR20" s="109">
        <v>0</v>
      </c>
      <c r="IS20" s="109">
        <v>0</v>
      </c>
      <c r="IT20" s="128">
        <v>0</v>
      </c>
      <c r="IU20" s="292">
        <v>0</v>
      </c>
      <c r="IV20" s="129">
        <v>0</v>
      </c>
      <c r="IW20" s="109">
        <v>0</v>
      </c>
      <c r="IX20" s="110">
        <v>0</v>
      </c>
      <c r="IY20" s="470">
        <v>0</v>
      </c>
      <c r="IZ20" s="109">
        <v>0</v>
      </c>
      <c r="JA20" s="109">
        <v>0</v>
      </c>
      <c r="JB20" s="109">
        <v>0</v>
      </c>
      <c r="JC20" s="109">
        <v>0</v>
      </c>
      <c r="JD20" s="109">
        <v>0</v>
      </c>
      <c r="JE20" s="110">
        <v>0</v>
      </c>
      <c r="JF20" s="111">
        <v>0</v>
      </c>
      <c r="JG20" s="129">
        <v>0</v>
      </c>
      <c r="JH20" s="109">
        <v>0</v>
      </c>
      <c r="JI20" s="128">
        <v>0</v>
      </c>
      <c r="JJ20" s="108">
        <v>0</v>
      </c>
      <c r="JK20" s="109">
        <v>159419</v>
      </c>
      <c r="JL20" s="109">
        <v>274554</v>
      </c>
      <c r="JM20" s="109">
        <v>25627</v>
      </c>
      <c r="JN20" s="109">
        <v>78956</v>
      </c>
      <c r="JO20" s="109">
        <v>98530</v>
      </c>
      <c r="JP20" s="110">
        <v>637086</v>
      </c>
      <c r="JQ20" s="292">
        <v>637086</v>
      </c>
      <c r="JR20" s="129">
        <v>0</v>
      </c>
      <c r="JS20" s="109">
        <v>0</v>
      </c>
      <c r="JT20" s="128">
        <v>0</v>
      </c>
      <c r="JU20" s="108">
        <v>0</v>
      </c>
      <c r="JV20" s="109">
        <v>0</v>
      </c>
      <c r="JW20" s="109">
        <v>0</v>
      </c>
      <c r="JX20" s="109">
        <v>0</v>
      </c>
      <c r="JY20" s="109">
        <v>0</v>
      </c>
      <c r="JZ20" s="109">
        <v>0</v>
      </c>
      <c r="KA20" s="110">
        <v>0</v>
      </c>
      <c r="KB20" s="292">
        <v>0</v>
      </c>
      <c r="KC20" s="217">
        <v>0</v>
      </c>
      <c r="KD20" s="213">
        <v>0</v>
      </c>
      <c r="KE20" s="110">
        <v>0</v>
      </c>
      <c r="KF20" s="108">
        <v>0</v>
      </c>
      <c r="KG20" s="109">
        <v>0</v>
      </c>
      <c r="KH20" s="109">
        <v>0</v>
      </c>
      <c r="KI20" s="109">
        <v>0</v>
      </c>
      <c r="KJ20" s="109">
        <v>0</v>
      </c>
      <c r="KK20" s="109">
        <v>0</v>
      </c>
      <c r="KL20" s="110">
        <v>0</v>
      </c>
      <c r="KM20" s="130">
        <v>0</v>
      </c>
      <c r="KN20" s="215">
        <v>0</v>
      </c>
      <c r="KO20" s="219">
        <v>0</v>
      </c>
      <c r="KP20" s="220">
        <v>0</v>
      </c>
      <c r="KQ20" s="470">
        <v>0</v>
      </c>
      <c r="KR20" s="109">
        <v>0</v>
      </c>
      <c r="KS20" s="109">
        <v>0</v>
      </c>
      <c r="KT20" s="109">
        <v>0</v>
      </c>
      <c r="KU20" s="109">
        <v>223879</v>
      </c>
      <c r="KV20" s="109">
        <v>0</v>
      </c>
      <c r="KW20" s="110">
        <v>223879</v>
      </c>
      <c r="KX20" s="292">
        <v>223879</v>
      </c>
      <c r="KY20" s="129">
        <v>0</v>
      </c>
      <c r="KZ20" s="109">
        <v>0</v>
      </c>
      <c r="LA20" s="110">
        <v>0</v>
      </c>
      <c r="LB20" s="470">
        <v>0</v>
      </c>
      <c r="LC20" s="109">
        <v>0</v>
      </c>
      <c r="LD20" s="109">
        <v>0</v>
      </c>
      <c r="LE20" s="109">
        <v>0</v>
      </c>
      <c r="LF20" s="109">
        <v>0</v>
      </c>
      <c r="LG20" s="109">
        <v>0</v>
      </c>
      <c r="LH20" s="110">
        <v>0</v>
      </c>
      <c r="LI20" s="111">
        <v>0</v>
      </c>
      <c r="LJ20" s="129">
        <v>0</v>
      </c>
      <c r="LK20" s="109">
        <v>0</v>
      </c>
      <c r="LL20" s="110">
        <v>0</v>
      </c>
      <c r="LM20" s="470">
        <v>0</v>
      </c>
      <c r="LN20" s="109">
        <v>0</v>
      </c>
      <c r="LO20" s="109">
        <v>0</v>
      </c>
      <c r="LP20" s="109">
        <v>0</v>
      </c>
      <c r="LQ20" s="109">
        <v>0</v>
      </c>
      <c r="LR20" s="109">
        <v>253512</v>
      </c>
      <c r="LS20" s="110">
        <v>253512</v>
      </c>
      <c r="LT20" s="292">
        <v>253512</v>
      </c>
      <c r="LU20" s="129">
        <v>0</v>
      </c>
      <c r="LV20" s="109">
        <v>0</v>
      </c>
      <c r="LW20" s="110">
        <v>0</v>
      </c>
      <c r="LX20" s="470">
        <v>0</v>
      </c>
      <c r="LY20" s="109">
        <v>0</v>
      </c>
      <c r="LZ20" s="109">
        <v>0</v>
      </c>
      <c r="MA20" s="109">
        <v>0</v>
      </c>
      <c r="MB20" s="109">
        <v>0</v>
      </c>
      <c r="MC20" s="109">
        <v>0</v>
      </c>
      <c r="MD20" s="110">
        <v>0</v>
      </c>
      <c r="ME20" s="111">
        <v>0</v>
      </c>
      <c r="MF20" s="129">
        <v>0</v>
      </c>
      <c r="MG20" s="109">
        <v>0</v>
      </c>
      <c r="MH20" s="110">
        <v>0</v>
      </c>
      <c r="MI20" s="470">
        <v>0</v>
      </c>
      <c r="MJ20" s="109">
        <v>0</v>
      </c>
      <c r="MK20" s="109">
        <v>0</v>
      </c>
      <c r="ML20" s="109">
        <v>482575</v>
      </c>
      <c r="MM20" s="109">
        <v>230378</v>
      </c>
      <c r="MN20" s="109">
        <v>483660</v>
      </c>
      <c r="MO20" s="110">
        <v>1196613</v>
      </c>
      <c r="MP20" s="130">
        <v>1196613</v>
      </c>
      <c r="MQ20" s="129">
        <v>0</v>
      </c>
      <c r="MR20" s="109">
        <v>0</v>
      </c>
      <c r="MS20" s="110">
        <v>0</v>
      </c>
      <c r="MT20" s="470">
        <v>0</v>
      </c>
      <c r="MU20" s="109">
        <v>0</v>
      </c>
      <c r="MV20" s="109">
        <v>0</v>
      </c>
      <c r="MW20" s="109">
        <v>0</v>
      </c>
      <c r="MX20" s="109">
        <v>0</v>
      </c>
      <c r="MY20" s="109">
        <v>483660</v>
      </c>
      <c r="MZ20" s="110">
        <v>483660</v>
      </c>
      <c r="NA20" s="130">
        <v>483660</v>
      </c>
      <c r="NB20" s="129">
        <v>0</v>
      </c>
      <c r="NC20" s="109">
        <v>0</v>
      </c>
      <c r="ND20" s="110">
        <v>0</v>
      </c>
      <c r="NE20" s="470">
        <v>0</v>
      </c>
      <c r="NF20" s="109">
        <v>0</v>
      </c>
      <c r="NG20" s="109">
        <v>0</v>
      </c>
      <c r="NH20" s="109">
        <v>482575</v>
      </c>
      <c r="NI20" s="109">
        <v>230378</v>
      </c>
      <c r="NJ20" s="109">
        <v>0</v>
      </c>
      <c r="NK20" s="110">
        <v>712953</v>
      </c>
      <c r="NL20" s="292">
        <v>712953</v>
      </c>
      <c r="NM20" s="129">
        <v>0</v>
      </c>
      <c r="NN20" s="109">
        <v>0</v>
      </c>
      <c r="NO20" s="110">
        <v>0</v>
      </c>
      <c r="NP20" s="470">
        <v>0</v>
      </c>
      <c r="NQ20" s="109">
        <v>0</v>
      </c>
      <c r="NR20" s="109">
        <v>0</v>
      </c>
      <c r="NS20" s="109">
        <v>0</v>
      </c>
      <c r="NT20" s="109">
        <v>0</v>
      </c>
      <c r="NU20" s="109">
        <v>0</v>
      </c>
      <c r="NV20" s="110">
        <v>0</v>
      </c>
      <c r="NW20" s="111">
        <v>0</v>
      </c>
      <c r="NX20" s="129">
        <v>0</v>
      </c>
      <c r="NY20" s="109">
        <v>0</v>
      </c>
      <c r="NZ20" s="110">
        <v>0</v>
      </c>
      <c r="OA20" s="470">
        <v>0</v>
      </c>
      <c r="OB20" s="109">
        <v>0</v>
      </c>
      <c r="OC20" s="109">
        <v>0</v>
      </c>
      <c r="OD20" s="109">
        <v>0</v>
      </c>
      <c r="OE20" s="109">
        <v>0</v>
      </c>
      <c r="OF20" s="109">
        <v>0</v>
      </c>
      <c r="OG20" s="110">
        <v>0</v>
      </c>
      <c r="OH20" s="111">
        <v>0</v>
      </c>
      <c r="OI20" s="129">
        <v>53997</v>
      </c>
      <c r="OJ20" s="109">
        <v>129622</v>
      </c>
      <c r="OK20" s="128">
        <v>183619</v>
      </c>
      <c r="OL20" s="108">
        <v>0</v>
      </c>
      <c r="OM20" s="109">
        <v>1452089</v>
      </c>
      <c r="ON20" s="109">
        <v>1797259</v>
      </c>
      <c r="OO20" s="109">
        <v>1904838</v>
      </c>
      <c r="OP20" s="109">
        <v>2050332</v>
      </c>
      <c r="OQ20" s="109">
        <v>1629300</v>
      </c>
      <c r="OR20" s="110">
        <v>8833818</v>
      </c>
      <c r="OS20" s="130">
        <v>9017437</v>
      </c>
    </row>
    <row r="21" spans="2:409" ht="21" customHeight="1" x14ac:dyDescent="0.2">
      <c r="B21" s="437" t="s">
        <v>16</v>
      </c>
      <c r="C21" s="100">
        <v>268538</v>
      </c>
      <c r="D21" s="104">
        <v>397635</v>
      </c>
      <c r="E21" s="103">
        <v>666173</v>
      </c>
      <c r="F21" s="99">
        <v>0</v>
      </c>
      <c r="G21" s="104">
        <v>2702783</v>
      </c>
      <c r="H21" s="104">
        <v>5531999</v>
      </c>
      <c r="I21" s="104">
        <v>4830665</v>
      </c>
      <c r="J21" s="104">
        <v>2873401</v>
      </c>
      <c r="K21" s="104">
        <v>2355800</v>
      </c>
      <c r="L21" s="99">
        <v>18294648</v>
      </c>
      <c r="M21" s="106">
        <v>18960821</v>
      </c>
      <c r="N21" s="100">
        <v>50918</v>
      </c>
      <c r="O21" s="104">
        <v>106303</v>
      </c>
      <c r="P21" s="103">
        <v>157221</v>
      </c>
      <c r="Q21" s="100">
        <v>0</v>
      </c>
      <c r="R21" s="104">
        <v>459348</v>
      </c>
      <c r="S21" s="104">
        <v>1699273</v>
      </c>
      <c r="T21" s="104">
        <v>1074800</v>
      </c>
      <c r="U21" s="104">
        <v>688025</v>
      </c>
      <c r="V21" s="104">
        <v>718240</v>
      </c>
      <c r="W21" s="103">
        <v>4639686</v>
      </c>
      <c r="X21" s="106">
        <v>4796907</v>
      </c>
      <c r="Y21" s="100">
        <v>0</v>
      </c>
      <c r="Z21" s="104">
        <v>0</v>
      </c>
      <c r="AA21" s="103">
        <v>0</v>
      </c>
      <c r="AB21" s="100">
        <v>0</v>
      </c>
      <c r="AC21" s="104">
        <v>238473</v>
      </c>
      <c r="AD21" s="104">
        <v>867883</v>
      </c>
      <c r="AE21" s="104">
        <v>370789</v>
      </c>
      <c r="AF21" s="104">
        <v>353978</v>
      </c>
      <c r="AG21" s="104">
        <v>151865</v>
      </c>
      <c r="AH21" s="103">
        <v>1982988</v>
      </c>
      <c r="AI21" s="106">
        <v>1982988</v>
      </c>
      <c r="AJ21" s="100">
        <v>0</v>
      </c>
      <c r="AK21" s="104">
        <v>0</v>
      </c>
      <c r="AL21" s="103">
        <v>0</v>
      </c>
      <c r="AM21" s="100">
        <v>0</v>
      </c>
      <c r="AN21" s="104">
        <v>0</v>
      </c>
      <c r="AO21" s="104">
        <v>0</v>
      </c>
      <c r="AP21" s="104">
        <v>0</v>
      </c>
      <c r="AQ21" s="104">
        <v>0</v>
      </c>
      <c r="AR21" s="104">
        <v>184794</v>
      </c>
      <c r="AS21" s="103">
        <v>184794</v>
      </c>
      <c r="AT21" s="106">
        <v>184794</v>
      </c>
      <c r="AU21" s="100">
        <v>18284</v>
      </c>
      <c r="AV21" s="104">
        <v>87991</v>
      </c>
      <c r="AW21" s="103">
        <v>106275</v>
      </c>
      <c r="AX21" s="100">
        <v>0</v>
      </c>
      <c r="AY21" s="104">
        <v>88778</v>
      </c>
      <c r="AZ21" s="104">
        <v>527051</v>
      </c>
      <c r="BA21" s="104">
        <v>404250</v>
      </c>
      <c r="BB21" s="104">
        <v>153636</v>
      </c>
      <c r="BC21" s="104">
        <v>198429</v>
      </c>
      <c r="BD21" s="103">
        <v>1372144</v>
      </c>
      <c r="BE21" s="106">
        <v>1478419</v>
      </c>
      <c r="BF21" s="100">
        <v>0</v>
      </c>
      <c r="BG21" s="104">
        <v>0</v>
      </c>
      <c r="BH21" s="102">
        <v>0</v>
      </c>
      <c r="BI21" s="101">
        <v>0</v>
      </c>
      <c r="BJ21" s="104">
        <v>0</v>
      </c>
      <c r="BK21" s="104">
        <v>73465</v>
      </c>
      <c r="BL21" s="104">
        <v>82460</v>
      </c>
      <c r="BM21" s="104">
        <v>0</v>
      </c>
      <c r="BN21" s="104">
        <v>34563</v>
      </c>
      <c r="BO21" s="103">
        <v>190488</v>
      </c>
      <c r="BP21" s="106">
        <v>190488</v>
      </c>
      <c r="BQ21" s="100">
        <v>32634</v>
      </c>
      <c r="BR21" s="104">
        <v>18312</v>
      </c>
      <c r="BS21" s="103">
        <v>50946</v>
      </c>
      <c r="BT21" s="100">
        <v>0</v>
      </c>
      <c r="BU21" s="104">
        <v>132097</v>
      </c>
      <c r="BV21" s="104">
        <v>230874</v>
      </c>
      <c r="BW21" s="104">
        <v>217301</v>
      </c>
      <c r="BX21" s="104">
        <v>180411</v>
      </c>
      <c r="BY21" s="104">
        <v>148589</v>
      </c>
      <c r="BZ21" s="103">
        <v>909272</v>
      </c>
      <c r="CA21" s="106">
        <v>960218</v>
      </c>
      <c r="CB21" s="100">
        <v>36812</v>
      </c>
      <c r="CC21" s="104">
        <v>138066</v>
      </c>
      <c r="CD21" s="103">
        <v>174878</v>
      </c>
      <c r="CE21" s="100">
        <v>0</v>
      </c>
      <c r="CF21" s="104">
        <v>1164587</v>
      </c>
      <c r="CG21" s="104">
        <v>1832298</v>
      </c>
      <c r="CH21" s="104">
        <v>967926</v>
      </c>
      <c r="CI21" s="104">
        <v>358713</v>
      </c>
      <c r="CJ21" s="104">
        <v>188134</v>
      </c>
      <c r="CK21" s="103">
        <v>4511658</v>
      </c>
      <c r="CL21" s="106">
        <v>4686536</v>
      </c>
      <c r="CM21" s="100">
        <v>0</v>
      </c>
      <c r="CN21" s="104">
        <v>0</v>
      </c>
      <c r="CO21" s="103">
        <v>0</v>
      </c>
      <c r="CP21" s="101">
        <v>0</v>
      </c>
      <c r="CQ21" s="104">
        <v>942225</v>
      </c>
      <c r="CR21" s="104">
        <v>756439</v>
      </c>
      <c r="CS21" s="104">
        <v>544898</v>
      </c>
      <c r="CT21" s="104">
        <v>187508</v>
      </c>
      <c r="CU21" s="104">
        <v>100372</v>
      </c>
      <c r="CV21" s="103">
        <v>2531442</v>
      </c>
      <c r="CW21" s="106">
        <v>2531442</v>
      </c>
      <c r="CX21" s="100">
        <v>36812</v>
      </c>
      <c r="CY21" s="104">
        <v>138066</v>
      </c>
      <c r="CZ21" s="103">
        <v>174878</v>
      </c>
      <c r="DA21" s="100">
        <v>0</v>
      </c>
      <c r="DB21" s="104">
        <v>222362</v>
      </c>
      <c r="DC21" s="104">
        <v>1075859</v>
      </c>
      <c r="DD21" s="104">
        <v>423028</v>
      </c>
      <c r="DE21" s="104">
        <v>171205</v>
      </c>
      <c r="DF21" s="104">
        <v>87762</v>
      </c>
      <c r="DG21" s="103">
        <v>1980216</v>
      </c>
      <c r="DH21" s="106">
        <v>2155094</v>
      </c>
      <c r="DI21" s="100">
        <v>0</v>
      </c>
      <c r="DJ21" s="104">
        <v>0</v>
      </c>
      <c r="DK21" s="102">
        <v>0</v>
      </c>
      <c r="DL21" s="101">
        <v>0</v>
      </c>
      <c r="DM21" s="104">
        <v>58547</v>
      </c>
      <c r="DN21" s="104">
        <v>451134</v>
      </c>
      <c r="DO21" s="104">
        <v>384339</v>
      </c>
      <c r="DP21" s="104">
        <v>90763</v>
      </c>
      <c r="DQ21" s="104">
        <v>0</v>
      </c>
      <c r="DR21" s="103">
        <v>984783</v>
      </c>
      <c r="DS21" s="106">
        <v>984783</v>
      </c>
      <c r="DT21" s="100">
        <v>0</v>
      </c>
      <c r="DU21" s="104">
        <v>0</v>
      </c>
      <c r="DV21" s="103">
        <v>0</v>
      </c>
      <c r="DW21" s="100">
        <v>0</v>
      </c>
      <c r="DX21" s="104">
        <v>58547</v>
      </c>
      <c r="DY21" s="104">
        <v>328693</v>
      </c>
      <c r="DZ21" s="104">
        <v>384339</v>
      </c>
      <c r="EA21" s="104">
        <v>90763</v>
      </c>
      <c r="EB21" s="104">
        <v>0</v>
      </c>
      <c r="EC21" s="103">
        <v>862342</v>
      </c>
      <c r="ED21" s="106">
        <v>862342</v>
      </c>
      <c r="EE21" s="100">
        <v>0</v>
      </c>
      <c r="EF21" s="102">
        <v>0</v>
      </c>
      <c r="EG21" s="103">
        <v>0</v>
      </c>
      <c r="EH21" s="100">
        <v>0</v>
      </c>
      <c r="EI21" s="104">
        <v>0</v>
      </c>
      <c r="EJ21" s="104">
        <v>122441</v>
      </c>
      <c r="EK21" s="104">
        <v>0</v>
      </c>
      <c r="EL21" s="104">
        <v>0</v>
      </c>
      <c r="EM21" s="104">
        <v>0</v>
      </c>
      <c r="EN21" s="102">
        <v>122441</v>
      </c>
      <c r="EO21" s="106">
        <v>122441</v>
      </c>
      <c r="EP21" s="100">
        <v>0</v>
      </c>
      <c r="EQ21" s="104">
        <v>0</v>
      </c>
      <c r="ER21" s="102">
        <v>0</v>
      </c>
      <c r="ES21" s="101">
        <v>0</v>
      </c>
      <c r="ET21" s="104">
        <v>0</v>
      </c>
      <c r="EU21" s="104">
        <v>0</v>
      </c>
      <c r="EV21" s="104">
        <v>0</v>
      </c>
      <c r="EW21" s="104">
        <v>0</v>
      </c>
      <c r="EX21" s="104">
        <v>0</v>
      </c>
      <c r="EY21" s="103">
        <v>0</v>
      </c>
      <c r="EZ21" s="106">
        <v>0</v>
      </c>
      <c r="FA21" s="100">
        <v>0</v>
      </c>
      <c r="FB21" s="104">
        <v>0</v>
      </c>
      <c r="FC21" s="102">
        <v>0</v>
      </c>
      <c r="FD21" s="470">
        <v>0</v>
      </c>
      <c r="FE21" s="104">
        <v>0</v>
      </c>
      <c r="FF21" s="104">
        <v>0</v>
      </c>
      <c r="FG21" s="104">
        <v>0</v>
      </c>
      <c r="FH21" s="104">
        <v>0</v>
      </c>
      <c r="FI21" s="104">
        <v>0</v>
      </c>
      <c r="FJ21" s="103">
        <v>0</v>
      </c>
      <c r="FK21" s="106">
        <v>0</v>
      </c>
      <c r="FL21" s="100">
        <v>36750</v>
      </c>
      <c r="FM21" s="104">
        <v>70420</v>
      </c>
      <c r="FN21" s="103">
        <v>107170</v>
      </c>
      <c r="FO21" s="100">
        <v>0</v>
      </c>
      <c r="FP21" s="104">
        <v>75180</v>
      </c>
      <c r="FQ21" s="104">
        <v>503307</v>
      </c>
      <c r="FR21" s="104">
        <v>257259</v>
      </c>
      <c r="FS21" s="104">
        <v>208740</v>
      </c>
      <c r="FT21" s="104">
        <v>269367</v>
      </c>
      <c r="FU21" s="103">
        <v>1313853</v>
      </c>
      <c r="FV21" s="106">
        <v>1421023</v>
      </c>
      <c r="FW21" s="105">
        <v>36750</v>
      </c>
      <c r="FX21" s="104">
        <v>70420</v>
      </c>
      <c r="FY21" s="102">
        <v>107170</v>
      </c>
      <c r="FZ21" s="101">
        <v>0</v>
      </c>
      <c r="GA21" s="104">
        <v>75180</v>
      </c>
      <c r="GB21" s="104">
        <v>490707</v>
      </c>
      <c r="GC21" s="104">
        <v>249375</v>
      </c>
      <c r="GD21" s="104">
        <v>138740</v>
      </c>
      <c r="GE21" s="104">
        <v>269367</v>
      </c>
      <c r="GF21" s="103">
        <v>1223369</v>
      </c>
      <c r="GG21" s="290">
        <v>1330539</v>
      </c>
      <c r="GH21" s="105">
        <v>0</v>
      </c>
      <c r="GI21" s="104">
        <v>0</v>
      </c>
      <c r="GJ21" s="102">
        <v>0</v>
      </c>
      <c r="GK21" s="101">
        <v>0</v>
      </c>
      <c r="GL21" s="104">
        <v>0</v>
      </c>
      <c r="GM21" s="104">
        <v>12600</v>
      </c>
      <c r="GN21" s="104">
        <v>7884</v>
      </c>
      <c r="GO21" s="104">
        <v>70000</v>
      </c>
      <c r="GP21" s="104">
        <v>0</v>
      </c>
      <c r="GQ21" s="103">
        <v>90484</v>
      </c>
      <c r="GR21" s="106">
        <v>90484</v>
      </c>
      <c r="GS21" s="100">
        <v>0</v>
      </c>
      <c r="GT21" s="104">
        <v>0</v>
      </c>
      <c r="GU21" s="103">
        <v>0</v>
      </c>
      <c r="GV21" s="100">
        <v>0</v>
      </c>
      <c r="GW21" s="104">
        <v>0</v>
      </c>
      <c r="GX21" s="104">
        <v>0</v>
      </c>
      <c r="GY21" s="104">
        <v>0</v>
      </c>
      <c r="GZ21" s="104">
        <v>0</v>
      </c>
      <c r="HA21" s="104">
        <v>0</v>
      </c>
      <c r="HB21" s="102">
        <v>0</v>
      </c>
      <c r="HC21" s="106">
        <v>0</v>
      </c>
      <c r="HD21" s="100">
        <v>144058</v>
      </c>
      <c r="HE21" s="104">
        <v>82846</v>
      </c>
      <c r="HF21" s="102">
        <v>226904</v>
      </c>
      <c r="HG21" s="101">
        <v>0</v>
      </c>
      <c r="HH21" s="104">
        <v>945121</v>
      </c>
      <c r="HI21" s="104">
        <v>1045987</v>
      </c>
      <c r="HJ21" s="104">
        <v>2146341</v>
      </c>
      <c r="HK21" s="104">
        <v>1527160</v>
      </c>
      <c r="HL21" s="104">
        <v>1180059</v>
      </c>
      <c r="HM21" s="103">
        <v>6844668</v>
      </c>
      <c r="HN21" s="99">
        <v>7071572</v>
      </c>
      <c r="HO21" s="456">
        <v>0</v>
      </c>
      <c r="HP21" s="457">
        <v>0</v>
      </c>
      <c r="HQ21" s="458">
        <v>0</v>
      </c>
      <c r="HR21" s="459">
        <v>0</v>
      </c>
      <c r="HS21" s="457">
        <v>0</v>
      </c>
      <c r="HT21" s="457">
        <v>0</v>
      </c>
      <c r="HU21" s="457">
        <v>0</v>
      </c>
      <c r="HV21" s="457">
        <v>0</v>
      </c>
      <c r="HW21" s="457">
        <v>0</v>
      </c>
      <c r="HX21" s="460">
        <v>0</v>
      </c>
      <c r="HY21" s="461">
        <v>0</v>
      </c>
      <c r="HZ21" s="118">
        <v>0</v>
      </c>
      <c r="IA21" s="119">
        <v>67139</v>
      </c>
      <c r="IB21" s="120">
        <v>67139</v>
      </c>
      <c r="IC21" s="131">
        <v>0</v>
      </c>
      <c r="ID21" s="119">
        <v>379583</v>
      </c>
      <c r="IE21" s="132">
        <v>990690</v>
      </c>
      <c r="IF21" s="120">
        <v>1034465</v>
      </c>
      <c r="IG21" s="119">
        <v>325982</v>
      </c>
      <c r="IH21" s="120">
        <v>636938</v>
      </c>
      <c r="II21" s="133">
        <v>3367658</v>
      </c>
      <c r="IJ21" s="126">
        <v>3434797</v>
      </c>
      <c r="IK21" s="215">
        <v>0</v>
      </c>
      <c r="IL21" s="219">
        <v>0</v>
      </c>
      <c r="IM21" s="220">
        <v>0</v>
      </c>
      <c r="IN21" s="470">
        <v>0</v>
      </c>
      <c r="IO21" s="109">
        <v>0</v>
      </c>
      <c r="IP21" s="109">
        <v>0</v>
      </c>
      <c r="IQ21" s="109">
        <v>0</v>
      </c>
      <c r="IR21" s="109">
        <v>168749</v>
      </c>
      <c r="IS21" s="109">
        <v>238491</v>
      </c>
      <c r="IT21" s="128">
        <v>407240</v>
      </c>
      <c r="IU21" s="292">
        <v>407240</v>
      </c>
      <c r="IV21" s="129">
        <v>0</v>
      </c>
      <c r="IW21" s="109">
        <v>0</v>
      </c>
      <c r="IX21" s="110">
        <v>0</v>
      </c>
      <c r="IY21" s="470">
        <v>0</v>
      </c>
      <c r="IZ21" s="109">
        <v>0</v>
      </c>
      <c r="JA21" s="109">
        <v>0</v>
      </c>
      <c r="JB21" s="109">
        <v>0</v>
      </c>
      <c r="JC21" s="109">
        <v>14347</v>
      </c>
      <c r="JD21" s="109">
        <v>0</v>
      </c>
      <c r="JE21" s="110">
        <v>14347</v>
      </c>
      <c r="JF21" s="111">
        <v>14347</v>
      </c>
      <c r="JG21" s="129">
        <v>0</v>
      </c>
      <c r="JH21" s="109">
        <v>0</v>
      </c>
      <c r="JI21" s="128">
        <v>0</v>
      </c>
      <c r="JJ21" s="108">
        <v>0</v>
      </c>
      <c r="JK21" s="109">
        <v>130633</v>
      </c>
      <c r="JL21" s="109">
        <v>318819</v>
      </c>
      <c r="JM21" s="109">
        <v>593970</v>
      </c>
      <c r="JN21" s="109">
        <v>20429</v>
      </c>
      <c r="JO21" s="109">
        <v>0</v>
      </c>
      <c r="JP21" s="110">
        <v>1063851</v>
      </c>
      <c r="JQ21" s="292">
        <v>1063851</v>
      </c>
      <c r="JR21" s="129">
        <v>0</v>
      </c>
      <c r="JS21" s="109">
        <v>0</v>
      </c>
      <c r="JT21" s="128">
        <v>0</v>
      </c>
      <c r="JU21" s="108">
        <v>0</v>
      </c>
      <c r="JV21" s="109">
        <v>0</v>
      </c>
      <c r="JW21" s="109">
        <v>87075</v>
      </c>
      <c r="JX21" s="109">
        <v>95159</v>
      </c>
      <c r="JY21" s="109">
        <v>0</v>
      </c>
      <c r="JZ21" s="109">
        <v>0</v>
      </c>
      <c r="KA21" s="110">
        <v>182234</v>
      </c>
      <c r="KB21" s="292">
        <v>182234</v>
      </c>
      <c r="KC21" s="217">
        <v>0</v>
      </c>
      <c r="KD21" s="213">
        <v>67139</v>
      </c>
      <c r="KE21" s="110">
        <v>67139</v>
      </c>
      <c r="KF21" s="108">
        <v>0</v>
      </c>
      <c r="KG21" s="109">
        <v>44991</v>
      </c>
      <c r="KH21" s="109">
        <v>158734</v>
      </c>
      <c r="KI21" s="109">
        <v>0</v>
      </c>
      <c r="KJ21" s="109">
        <v>0</v>
      </c>
      <c r="KK21" s="109">
        <v>250973</v>
      </c>
      <c r="KL21" s="110">
        <v>454698</v>
      </c>
      <c r="KM21" s="130">
        <v>521837</v>
      </c>
      <c r="KN21" s="215">
        <v>0</v>
      </c>
      <c r="KO21" s="219">
        <v>0</v>
      </c>
      <c r="KP21" s="220">
        <v>0</v>
      </c>
      <c r="KQ21" s="470">
        <v>0</v>
      </c>
      <c r="KR21" s="109">
        <v>203959</v>
      </c>
      <c r="KS21" s="109">
        <v>426062</v>
      </c>
      <c r="KT21" s="109">
        <v>345336</v>
      </c>
      <c r="KU21" s="109">
        <v>122457</v>
      </c>
      <c r="KV21" s="109">
        <v>147474</v>
      </c>
      <c r="KW21" s="110">
        <v>1245288</v>
      </c>
      <c r="KX21" s="292">
        <v>1245288</v>
      </c>
      <c r="KY21" s="129">
        <v>0</v>
      </c>
      <c r="KZ21" s="109">
        <v>0</v>
      </c>
      <c r="LA21" s="110">
        <v>0</v>
      </c>
      <c r="LB21" s="470">
        <v>0</v>
      </c>
      <c r="LC21" s="109">
        <v>0</v>
      </c>
      <c r="LD21" s="109">
        <v>0</v>
      </c>
      <c r="LE21" s="109">
        <v>0</v>
      </c>
      <c r="LF21" s="109">
        <v>0</v>
      </c>
      <c r="LG21" s="109">
        <v>0</v>
      </c>
      <c r="LH21" s="110">
        <v>0</v>
      </c>
      <c r="LI21" s="111">
        <v>0</v>
      </c>
      <c r="LJ21" s="129">
        <v>0</v>
      </c>
      <c r="LK21" s="109">
        <v>0</v>
      </c>
      <c r="LL21" s="110">
        <v>0</v>
      </c>
      <c r="LM21" s="470">
        <v>0</v>
      </c>
      <c r="LN21" s="109">
        <v>0</v>
      </c>
      <c r="LO21" s="109">
        <v>0</v>
      </c>
      <c r="LP21" s="109">
        <v>0</v>
      </c>
      <c r="LQ21" s="109">
        <v>0</v>
      </c>
      <c r="LR21" s="109">
        <v>0</v>
      </c>
      <c r="LS21" s="110">
        <v>0</v>
      </c>
      <c r="LT21" s="292">
        <v>0</v>
      </c>
      <c r="LU21" s="129">
        <v>0</v>
      </c>
      <c r="LV21" s="109">
        <v>0</v>
      </c>
      <c r="LW21" s="110">
        <v>0</v>
      </c>
      <c r="LX21" s="470">
        <v>0</v>
      </c>
      <c r="LY21" s="109">
        <v>0</v>
      </c>
      <c r="LZ21" s="109">
        <v>0</v>
      </c>
      <c r="MA21" s="109">
        <v>0</v>
      </c>
      <c r="MB21" s="109">
        <v>0</v>
      </c>
      <c r="MC21" s="109">
        <v>0</v>
      </c>
      <c r="MD21" s="110">
        <v>0</v>
      </c>
      <c r="ME21" s="111">
        <v>0</v>
      </c>
      <c r="MF21" s="129">
        <v>0</v>
      </c>
      <c r="MG21" s="109">
        <v>0</v>
      </c>
      <c r="MH21" s="110">
        <v>0</v>
      </c>
      <c r="MI21" s="470">
        <v>0</v>
      </c>
      <c r="MJ21" s="109">
        <v>230442</v>
      </c>
      <c r="MK21" s="109">
        <v>190316</v>
      </c>
      <c r="ML21" s="109">
        <v>1946637</v>
      </c>
      <c r="MM21" s="109">
        <v>2507356</v>
      </c>
      <c r="MN21" s="109">
        <v>811908</v>
      </c>
      <c r="MO21" s="110">
        <v>5686659</v>
      </c>
      <c r="MP21" s="130">
        <v>5686659</v>
      </c>
      <c r="MQ21" s="129">
        <v>0</v>
      </c>
      <c r="MR21" s="109">
        <v>0</v>
      </c>
      <c r="MS21" s="110">
        <v>0</v>
      </c>
      <c r="MT21" s="470">
        <v>0</v>
      </c>
      <c r="MU21" s="109">
        <v>0</v>
      </c>
      <c r="MV21" s="109">
        <v>0</v>
      </c>
      <c r="MW21" s="109">
        <v>1222143</v>
      </c>
      <c r="MX21" s="109">
        <v>1808882</v>
      </c>
      <c r="MY21" s="109">
        <v>739580</v>
      </c>
      <c r="MZ21" s="110">
        <v>3770605</v>
      </c>
      <c r="NA21" s="130">
        <v>3770605</v>
      </c>
      <c r="NB21" s="129">
        <v>0</v>
      </c>
      <c r="NC21" s="109">
        <v>0</v>
      </c>
      <c r="ND21" s="110">
        <v>0</v>
      </c>
      <c r="NE21" s="470">
        <v>0</v>
      </c>
      <c r="NF21" s="109">
        <v>230442</v>
      </c>
      <c r="NG21" s="109">
        <v>190316</v>
      </c>
      <c r="NH21" s="109">
        <v>724494</v>
      </c>
      <c r="NI21" s="109">
        <v>698474</v>
      </c>
      <c r="NJ21" s="109">
        <v>72328</v>
      </c>
      <c r="NK21" s="110">
        <v>1916054</v>
      </c>
      <c r="NL21" s="292">
        <v>1916054</v>
      </c>
      <c r="NM21" s="129">
        <v>0</v>
      </c>
      <c r="NN21" s="109">
        <v>0</v>
      </c>
      <c r="NO21" s="110">
        <v>0</v>
      </c>
      <c r="NP21" s="470">
        <v>0</v>
      </c>
      <c r="NQ21" s="109">
        <v>0</v>
      </c>
      <c r="NR21" s="109">
        <v>0</v>
      </c>
      <c r="NS21" s="109">
        <v>0</v>
      </c>
      <c r="NT21" s="109">
        <v>0</v>
      </c>
      <c r="NU21" s="109">
        <v>0</v>
      </c>
      <c r="NV21" s="110">
        <v>0</v>
      </c>
      <c r="NW21" s="111">
        <v>0</v>
      </c>
      <c r="NX21" s="129">
        <v>0</v>
      </c>
      <c r="NY21" s="109">
        <v>0</v>
      </c>
      <c r="NZ21" s="110">
        <v>0</v>
      </c>
      <c r="OA21" s="470">
        <v>0</v>
      </c>
      <c r="OB21" s="109">
        <v>0</v>
      </c>
      <c r="OC21" s="109">
        <v>0</v>
      </c>
      <c r="OD21" s="109">
        <v>0</v>
      </c>
      <c r="OE21" s="109">
        <v>0</v>
      </c>
      <c r="OF21" s="109">
        <v>0</v>
      </c>
      <c r="OG21" s="110">
        <v>0</v>
      </c>
      <c r="OH21" s="111">
        <v>0</v>
      </c>
      <c r="OI21" s="129">
        <v>268538</v>
      </c>
      <c r="OJ21" s="109">
        <v>464774</v>
      </c>
      <c r="OK21" s="128">
        <v>733312</v>
      </c>
      <c r="OL21" s="108">
        <v>0</v>
      </c>
      <c r="OM21" s="109">
        <v>3312808</v>
      </c>
      <c r="ON21" s="109">
        <v>6713005</v>
      </c>
      <c r="OO21" s="109">
        <v>7811767</v>
      </c>
      <c r="OP21" s="109">
        <v>5706739</v>
      </c>
      <c r="OQ21" s="109">
        <v>3804646</v>
      </c>
      <c r="OR21" s="110">
        <v>27348965</v>
      </c>
      <c r="OS21" s="130">
        <v>28082277</v>
      </c>
    </row>
    <row r="22" spans="2:409" ht="21" customHeight="1" x14ac:dyDescent="0.2">
      <c r="B22" s="437" t="s">
        <v>17</v>
      </c>
      <c r="C22" s="100">
        <v>657722</v>
      </c>
      <c r="D22" s="104">
        <v>743586</v>
      </c>
      <c r="E22" s="103">
        <v>1401308</v>
      </c>
      <c r="F22" s="99">
        <v>0</v>
      </c>
      <c r="G22" s="104">
        <v>3407772</v>
      </c>
      <c r="H22" s="104">
        <v>6453674</v>
      </c>
      <c r="I22" s="104">
        <v>6712707</v>
      </c>
      <c r="J22" s="104">
        <v>6756340</v>
      </c>
      <c r="K22" s="104">
        <v>4790347</v>
      </c>
      <c r="L22" s="99">
        <v>28120840</v>
      </c>
      <c r="M22" s="106">
        <v>29522148</v>
      </c>
      <c r="N22" s="100">
        <v>191578</v>
      </c>
      <c r="O22" s="104">
        <v>223735</v>
      </c>
      <c r="P22" s="103">
        <v>415313</v>
      </c>
      <c r="Q22" s="100">
        <v>0</v>
      </c>
      <c r="R22" s="104">
        <v>948837</v>
      </c>
      <c r="S22" s="104">
        <v>2037235</v>
      </c>
      <c r="T22" s="104">
        <v>2781816</v>
      </c>
      <c r="U22" s="104">
        <v>1623960</v>
      </c>
      <c r="V22" s="104">
        <v>2190395</v>
      </c>
      <c r="W22" s="103">
        <v>9582243</v>
      </c>
      <c r="X22" s="106">
        <v>9997556</v>
      </c>
      <c r="Y22" s="100">
        <v>0</v>
      </c>
      <c r="Z22" s="104">
        <v>0</v>
      </c>
      <c r="AA22" s="103">
        <v>0</v>
      </c>
      <c r="AB22" s="100">
        <v>0</v>
      </c>
      <c r="AC22" s="104">
        <v>416162</v>
      </c>
      <c r="AD22" s="104">
        <v>942296</v>
      </c>
      <c r="AE22" s="104">
        <v>1653429</v>
      </c>
      <c r="AF22" s="104">
        <v>762443</v>
      </c>
      <c r="AG22" s="104">
        <v>1272565</v>
      </c>
      <c r="AH22" s="103">
        <v>5046895</v>
      </c>
      <c r="AI22" s="106">
        <v>5046895</v>
      </c>
      <c r="AJ22" s="100">
        <v>0</v>
      </c>
      <c r="AK22" s="104">
        <v>0</v>
      </c>
      <c r="AL22" s="103">
        <v>0</v>
      </c>
      <c r="AM22" s="100">
        <v>0</v>
      </c>
      <c r="AN22" s="104">
        <v>0</v>
      </c>
      <c r="AO22" s="104">
        <v>0</v>
      </c>
      <c r="AP22" s="104">
        <v>20462</v>
      </c>
      <c r="AQ22" s="104">
        <v>102880</v>
      </c>
      <c r="AR22" s="104">
        <v>82913</v>
      </c>
      <c r="AS22" s="103">
        <v>206255</v>
      </c>
      <c r="AT22" s="106">
        <v>206255</v>
      </c>
      <c r="AU22" s="100">
        <v>95461</v>
      </c>
      <c r="AV22" s="104">
        <v>167119</v>
      </c>
      <c r="AW22" s="103">
        <v>262580</v>
      </c>
      <c r="AX22" s="100">
        <v>0</v>
      </c>
      <c r="AY22" s="104">
        <v>338187</v>
      </c>
      <c r="AZ22" s="104">
        <v>777282</v>
      </c>
      <c r="BA22" s="104">
        <v>748790</v>
      </c>
      <c r="BB22" s="104">
        <v>433354</v>
      </c>
      <c r="BC22" s="104">
        <v>388981</v>
      </c>
      <c r="BD22" s="103">
        <v>2686594</v>
      </c>
      <c r="BE22" s="106">
        <v>2949174</v>
      </c>
      <c r="BF22" s="100">
        <v>0</v>
      </c>
      <c r="BG22" s="104">
        <v>0</v>
      </c>
      <c r="BH22" s="102">
        <v>0</v>
      </c>
      <c r="BI22" s="101">
        <v>0</v>
      </c>
      <c r="BJ22" s="104">
        <v>0</v>
      </c>
      <c r="BK22" s="104">
        <v>73154</v>
      </c>
      <c r="BL22" s="104">
        <v>93212</v>
      </c>
      <c r="BM22" s="104">
        <v>51569</v>
      </c>
      <c r="BN22" s="104">
        <v>98323</v>
      </c>
      <c r="BO22" s="103">
        <v>316258</v>
      </c>
      <c r="BP22" s="106">
        <v>316258</v>
      </c>
      <c r="BQ22" s="100">
        <v>96117</v>
      </c>
      <c r="BR22" s="104">
        <v>56616</v>
      </c>
      <c r="BS22" s="103">
        <v>152733</v>
      </c>
      <c r="BT22" s="100">
        <v>0</v>
      </c>
      <c r="BU22" s="104">
        <v>194488</v>
      </c>
      <c r="BV22" s="104">
        <v>244503</v>
      </c>
      <c r="BW22" s="104">
        <v>265923</v>
      </c>
      <c r="BX22" s="104">
        <v>273714</v>
      </c>
      <c r="BY22" s="104">
        <v>347613</v>
      </c>
      <c r="BZ22" s="103">
        <v>1326241</v>
      </c>
      <c r="CA22" s="106">
        <v>1478974</v>
      </c>
      <c r="CB22" s="100">
        <v>93234</v>
      </c>
      <c r="CC22" s="104">
        <v>137834</v>
      </c>
      <c r="CD22" s="103">
        <v>231068</v>
      </c>
      <c r="CE22" s="100">
        <v>0</v>
      </c>
      <c r="CF22" s="104">
        <v>993881</v>
      </c>
      <c r="CG22" s="104">
        <v>2519114</v>
      </c>
      <c r="CH22" s="104">
        <v>1709130</v>
      </c>
      <c r="CI22" s="104">
        <v>1516277</v>
      </c>
      <c r="CJ22" s="104">
        <v>447914</v>
      </c>
      <c r="CK22" s="103">
        <v>7186316</v>
      </c>
      <c r="CL22" s="106">
        <v>7417384</v>
      </c>
      <c r="CM22" s="100">
        <v>0</v>
      </c>
      <c r="CN22" s="104">
        <v>0</v>
      </c>
      <c r="CO22" s="103">
        <v>0</v>
      </c>
      <c r="CP22" s="101">
        <v>0</v>
      </c>
      <c r="CQ22" s="104">
        <v>862029</v>
      </c>
      <c r="CR22" s="104">
        <v>1780563</v>
      </c>
      <c r="CS22" s="104">
        <v>1170270</v>
      </c>
      <c r="CT22" s="104">
        <v>1131360</v>
      </c>
      <c r="CU22" s="104">
        <v>286653</v>
      </c>
      <c r="CV22" s="103">
        <v>5230875</v>
      </c>
      <c r="CW22" s="106">
        <v>5230875</v>
      </c>
      <c r="CX22" s="100">
        <v>93234</v>
      </c>
      <c r="CY22" s="104">
        <v>137834</v>
      </c>
      <c r="CZ22" s="103">
        <v>231068</v>
      </c>
      <c r="DA22" s="100">
        <v>0</v>
      </c>
      <c r="DB22" s="104">
        <v>131852</v>
      </c>
      <c r="DC22" s="104">
        <v>738551</v>
      </c>
      <c r="DD22" s="104">
        <v>538860</v>
      </c>
      <c r="DE22" s="104">
        <v>384917</v>
      </c>
      <c r="DF22" s="104">
        <v>161261</v>
      </c>
      <c r="DG22" s="103">
        <v>1955441</v>
      </c>
      <c r="DH22" s="106">
        <v>2186509</v>
      </c>
      <c r="DI22" s="100">
        <v>0</v>
      </c>
      <c r="DJ22" s="104">
        <v>14796</v>
      </c>
      <c r="DK22" s="102">
        <v>14796</v>
      </c>
      <c r="DL22" s="101">
        <v>0</v>
      </c>
      <c r="DM22" s="104">
        <v>69022</v>
      </c>
      <c r="DN22" s="104">
        <v>376996</v>
      </c>
      <c r="DO22" s="104">
        <v>388117</v>
      </c>
      <c r="DP22" s="104">
        <v>909269</v>
      </c>
      <c r="DQ22" s="104">
        <v>355899</v>
      </c>
      <c r="DR22" s="103">
        <v>2099303</v>
      </c>
      <c r="DS22" s="106">
        <v>2114099</v>
      </c>
      <c r="DT22" s="100">
        <v>0</v>
      </c>
      <c r="DU22" s="104">
        <v>14796</v>
      </c>
      <c r="DV22" s="103">
        <v>14796</v>
      </c>
      <c r="DW22" s="100">
        <v>0</v>
      </c>
      <c r="DX22" s="104">
        <v>69022</v>
      </c>
      <c r="DY22" s="104">
        <v>286022</v>
      </c>
      <c r="DZ22" s="104">
        <v>388117</v>
      </c>
      <c r="EA22" s="104">
        <v>909269</v>
      </c>
      <c r="EB22" s="104">
        <v>355899</v>
      </c>
      <c r="EC22" s="103">
        <v>2008329</v>
      </c>
      <c r="ED22" s="106">
        <v>2023125</v>
      </c>
      <c r="EE22" s="100">
        <v>0</v>
      </c>
      <c r="EF22" s="102">
        <v>0</v>
      </c>
      <c r="EG22" s="103">
        <v>0</v>
      </c>
      <c r="EH22" s="100">
        <v>0</v>
      </c>
      <c r="EI22" s="104">
        <v>0</v>
      </c>
      <c r="EJ22" s="104">
        <v>90974</v>
      </c>
      <c r="EK22" s="104">
        <v>0</v>
      </c>
      <c r="EL22" s="104">
        <v>0</v>
      </c>
      <c r="EM22" s="104">
        <v>0</v>
      </c>
      <c r="EN22" s="102">
        <v>90974</v>
      </c>
      <c r="EO22" s="106">
        <v>90974</v>
      </c>
      <c r="EP22" s="100">
        <v>0</v>
      </c>
      <c r="EQ22" s="104">
        <v>0</v>
      </c>
      <c r="ER22" s="102">
        <v>0</v>
      </c>
      <c r="ES22" s="101">
        <v>0</v>
      </c>
      <c r="ET22" s="104">
        <v>0</v>
      </c>
      <c r="EU22" s="104">
        <v>0</v>
      </c>
      <c r="EV22" s="104">
        <v>0</v>
      </c>
      <c r="EW22" s="104">
        <v>0</v>
      </c>
      <c r="EX22" s="104">
        <v>0</v>
      </c>
      <c r="EY22" s="103">
        <v>0</v>
      </c>
      <c r="EZ22" s="106">
        <v>0</v>
      </c>
      <c r="FA22" s="100">
        <v>0</v>
      </c>
      <c r="FB22" s="104">
        <v>0</v>
      </c>
      <c r="FC22" s="102">
        <v>0</v>
      </c>
      <c r="FD22" s="470">
        <v>0</v>
      </c>
      <c r="FE22" s="104">
        <v>0</v>
      </c>
      <c r="FF22" s="104">
        <v>0</v>
      </c>
      <c r="FG22" s="104">
        <v>0</v>
      </c>
      <c r="FH22" s="104">
        <v>0</v>
      </c>
      <c r="FI22" s="104">
        <v>0</v>
      </c>
      <c r="FJ22" s="103">
        <v>0</v>
      </c>
      <c r="FK22" s="106">
        <v>0</v>
      </c>
      <c r="FL22" s="100">
        <v>74186</v>
      </c>
      <c r="FM22" s="104">
        <v>124236</v>
      </c>
      <c r="FN22" s="103">
        <v>198422</v>
      </c>
      <c r="FO22" s="100">
        <v>0</v>
      </c>
      <c r="FP22" s="104">
        <v>130627</v>
      </c>
      <c r="FQ22" s="104">
        <v>539847</v>
      </c>
      <c r="FR22" s="104">
        <v>573021</v>
      </c>
      <c r="FS22" s="104">
        <v>407904</v>
      </c>
      <c r="FT22" s="104">
        <v>309064</v>
      </c>
      <c r="FU22" s="103">
        <v>1960463</v>
      </c>
      <c r="FV22" s="106">
        <v>2158885</v>
      </c>
      <c r="FW22" s="105">
        <v>53886</v>
      </c>
      <c r="FX22" s="104">
        <v>124236</v>
      </c>
      <c r="FY22" s="102">
        <v>178122</v>
      </c>
      <c r="FZ22" s="101">
        <v>0</v>
      </c>
      <c r="GA22" s="104">
        <v>114527</v>
      </c>
      <c r="GB22" s="104">
        <v>539847</v>
      </c>
      <c r="GC22" s="104">
        <v>557621</v>
      </c>
      <c r="GD22" s="104">
        <v>407904</v>
      </c>
      <c r="GE22" s="104">
        <v>309064</v>
      </c>
      <c r="GF22" s="103">
        <v>1928963</v>
      </c>
      <c r="GG22" s="290">
        <v>2107085</v>
      </c>
      <c r="GH22" s="105">
        <v>0</v>
      </c>
      <c r="GI22" s="104">
        <v>0</v>
      </c>
      <c r="GJ22" s="102">
        <v>0</v>
      </c>
      <c r="GK22" s="101">
        <v>0</v>
      </c>
      <c r="GL22" s="104">
        <v>0</v>
      </c>
      <c r="GM22" s="104">
        <v>0</v>
      </c>
      <c r="GN22" s="104">
        <v>15400</v>
      </c>
      <c r="GO22" s="104">
        <v>0</v>
      </c>
      <c r="GP22" s="104">
        <v>0</v>
      </c>
      <c r="GQ22" s="103">
        <v>15400</v>
      </c>
      <c r="GR22" s="106">
        <v>15400</v>
      </c>
      <c r="GS22" s="100">
        <v>20300</v>
      </c>
      <c r="GT22" s="104">
        <v>0</v>
      </c>
      <c r="GU22" s="103">
        <v>20300</v>
      </c>
      <c r="GV22" s="100">
        <v>0</v>
      </c>
      <c r="GW22" s="104">
        <v>16100</v>
      </c>
      <c r="GX22" s="104">
        <v>0</v>
      </c>
      <c r="GY22" s="104">
        <v>0</v>
      </c>
      <c r="GZ22" s="104">
        <v>0</v>
      </c>
      <c r="HA22" s="104">
        <v>0</v>
      </c>
      <c r="HB22" s="102">
        <v>16100</v>
      </c>
      <c r="HC22" s="106">
        <v>36400</v>
      </c>
      <c r="HD22" s="100">
        <v>298724</v>
      </c>
      <c r="HE22" s="104">
        <v>242985</v>
      </c>
      <c r="HF22" s="102">
        <v>541709</v>
      </c>
      <c r="HG22" s="101">
        <v>0</v>
      </c>
      <c r="HH22" s="104">
        <v>1265405</v>
      </c>
      <c r="HI22" s="104">
        <v>980482</v>
      </c>
      <c r="HJ22" s="104">
        <v>1260623</v>
      </c>
      <c r="HK22" s="104">
        <v>2298930</v>
      </c>
      <c r="HL22" s="104">
        <v>1487075</v>
      </c>
      <c r="HM22" s="103">
        <v>7292515</v>
      </c>
      <c r="HN22" s="99">
        <v>7834224</v>
      </c>
      <c r="HO22" s="456">
        <v>0</v>
      </c>
      <c r="HP22" s="457">
        <v>0</v>
      </c>
      <c r="HQ22" s="458">
        <v>0</v>
      </c>
      <c r="HR22" s="459">
        <v>0</v>
      </c>
      <c r="HS22" s="457">
        <v>0</v>
      </c>
      <c r="HT22" s="457">
        <v>0</v>
      </c>
      <c r="HU22" s="457">
        <v>0</v>
      </c>
      <c r="HV22" s="457">
        <v>0</v>
      </c>
      <c r="HW22" s="457">
        <v>0</v>
      </c>
      <c r="HX22" s="460">
        <v>0</v>
      </c>
      <c r="HY22" s="461">
        <v>0</v>
      </c>
      <c r="HZ22" s="135">
        <v>0</v>
      </c>
      <c r="IA22" s="122">
        <v>0</v>
      </c>
      <c r="IB22" s="135">
        <v>0</v>
      </c>
      <c r="IC22" s="121">
        <v>0</v>
      </c>
      <c r="ID22" s="122">
        <v>1133822</v>
      </c>
      <c r="IE22" s="123">
        <v>1943397</v>
      </c>
      <c r="IF22" s="124">
        <v>1278229</v>
      </c>
      <c r="IG22" s="122">
        <v>1449482</v>
      </c>
      <c r="IH22" s="124">
        <v>1965254</v>
      </c>
      <c r="II22" s="125">
        <v>7770184</v>
      </c>
      <c r="IJ22" s="135">
        <v>7770184</v>
      </c>
      <c r="IK22" s="215">
        <v>0</v>
      </c>
      <c r="IL22" s="219">
        <v>0</v>
      </c>
      <c r="IM22" s="220">
        <v>0</v>
      </c>
      <c r="IN22" s="470">
        <v>0</v>
      </c>
      <c r="IO22" s="109">
        <v>40075</v>
      </c>
      <c r="IP22" s="109">
        <v>0</v>
      </c>
      <c r="IQ22" s="109">
        <v>0</v>
      </c>
      <c r="IR22" s="109">
        <v>0</v>
      </c>
      <c r="IS22" s="109">
        <v>0</v>
      </c>
      <c r="IT22" s="128">
        <v>40075</v>
      </c>
      <c r="IU22" s="292">
        <v>40075</v>
      </c>
      <c r="IV22" s="129">
        <v>0</v>
      </c>
      <c r="IW22" s="109">
        <v>0</v>
      </c>
      <c r="IX22" s="110">
        <v>0</v>
      </c>
      <c r="IY22" s="470">
        <v>0</v>
      </c>
      <c r="IZ22" s="109">
        <v>0</v>
      </c>
      <c r="JA22" s="109">
        <v>0</v>
      </c>
      <c r="JB22" s="109">
        <v>0</v>
      </c>
      <c r="JC22" s="109">
        <v>0</v>
      </c>
      <c r="JD22" s="109">
        <v>0</v>
      </c>
      <c r="JE22" s="110">
        <v>0</v>
      </c>
      <c r="JF22" s="111">
        <v>0</v>
      </c>
      <c r="JG22" s="129">
        <v>0</v>
      </c>
      <c r="JH22" s="109">
        <v>0</v>
      </c>
      <c r="JI22" s="128">
        <v>0</v>
      </c>
      <c r="JJ22" s="108">
        <v>0</v>
      </c>
      <c r="JK22" s="109">
        <v>672727</v>
      </c>
      <c r="JL22" s="109">
        <v>675003</v>
      </c>
      <c r="JM22" s="109">
        <v>391419</v>
      </c>
      <c r="JN22" s="109">
        <v>70178</v>
      </c>
      <c r="JO22" s="109">
        <v>74708</v>
      </c>
      <c r="JP22" s="110">
        <v>1884035</v>
      </c>
      <c r="JQ22" s="292">
        <v>1884035</v>
      </c>
      <c r="JR22" s="129">
        <v>0</v>
      </c>
      <c r="JS22" s="109">
        <v>0</v>
      </c>
      <c r="JT22" s="128">
        <v>0</v>
      </c>
      <c r="JU22" s="108">
        <v>0</v>
      </c>
      <c r="JV22" s="109">
        <v>0</v>
      </c>
      <c r="JW22" s="109">
        <v>0</v>
      </c>
      <c r="JX22" s="109">
        <v>0</v>
      </c>
      <c r="JY22" s="109">
        <v>0</v>
      </c>
      <c r="JZ22" s="109">
        <v>39518</v>
      </c>
      <c r="KA22" s="110">
        <v>39518</v>
      </c>
      <c r="KB22" s="292">
        <v>39518</v>
      </c>
      <c r="KC22" s="217">
        <v>0</v>
      </c>
      <c r="KD22" s="213">
        <v>0</v>
      </c>
      <c r="KE22" s="110">
        <v>0</v>
      </c>
      <c r="KF22" s="108">
        <v>0</v>
      </c>
      <c r="KG22" s="109">
        <v>211360</v>
      </c>
      <c r="KH22" s="109">
        <v>162111</v>
      </c>
      <c r="KI22" s="109">
        <v>218270</v>
      </c>
      <c r="KJ22" s="109">
        <v>237769</v>
      </c>
      <c r="KK22" s="109">
        <v>260416</v>
      </c>
      <c r="KL22" s="110">
        <v>1089926</v>
      </c>
      <c r="KM22" s="130">
        <v>1089926</v>
      </c>
      <c r="KN22" s="215">
        <v>0</v>
      </c>
      <c r="KO22" s="219">
        <v>0</v>
      </c>
      <c r="KP22" s="220">
        <v>0</v>
      </c>
      <c r="KQ22" s="470">
        <v>0</v>
      </c>
      <c r="KR22" s="109">
        <v>209660</v>
      </c>
      <c r="KS22" s="109">
        <v>1106283</v>
      </c>
      <c r="KT22" s="109">
        <v>452845</v>
      </c>
      <c r="KU22" s="109">
        <v>433869</v>
      </c>
      <c r="KV22" s="109">
        <v>947053</v>
      </c>
      <c r="KW22" s="110">
        <v>3149710</v>
      </c>
      <c r="KX22" s="292">
        <v>3149710</v>
      </c>
      <c r="KY22" s="129">
        <v>0</v>
      </c>
      <c r="KZ22" s="109">
        <v>0</v>
      </c>
      <c r="LA22" s="110">
        <v>0</v>
      </c>
      <c r="LB22" s="470">
        <v>0</v>
      </c>
      <c r="LC22" s="109">
        <v>0</v>
      </c>
      <c r="LD22" s="109">
        <v>0</v>
      </c>
      <c r="LE22" s="109">
        <v>0</v>
      </c>
      <c r="LF22" s="109">
        <v>0</v>
      </c>
      <c r="LG22" s="109">
        <v>0</v>
      </c>
      <c r="LH22" s="110">
        <v>0</v>
      </c>
      <c r="LI22" s="111">
        <v>0</v>
      </c>
      <c r="LJ22" s="129">
        <v>0</v>
      </c>
      <c r="LK22" s="109">
        <v>0</v>
      </c>
      <c r="LL22" s="110">
        <v>0</v>
      </c>
      <c r="LM22" s="470">
        <v>0</v>
      </c>
      <c r="LN22" s="109">
        <v>0</v>
      </c>
      <c r="LO22" s="109">
        <v>0</v>
      </c>
      <c r="LP22" s="109">
        <v>215695</v>
      </c>
      <c r="LQ22" s="109">
        <v>707666</v>
      </c>
      <c r="LR22" s="109">
        <v>502484</v>
      </c>
      <c r="LS22" s="110">
        <v>1425845</v>
      </c>
      <c r="LT22" s="292">
        <v>1425845</v>
      </c>
      <c r="LU22" s="129">
        <v>0</v>
      </c>
      <c r="LV22" s="109">
        <v>0</v>
      </c>
      <c r="LW22" s="110">
        <v>0</v>
      </c>
      <c r="LX22" s="470">
        <v>0</v>
      </c>
      <c r="LY22" s="109">
        <v>0</v>
      </c>
      <c r="LZ22" s="109">
        <v>0</v>
      </c>
      <c r="MA22" s="109">
        <v>0</v>
      </c>
      <c r="MB22" s="109">
        <v>0</v>
      </c>
      <c r="MC22" s="109">
        <v>141075</v>
      </c>
      <c r="MD22" s="110">
        <v>141075</v>
      </c>
      <c r="ME22" s="111">
        <v>141075</v>
      </c>
      <c r="MF22" s="129">
        <v>0</v>
      </c>
      <c r="MG22" s="109">
        <v>0</v>
      </c>
      <c r="MH22" s="110">
        <v>0</v>
      </c>
      <c r="MI22" s="470">
        <v>0</v>
      </c>
      <c r="MJ22" s="109">
        <v>635856</v>
      </c>
      <c r="MK22" s="109">
        <v>1323862</v>
      </c>
      <c r="ML22" s="109">
        <v>3357470</v>
      </c>
      <c r="MM22" s="109">
        <v>2758412</v>
      </c>
      <c r="MN22" s="109">
        <v>3387389</v>
      </c>
      <c r="MO22" s="110">
        <v>11462989</v>
      </c>
      <c r="MP22" s="130">
        <v>11462989</v>
      </c>
      <c r="MQ22" s="129">
        <v>0</v>
      </c>
      <c r="MR22" s="109">
        <v>0</v>
      </c>
      <c r="MS22" s="110">
        <v>0</v>
      </c>
      <c r="MT22" s="470">
        <v>0</v>
      </c>
      <c r="MU22" s="109">
        <v>0</v>
      </c>
      <c r="MV22" s="109">
        <v>212478</v>
      </c>
      <c r="MW22" s="109">
        <v>985726</v>
      </c>
      <c r="MX22" s="109">
        <v>678155</v>
      </c>
      <c r="MY22" s="109">
        <v>2254310</v>
      </c>
      <c r="MZ22" s="110">
        <v>4130669</v>
      </c>
      <c r="NA22" s="130">
        <v>4130669</v>
      </c>
      <c r="NB22" s="129">
        <v>0</v>
      </c>
      <c r="NC22" s="109">
        <v>0</v>
      </c>
      <c r="ND22" s="110">
        <v>0</v>
      </c>
      <c r="NE22" s="470">
        <v>0</v>
      </c>
      <c r="NF22" s="109">
        <v>635856</v>
      </c>
      <c r="NG22" s="109">
        <v>1111384</v>
      </c>
      <c r="NH22" s="109">
        <v>2371744</v>
      </c>
      <c r="NI22" s="109">
        <v>2080257</v>
      </c>
      <c r="NJ22" s="109">
        <v>777344</v>
      </c>
      <c r="NK22" s="110">
        <v>6976585</v>
      </c>
      <c r="NL22" s="292">
        <v>6976585</v>
      </c>
      <c r="NM22" s="129">
        <v>0</v>
      </c>
      <c r="NN22" s="109">
        <v>0</v>
      </c>
      <c r="NO22" s="110">
        <v>0</v>
      </c>
      <c r="NP22" s="470">
        <v>0</v>
      </c>
      <c r="NQ22" s="109">
        <v>0</v>
      </c>
      <c r="NR22" s="109">
        <v>0</v>
      </c>
      <c r="NS22" s="109">
        <v>0</v>
      </c>
      <c r="NT22" s="109">
        <v>0</v>
      </c>
      <c r="NU22" s="109">
        <v>0</v>
      </c>
      <c r="NV22" s="110">
        <v>0</v>
      </c>
      <c r="NW22" s="111">
        <v>0</v>
      </c>
      <c r="NX22" s="129">
        <v>0</v>
      </c>
      <c r="NY22" s="109">
        <v>0</v>
      </c>
      <c r="NZ22" s="110">
        <v>0</v>
      </c>
      <c r="OA22" s="470">
        <v>0</v>
      </c>
      <c r="OB22" s="109">
        <v>0</v>
      </c>
      <c r="OC22" s="109">
        <v>0</v>
      </c>
      <c r="OD22" s="109">
        <v>0</v>
      </c>
      <c r="OE22" s="109">
        <v>0</v>
      </c>
      <c r="OF22" s="109">
        <v>355735</v>
      </c>
      <c r="OG22" s="110">
        <v>355735</v>
      </c>
      <c r="OH22" s="111">
        <v>355735</v>
      </c>
      <c r="OI22" s="129">
        <v>657722</v>
      </c>
      <c r="OJ22" s="109">
        <v>743586</v>
      </c>
      <c r="OK22" s="128">
        <v>1401308</v>
      </c>
      <c r="OL22" s="108">
        <v>0</v>
      </c>
      <c r="OM22" s="109">
        <v>5177450</v>
      </c>
      <c r="ON22" s="109">
        <v>9720933</v>
      </c>
      <c r="OO22" s="109">
        <v>11348406</v>
      </c>
      <c r="OP22" s="109">
        <v>10964234</v>
      </c>
      <c r="OQ22" s="109">
        <v>10142990</v>
      </c>
      <c r="OR22" s="110">
        <v>47354013</v>
      </c>
      <c r="OS22" s="130">
        <v>48755321</v>
      </c>
    </row>
    <row r="23" spans="2:409" ht="21" customHeight="1" x14ac:dyDescent="0.2">
      <c r="B23" s="437" t="s">
        <v>18</v>
      </c>
      <c r="C23" s="100">
        <v>537297</v>
      </c>
      <c r="D23" s="104">
        <v>749348</v>
      </c>
      <c r="E23" s="103">
        <v>1286645</v>
      </c>
      <c r="F23" s="99">
        <v>0</v>
      </c>
      <c r="G23" s="104">
        <v>5869911</v>
      </c>
      <c r="H23" s="104">
        <v>8628082</v>
      </c>
      <c r="I23" s="104">
        <v>6730835</v>
      </c>
      <c r="J23" s="104">
        <v>7610836</v>
      </c>
      <c r="K23" s="104">
        <v>6733244</v>
      </c>
      <c r="L23" s="99">
        <v>35572908</v>
      </c>
      <c r="M23" s="106">
        <v>36859553</v>
      </c>
      <c r="N23" s="100">
        <v>162884</v>
      </c>
      <c r="O23" s="104">
        <v>178191</v>
      </c>
      <c r="P23" s="103">
        <v>341075</v>
      </c>
      <c r="Q23" s="100">
        <v>0</v>
      </c>
      <c r="R23" s="104">
        <v>1641968</v>
      </c>
      <c r="S23" s="104">
        <v>2642087</v>
      </c>
      <c r="T23" s="104">
        <v>3067421</v>
      </c>
      <c r="U23" s="104">
        <v>3315415</v>
      </c>
      <c r="V23" s="104">
        <v>1707962</v>
      </c>
      <c r="W23" s="103">
        <v>12374853</v>
      </c>
      <c r="X23" s="106">
        <v>12715928</v>
      </c>
      <c r="Y23" s="100">
        <v>0</v>
      </c>
      <c r="Z23" s="104">
        <v>0</v>
      </c>
      <c r="AA23" s="103">
        <v>0</v>
      </c>
      <c r="AB23" s="100">
        <v>0</v>
      </c>
      <c r="AC23" s="104">
        <v>679583</v>
      </c>
      <c r="AD23" s="104">
        <v>1144571</v>
      </c>
      <c r="AE23" s="104">
        <v>1582771</v>
      </c>
      <c r="AF23" s="104">
        <v>2059921</v>
      </c>
      <c r="AG23" s="104">
        <v>788791</v>
      </c>
      <c r="AH23" s="103">
        <v>6255637</v>
      </c>
      <c r="AI23" s="106">
        <v>6255637</v>
      </c>
      <c r="AJ23" s="100">
        <v>0</v>
      </c>
      <c r="AK23" s="104">
        <v>0</v>
      </c>
      <c r="AL23" s="103">
        <v>0</v>
      </c>
      <c r="AM23" s="100">
        <v>0</v>
      </c>
      <c r="AN23" s="104">
        <v>0</v>
      </c>
      <c r="AO23" s="104">
        <v>0</v>
      </c>
      <c r="AP23" s="104">
        <v>50437</v>
      </c>
      <c r="AQ23" s="104">
        <v>156886</v>
      </c>
      <c r="AR23" s="104">
        <v>78411</v>
      </c>
      <c r="AS23" s="103">
        <v>285734</v>
      </c>
      <c r="AT23" s="106">
        <v>285734</v>
      </c>
      <c r="AU23" s="100">
        <v>81308</v>
      </c>
      <c r="AV23" s="104">
        <v>112330</v>
      </c>
      <c r="AW23" s="103">
        <v>193638</v>
      </c>
      <c r="AX23" s="100">
        <v>0</v>
      </c>
      <c r="AY23" s="104">
        <v>582185</v>
      </c>
      <c r="AZ23" s="104">
        <v>1047125</v>
      </c>
      <c r="BA23" s="104">
        <v>941332</v>
      </c>
      <c r="BB23" s="104">
        <v>574720</v>
      </c>
      <c r="BC23" s="104">
        <v>442712</v>
      </c>
      <c r="BD23" s="103">
        <v>3588074</v>
      </c>
      <c r="BE23" s="106">
        <v>3781712</v>
      </c>
      <c r="BF23" s="100">
        <v>28180</v>
      </c>
      <c r="BG23" s="104">
        <v>14754</v>
      </c>
      <c r="BH23" s="102">
        <v>42934</v>
      </c>
      <c r="BI23" s="101">
        <v>0</v>
      </c>
      <c r="BJ23" s="104">
        <v>78626</v>
      </c>
      <c r="BK23" s="104">
        <v>48304</v>
      </c>
      <c r="BL23" s="104">
        <v>69920</v>
      </c>
      <c r="BM23" s="104">
        <v>71863</v>
      </c>
      <c r="BN23" s="104">
        <v>0</v>
      </c>
      <c r="BO23" s="103">
        <v>268713</v>
      </c>
      <c r="BP23" s="106">
        <v>311647</v>
      </c>
      <c r="BQ23" s="100">
        <v>53396</v>
      </c>
      <c r="BR23" s="104">
        <v>51107</v>
      </c>
      <c r="BS23" s="103">
        <v>104503</v>
      </c>
      <c r="BT23" s="100">
        <v>0</v>
      </c>
      <c r="BU23" s="104">
        <v>301574</v>
      </c>
      <c r="BV23" s="104">
        <v>402087</v>
      </c>
      <c r="BW23" s="104">
        <v>422961</v>
      </c>
      <c r="BX23" s="104">
        <v>452025</v>
      </c>
      <c r="BY23" s="104">
        <v>398048</v>
      </c>
      <c r="BZ23" s="103">
        <v>1976695</v>
      </c>
      <c r="CA23" s="106">
        <v>2081198</v>
      </c>
      <c r="CB23" s="100">
        <v>93406</v>
      </c>
      <c r="CC23" s="104">
        <v>201426</v>
      </c>
      <c r="CD23" s="103">
        <v>294832</v>
      </c>
      <c r="CE23" s="100">
        <v>0</v>
      </c>
      <c r="CF23" s="104">
        <v>2151505</v>
      </c>
      <c r="CG23" s="104">
        <v>3020603</v>
      </c>
      <c r="CH23" s="104">
        <v>1169241</v>
      </c>
      <c r="CI23" s="104">
        <v>1445021</v>
      </c>
      <c r="CJ23" s="104">
        <v>667327</v>
      </c>
      <c r="CK23" s="103">
        <v>8453697</v>
      </c>
      <c r="CL23" s="106">
        <v>8748529</v>
      </c>
      <c r="CM23" s="100">
        <v>0</v>
      </c>
      <c r="CN23" s="104">
        <v>0</v>
      </c>
      <c r="CO23" s="103">
        <v>0</v>
      </c>
      <c r="CP23" s="101">
        <v>0</v>
      </c>
      <c r="CQ23" s="104">
        <v>1575166</v>
      </c>
      <c r="CR23" s="104">
        <v>2297620</v>
      </c>
      <c r="CS23" s="104">
        <v>758329</v>
      </c>
      <c r="CT23" s="104">
        <v>1012596</v>
      </c>
      <c r="CU23" s="104">
        <v>613285</v>
      </c>
      <c r="CV23" s="103">
        <v>6256996</v>
      </c>
      <c r="CW23" s="106">
        <v>6256996</v>
      </c>
      <c r="CX23" s="100">
        <v>93406</v>
      </c>
      <c r="CY23" s="104">
        <v>201426</v>
      </c>
      <c r="CZ23" s="103">
        <v>294832</v>
      </c>
      <c r="DA23" s="100">
        <v>0</v>
      </c>
      <c r="DB23" s="104">
        <v>576339</v>
      </c>
      <c r="DC23" s="104">
        <v>722983</v>
      </c>
      <c r="DD23" s="104">
        <v>410912</v>
      </c>
      <c r="DE23" s="104">
        <v>432425</v>
      </c>
      <c r="DF23" s="104">
        <v>54042</v>
      </c>
      <c r="DG23" s="103">
        <v>2196701</v>
      </c>
      <c r="DH23" s="106">
        <v>2491533</v>
      </c>
      <c r="DI23" s="100">
        <v>0</v>
      </c>
      <c r="DJ23" s="104">
        <v>0</v>
      </c>
      <c r="DK23" s="102">
        <v>0</v>
      </c>
      <c r="DL23" s="101">
        <v>0</v>
      </c>
      <c r="DM23" s="104">
        <v>246564</v>
      </c>
      <c r="DN23" s="104">
        <v>529263</v>
      </c>
      <c r="DO23" s="104">
        <v>615075</v>
      </c>
      <c r="DP23" s="104">
        <v>497089</v>
      </c>
      <c r="DQ23" s="104">
        <v>526289</v>
      </c>
      <c r="DR23" s="103">
        <v>2414280</v>
      </c>
      <c r="DS23" s="106">
        <v>2414280</v>
      </c>
      <c r="DT23" s="100">
        <v>0</v>
      </c>
      <c r="DU23" s="104">
        <v>0</v>
      </c>
      <c r="DV23" s="103">
        <v>0</v>
      </c>
      <c r="DW23" s="100">
        <v>0</v>
      </c>
      <c r="DX23" s="104">
        <v>246564</v>
      </c>
      <c r="DY23" s="104">
        <v>529263</v>
      </c>
      <c r="DZ23" s="104">
        <v>615075</v>
      </c>
      <c r="EA23" s="104">
        <v>497089</v>
      </c>
      <c r="EB23" s="104">
        <v>497790</v>
      </c>
      <c r="EC23" s="103">
        <v>2385781</v>
      </c>
      <c r="ED23" s="106">
        <v>2385781</v>
      </c>
      <c r="EE23" s="100">
        <v>0</v>
      </c>
      <c r="EF23" s="102">
        <v>0</v>
      </c>
      <c r="EG23" s="103">
        <v>0</v>
      </c>
      <c r="EH23" s="100">
        <v>0</v>
      </c>
      <c r="EI23" s="104">
        <v>0</v>
      </c>
      <c r="EJ23" s="104">
        <v>0</v>
      </c>
      <c r="EK23" s="104">
        <v>0</v>
      </c>
      <c r="EL23" s="104">
        <v>0</v>
      </c>
      <c r="EM23" s="104">
        <v>28499</v>
      </c>
      <c r="EN23" s="102">
        <v>28499</v>
      </c>
      <c r="EO23" s="106">
        <v>28499</v>
      </c>
      <c r="EP23" s="100">
        <v>0</v>
      </c>
      <c r="EQ23" s="104">
        <v>0</v>
      </c>
      <c r="ER23" s="102">
        <v>0</v>
      </c>
      <c r="ES23" s="101">
        <v>0</v>
      </c>
      <c r="ET23" s="104">
        <v>0</v>
      </c>
      <c r="EU23" s="104">
        <v>0</v>
      </c>
      <c r="EV23" s="104">
        <v>0</v>
      </c>
      <c r="EW23" s="104">
        <v>0</v>
      </c>
      <c r="EX23" s="104">
        <v>0</v>
      </c>
      <c r="EY23" s="103">
        <v>0</v>
      </c>
      <c r="EZ23" s="106">
        <v>0</v>
      </c>
      <c r="FA23" s="100">
        <v>0</v>
      </c>
      <c r="FB23" s="104">
        <v>0</v>
      </c>
      <c r="FC23" s="102">
        <v>0</v>
      </c>
      <c r="FD23" s="470">
        <v>0</v>
      </c>
      <c r="FE23" s="104">
        <v>0</v>
      </c>
      <c r="FF23" s="104">
        <v>0</v>
      </c>
      <c r="FG23" s="104">
        <v>0</v>
      </c>
      <c r="FH23" s="104">
        <v>0</v>
      </c>
      <c r="FI23" s="104">
        <v>0</v>
      </c>
      <c r="FJ23" s="103">
        <v>0</v>
      </c>
      <c r="FK23" s="106">
        <v>0</v>
      </c>
      <c r="FL23" s="100">
        <v>46438</v>
      </c>
      <c r="FM23" s="104">
        <v>207851</v>
      </c>
      <c r="FN23" s="103">
        <v>254289</v>
      </c>
      <c r="FO23" s="100">
        <v>0</v>
      </c>
      <c r="FP23" s="104">
        <v>416822</v>
      </c>
      <c r="FQ23" s="104">
        <v>849674</v>
      </c>
      <c r="FR23" s="104">
        <v>661483</v>
      </c>
      <c r="FS23" s="104">
        <v>435456</v>
      </c>
      <c r="FT23" s="104">
        <v>236992</v>
      </c>
      <c r="FU23" s="103">
        <v>2600427</v>
      </c>
      <c r="FV23" s="106">
        <v>2854716</v>
      </c>
      <c r="FW23" s="105">
        <v>27034</v>
      </c>
      <c r="FX23" s="104">
        <v>117383</v>
      </c>
      <c r="FY23" s="102">
        <v>144417</v>
      </c>
      <c r="FZ23" s="101">
        <v>0</v>
      </c>
      <c r="GA23" s="104">
        <v>340312</v>
      </c>
      <c r="GB23" s="104">
        <v>721574</v>
      </c>
      <c r="GC23" s="104">
        <v>661483</v>
      </c>
      <c r="GD23" s="104">
        <v>422856</v>
      </c>
      <c r="GE23" s="104">
        <v>236992</v>
      </c>
      <c r="GF23" s="103">
        <v>2383217</v>
      </c>
      <c r="GG23" s="290">
        <v>2527634</v>
      </c>
      <c r="GH23" s="105">
        <v>19404</v>
      </c>
      <c r="GI23" s="104">
        <v>20328</v>
      </c>
      <c r="GJ23" s="102">
        <v>39732</v>
      </c>
      <c r="GK23" s="101">
        <v>0</v>
      </c>
      <c r="GL23" s="104">
        <v>25410</v>
      </c>
      <c r="GM23" s="104">
        <v>0</v>
      </c>
      <c r="GN23" s="104">
        <v>0</v>
      </c>
      <c r="GO23" s="104">
        <v>12600</v>
      </c>
      <c r="GP23" s="104">
        <v>0</v>
      </c>
      <c r="GQ23" s="103">
        <v>38010</v>
      </c>
      <c r="GR23" s="106">
        <v>77742</v>
      </c>
      <c r="GS23" s="100">
        <v>0</v>
      </c>
      <c r="GT23" s="104">
        <v>70140</v>
      </c>
      <c r="GU23" s="103">
        <v>70140</v>
      </c>
      <c r="GV23" s="100">
        <v>0</v>
      </c>
      <c r="GW23" s="104">
        <v>51100</v>
      </c>
      <c r="GX23" s="104">
        <v>128100</v>
      </c>
      <c r="GY23" s="104">
        <v>0</v>
      </c>
      <c r="GZ23" s="104">
        <v>0</v>
      </c>
      <c r="HA23" s="104">
        <v>0</v>
      </c>
      <c r="HB23" s="102">
        <v>179200</v>
      </c>
      <c r="HC23" s="106">
        <v>249340</v>
      </c>
      <c r="HD23" s="100">
        <v>234569</v>
      </c>
      <c r="HE23" s="104">
        <v>161880</v>
      </c>
      <c r="HF23" s="102">
        <v>396449</v>
      </c>
      <c r="HG23" s="101">
        <v>0</v>
      </c>
      <c r="HH23" s="104">
        <v>1413052</v>
      </c>
      <c r="HI23" s="104">
        <v>1586455</v>
      </c>
      <c r="HJ23" s="104">
        <v>1217615</v>
      </c>
      <c r="HK23" s="104">
        <v>1917855</v>
      </c>
      <c r="HL23" s="104">
        <v>3594674</v>
      </c>
      <c r="HM23" s="103">
        <v>9729651</v>
      </c>
      <c r="HN23" s="99">
        <v>10126100</v>
      </c>
      <c r="HO23" s="456">
        <v>0</v>
      </c>
      <c r="HP23" s="457">
        <v>0</v>
      </c>
      <c r="HQ23" s="458">
        <v>0</v>
      </c>
      <c r="HR23" s="459">
        <v>0</v>
      </c>
      <c r="HS23" s="457">
        <v>0</v>
      </c>
      <c r="HT23" s="457">
        <v>0</v>
      </c>
      <c r="HU23" s="457">
        <v>0</v>
      </c>
      <c r="HV23" s="457">
        <v>0</v>
      </c>
      <c r="HW23" s="457">
        <v>0</v>
      </c>
      <c r="HX23" s="460">
        <v>0</v>
      </c>
      <c r="HY23" s="461">
        <v>0</v>
      </c>
      <c r="HZ23" s="118">
        <v>0</v>
      </c>
      <c r="IA23" s="119">
        <v>69640</v>
      </c>
      <c r="IB23" s="120">
        <v>69640</v>
      </c>
      <c r="IC23" s="131">
        <v>0</v>
      </c>
      <c r="ID23" s="119">
        <v>1170448</v>
      </c>
      <c r="IE23" s="132">
        <v>1249629</v>
      </c>
      <c r="IF23" s="120">
        <v>2332319</v>
      </c>
      <c r="IG23" s="119">
        <v>776328</v>
      </c>
      <c r="IH23" s="120">
        <v>1203569</v>
      </c>
      <c r="II23" s="133">
        <v>6732293</v>
      </c>
      <c r="IJ23" s="126">
        <v>6801933</v>
      </c>
      <c r="IK23" s="215">
        <v>0</v>
      </c>
      <c r="IL23" s="219">
        <v>0</v>
      </c>
      <c r="IM23" s="220">
        <v>0</v>
      </c>
      <c r="IN23" s="470">
        <v>0</v>
      </c>
      <c r="IO23" s="109">
        <v>0</v>
      </c>
      <c r="IP23" s="109">
        <v>0</v>
      </c>
      <c r="IQ23" s="109">
        <v>0</v>
      </c>
      <c r="IR23" s="109">
        <v>0</v>
      </c>
      <c r="IS23" s="109">
        <v>0</v>
      </c>
      <c r="IT23" s="128">
        <v>0</v>
      </c>
      <c r="IU23" s="292">
        <v>0</v>
      </c>
      <c r="IV23" s="129">
        <v>0</v>
      </c>
      <c r="IW23" s="109">
        <v>0</v>
      </c>
      <c r="IX23" s="110">
        <v>0</v>
      </c>
      <c r="IY23" s="470">
        <v>0</v>
      </c>
      <c r="IZ23" s="109">
        <v>0</v>
      </c>
      <c r="JA23" s="109">
        <v>0</v>
      </c>
      <c r="JB23" s="109">
        <v>0</v>
      </c>
      <c r="JC23" s="109">
        <v>0</v>
      </c>
      <c r="JD23" s="109">
        <v>184402</v>
      </c>
      <c r="JE23" s="110">
        <v>184402</v>
      </c>
      <c r="JF23" s="111">
        <v>184402</v>
      </c>
      <c r="JG23" s="129">
        <v>0</v>
      </c>
      <c r="JH23" s="109">
        <v>0</v>
      </c>
      <c r="JI23" s="128">
        <v>0</v>
      </c>
      <c r="JJ23" s="108">
        <v>0</v>
      </c>
      <c r="JK23" s="109">
        <v>537850</v>
      </c>
      <c r="JL23" s="109">
        <v>397596</v>
      </c>
      <c r="JM23" s="109">
        <v>417116</v>
      </c>
      <c r="JN23" s="109">
        <v>230771</v>
      </c>
      <c r="JO23" s="109">
        <v>0</v>
      </c>
      <c r="JP23" s="110">
        <v>1583333</v>
      </c>
      <c r="JQ23" s="292">
        <v>1583333</v>
      </c>
      <c r="JR23" s="129">
        <v>0</v>
      </c>
      <c r="JS23" s="109">
        <v>0</v>
      </c>
      <c r="JT23" s="128">
        <v>0</v>
      </c>
      <c r="JU23" s="108">
        <v>0</v>
      </c>
      <c r="JV23" s="109">
        <v>88146</v>
      </c>
      <c r="JW23" s="109">
        <v>0</v>
      </c>
      <c r="JX23" s="109">
        <v>234812</v>
      </c>
      <c r="JY23" s="109">
        <v>169920</v>
      </c>
      <c r="JZ23" s="109">
        <v>0</v>
      </c>
      <c r="KA23" s="110">
        <v>492878</v>
      </c>
      <c r="KB23" s="292">
        <v>492878</v>
      </c>
      <c r="KC23" s="217">
        <v>0</v>
      </c>
      <c r="KD23" s="213">
        <v>69640</v>
      </c>
      <c r="KE23" s="110">
        <v>69640</v>
      </c>
      <c r="KF23" s="108">
        <v>0</v>
      </c>
      <c r="KG23" s="109">
        <v>121216</v>
      </c>
      <c r="KH23" s="109">
        <v>0</v>
      </c>
      <c r="KI23" s="109">
        <v>307561</v>
      </c>
      <c r="KJ23" s="109">
        <v>0</v>
      </c>
      <c r="KK23" s="109">
        <v>0</v>
      </c>
      <c r="KL23" s="110">
        <v>428777</v>
      </c>
      <c r="KM23" s="130">
        <v>498417</v>
      </c>
      <c r="KN23" s="215">
        <v>0</v>
      </c>
      <c r="KO23" s="219">
        <v>0</v>
      </c>
      <c r="KP23" s="220">
        <v>0</v>
      </c>
      <c r="KQ23" s="470">
        <v>0</v>
      </c>
      <c r="KR23" s="109">
        <v>423236</v>
      </c>
      <c r="KS23" s="109">
        <v>852033</v>
      </c>
      <c r="KT23" s="109">
        <v>1119097</v>
      </c>
      <c r="KU23" s="109">
        <v>0</v>
      </c>
      <c r="KV23" s="109">
        <v>232257</v>
      </c>
      <c r="KW23" s="110">
        <v>2626623</v>
      </c>
      <c r="KX23" s="292">
        <v>2626623</v>
      </c>
      <c r="KY23" s="129">
        <v>0</v>
      </c>
      <c r="KZ23" s="109">
        <v>0</v>
      </c>
      <c r="LA23" s="110">
        <v>0</v>
      </c>
      <c r="LB23" s="470">
        <v>0</v>
      </c>
      <c r="LC23" s="109">
        <v>0</v>
      </c>
      <c r="LD23" s="109">
        <v>0</v>
      </c>
      <c r="LE23" s="109">
        <v>0</v>
      </c>
      <c r="LF23" s="109">
        <v>0</v>
      </c>
      <c r="LG23" s="109">
        <v>0</v>
      </c>
      <c r="LH23" s="110">
        <v>0</v>
      </c>
      <c r="LI23" s="111">
        <v>0</v>
      </c>
      <c r="LJ23" s="129">
        <v>0</v>
      </c>
      <c r="LK23" s="109">
        <v>0</v>
      </c>
      <c r="LL23" s="110">
        <v>0</v>
      </c>
      <c r="LM23" s="470">
        <v>0</v>
      </c>
      <c r="LN23" s="109">
        <v>0</v>
      </c>
      <c r="LO23" s="109">
        <v>0</v>
      </c>
      <c r="LP23" s="109">
        <v>0</v>
      </c>
      <c r="LQ23" s="109">
        <v>249982</v>
      </c>
      <c r="LR23" s="109">
        <v>155450</v>
      </c>
      <c r="LS23" s="110">
        <v>405432</v>
      </c>
      <c r="LT23" s="292">
        <v>405432</v>
      </c>
      <c r="LU23" s="129">
        <v>0</v>
      </c>
      <c r="LV23" s="109">
        <v>0</v>
      </c>
      <c r="LW23" s="110">
        <v>0</v>
      </c>
      <c r="LX23" s="470">
        <v>0</v>
      </c>
      <c r="LY23" s="109">
        <v>0</v>
      </c>
      <c r="LZ23" s="109">
        <v>0</v>
      </c>
      <c r="MA23" s="109">
        <v>253733</v>
      </c>
      <c r="MB23" s="109">
        <v>125655</v>
      </c>
      <c r="MC23" s="109">
        <v>631460</v>
      </c>
      <c r="MD23" s="110">
        <v>1010848</v>
      </c>
      <c r="ME23" s="111">
        <v>1010848</v>
      </c>
      <c r="MF23" s="129">
        <v>0</v>
      </c>
      <c r="MG23" s="109">
        <v>0</v>
      </c>
      <c r="MH23" s="110">
        <v>0</v>
      </c>
      <c r="MI23" s="470">
        <v>0</v>
      </c>
      <c r="MJ23" s="109">
        <v>595670</v>
      </c>
      <c r="MK23" s="109">
        <v>198097</v>
      </c>
      <c r="ML23" s="109">
        <v>2456680</v>
      </c>
      <c r="MM23" s="109">
        <v>4125562</v>
      </c>
      <c r="MN23" s="109">
        <v>2711568</v>
      </c>
      <c r="MO23" s="110">
        <v>10087577</v>
      </c>
      <c r="MP23" s="130">
        <v>10087577</v>
      </c>
      <c r="MQ23" s="129">
        <v>0</v>
      </c>
      <c r="MR23" s="109">
        <v>0</v>
      </c>
      <c r="MS23" s="110">
        <v>0</v>
      </c>
      <c r="MT23" s="470">
        <v>0</v>
      </c>
      <c r="MU23" s="109">
        <v>0</v>
      </c>
      <c r="MV23" s="109">
        <v>198097</v>
      </c>
      <c r="MW23" s="109">
        <v>1483840</v>
      </c>
      <c r="MX23" s="109">
        <v>2373461</v>
      </c>
      <c r="MY23" s="109">
        <v>1882335</v>
      </c>
      <c r="MZ23" s="110">
        <v>5937733</v>
      </c>
      <c r="NA23" s="130">
        <v>5937733</v>
      </c>
      <c r="NB23" s="129">
        <v>0</v>
      </c>
      <c r="NC23" s="109">
        <v>0</v>
      </c>
      <c r="ND23" s="110">
        <v>0</v>
      </c>
      <c r="NE23" s="470">
        <v>0</v>
      </c>
      <c r="NF23" s="109">
        <v>595670</v>
      </c>
      <c r="NG23" s="109">
        <v>0</v>
      </c>
      <c r="NH23" s="109">
        <v>972840</v>
      </c>
      <c r="NI23" s="109">
        <v>1752101</v>
      </c>
      <c r="NJ23" s="109">
        <v>481733</v>
      </c>
      <c r="NK23" s="110">
        <v>3802344</v>
      </c>
      <c r="NL23" s="292">
        <v>3802344</v>
      </c>
      <c r="NM23" s="129">
        <v>0</v>
      </c>
      <c r="NN23" s="109">
        <v>0</v>
      </c>
      <c r="NO23" s="110">
        <v>0</v>
      </c>
      <c r="NP23" s="470">
        <v>0</v>
      </c>
      <c r="NQ23" s="109">
        <v>0</v>
      </c>
      <c r="NR23" s="109">
        <v>0</v>
      </c>
      <c r="NS23" s="109">
        <v>0</v>
      </c>
      <c r="NT23" s="109">
        <v>0</v>
      </c>
      <c r="NU23" s="109">
        <v>0</v>
      </c>
      <c r="NV23" s="110">
        <v>0</v>
      </c>
      <c r="NW23" s="111">
        <v>0</v>
      </c>
      <c r="NX23" s="129">
        <v>0</v>
      </c>
      <c r="NY23" s="109">
        <v>0</v>
      </c>
      <c r="NZ23" s="110">
        <v>0</v>
      </c>
      <c r="OA23" s="470">
        <v>0</v>
      </c>
      <c r="OB23" s="109">
        <v>0</v>
      </c>
      <c r="OC23" s="109">
        <v>0</v>
      </c>
      <c r="OD23" s="109">
        <v>0</v>
      </c>
      <c r="OE23" s="109">
        <v>0</v>
      </c>
      <c r="OF23" s="109">
        <v>347500</v>
      </c>
      <c r="OG23" s="110">
        <v>347500</v>
      </c>
      <c r="OH23" s="111">
        <v>347500</v>
      </c>
      <c r="OI23" s="129">
        <v>537297</v>
      </c>
      <c r="OJ23" s="109">
        <v>818988</v>
      </c>
      <c r="OK23" s="128">
        <v>1356285</v>
      </c>
      <c r="OL23" s="108">
        <v>0</v>
      </c>
      <c r="OM23" s="109">
        <v>7636029</v>
      </c>
      <c r="ON23" s="109">
        <v>10075808</v>
      </c>
      <c r="OO23" s="109">
        <v>11519834</v>
      </c>
      <c r="OP23" s="109">
        <v>12512726</v>
      </c>
      <c r="OQ23" s="109">
        <v>10648381</v>
      </c>
      <c r="OR23" s="110">
        <v>52392778</v>
      </c>
      <c r="OS23" s="130">
        <v>53749063</v>
      </c>
    </row>
    <row r="24" spans="2:409" ht="21" customHeight="1" x14ac:dyDescent="0.2">
      <c r="B24" s="437" t="s">
        <v>19</v>
      </c>
      <c r="C24" s="100">
        <v>182072</v>
      </c>
      <c r="D24" s="104">
        <v>399951</v>
      </c>
      <c r="E24" s="103">
        <v>582023</v>
      </c>
      <c r="F24" s="99">
        <v>0</v>
      </c>
      <c r="G24" s="104">
        <v>3222207</v>
      </c>
      <c r="H24" s="104">
        <v>3280363</v>
      </c>
      <c r="I24" s="104">
        <v>2966706</v>
      </c>
      <c r="J24" s="104">
        <v>1556418</v>
      </c>
      <c r="K24" s="104">
        <v>1374015</v>
      </c>
      <c r="L24" s="99">
        <v>12399709</v>
      </c>
      <c r="M24" s="106">
        <v>12981732</v>
      </c>
      <c r="N24" s="100">
        <v>85892</v>
      </c>
      <c r="O24" s="104">
        <v>165356</v>
      </c>
      <c r="P24" s="103">
        <v>251248</v>
      </c>
      <c r="Q24" s="100">
        <v>0</v>
      </c>
      <c r="R24" s="104">
        <v>1082756</v>
      </c>
      <c r="S24" s="104">
        <v>893785</v>
      </c>
      <c r="T24" s="104">
        <v>878133</v>
      </c>
      <c r="U24" s="104">
        <v>401430</v>
      </c>
      <c r="V24" s="104">
        <v>290700</v>
      </c>
      <c r="W24" s="103">
        <v>3546804</v>
      </c>
      <c r="X24" s="106">
        <v>3798052</v>
      </c>
      <c r="Y24" s="100">
        <v>0</v>
      </c>
      <c r="Z24" s="104">
        <v>0</v>
      </c>
      <c r="AA24" s="103">
        <v>0</v>
      </c>
      <c r="AB24" s="100">
        <v>0</v>
      </c>
      <c r="AC24" s="104">
        <v>252787</v>
      </c>
      <c r="AD24" s="104">
        <v>402330</v>
      </c>
      <c r="AE24" s="104">
        <v>442856</v>
      </c>
      <c r="AF24" s="104">
        <v>37075</v>
      </c>
      <c r="AG24" s="104">
        <v>11456</v>
      </c>
      <c r="AH24" s="103">
        <v>1146504</v>
      </c>
      <c r="AI24" s="106">
        <v>1146504</v>
      </c>
      <c r="AJ24" s="100">
        <v>0</v>
      </c>
      <c r="AK24" s="104">
        <v>0</v>
      </c>
      <c r="AL24" s="103">
        <v>0</v>
      </c>
      <c r="AM24" s="100">
        <v>0</v>
      </c>
      <c r="AN24" s="104">
        <v>0</v>
      </c>
      <c r="AO24" s="104">
        <v>0</v>
      </c>
      <c r="AP24" s="104">
        <v>43106</v>
      </c>
      <c r="AQ24" s="104">
        <v>52667</v>
      </c>
      <c r="AR24" s="104">
        <v>84325</v>
      </c>
      <c r="AS24" s="103">
        <v>180098</v>
      </c>
      <c r="AT24" s="106">
        <v>180098</v>
      </c>
      <c r="AU24" s="100">
        <v>68196</v>
      </c>
      <c r="AV24" s="104">
        <v>146981</v>
      </c>
      <c r="AW24" s="103">
        <v>215177</v>
      </c>
      <c r="AX24" s="100">
        <v>0</v>
      </c>
      <c r="AY24" s="104">
        <v>629268</v>
      </c>
      <c r="AZ24" s="104">
        <v>290632</v>
      </c>
      <c r="BA24" s="104">
        <v>271631</v>
      </c>
      <c r="BB24" s="104">
        <v>117156</v>
      </c>
      <c r="BC24" s="104">
        <v>58195</v>
      </c>
      <c r="BD24" s="103">
        <v>1366882</v>
      </c>
      <c r="BE24" s="106">
        <v>1582059</v>
      </c>
      <c r="BF24" s="100">
        <v>0</v>
      </c>
      <c r="BG24" s="104">
        <v>0</v>
      </c>
      <c r="BH24" s="102">
        <v>0</v>
      </c>
      <c r="BI24" s="101">
        <v>0</v>
      </c>
      <c r="BJ24" s="104">
        <v>71208</v>
      </c>
      <c r="BK24" s="104">
        <v>0</v>
      </c>
      <c r="BL24" s="104">
        <v>0</v>
      </c>
      <c r="BM24" s="104">
        <v>62092</v>
      </c>
      <c r="BN24" s="104">
        <v>0</v>
      </c>
      <c r="BO24" s="103">
        <v>133300</v>
      </c>
      <c r="BP24" s="106">
        <v>133300</v>
      </c>
      <c r="BQ24" s="100">
        <v>17696</v>
      </c>
      <c r="BR24" s="104">
        <v>18375</v>
      </c>
      <c r="BS24" s="103">
        <v>36071</v>
      </c>
      <c r="BT24" s="100">
        <v>0</v>
      </c>
      <c r="BU24" s="104">
        <v>129493</v>
      </c>
      <c r="BV24" s="104">
        <v>200823</v>
      </c>
      <c r="BW24" s="104">
        <v>120540</v>
      </c>
      <c r="BX24" s="104">
        <v>132440</v>
      </c>
      <c r="BY24" s="104">
        <v>136724</v>
      </c>
      <c r="BZ24" s="103">
        <v>720020</v>
      </c>
      <c r="CA24" s="106">
        <v>756091</v>
      </c>
      <c r="CB24" s="100">
        <v>37632</v>
      </c>
      <c r="CC24" s="104">
        <v>70710</v>
      </c>
      <c r="CD24" s="103">
        <v>108342</v>
      </c>
      <c r="CE24" s="100">
        <v>0</v>
      </c>
      <c r="CF24" s="104">
        <v>1184868</v>
      </c>
      <c r="CG24" s="104">
        <v>971691</v>
      </c>
      <c r="CH24" s="104">
        <v>579344</v>
      </c>
      <c r="CI24" s="104">
        <v>141393</v>
      </c>
      <c r="CJ24" s="104">
        <v>564715</v>
      </c>
      <c r="CK24" s="103">
        <v>3442011</v>
      </c>
      <c r="CL24" s="106">
        <v>3550353</v>
      </c>
      <c r="CM24" s="100">
        <v>0</v>
      </c>
      <c r="CN24" s="104">
        <v>0</v>
      </c>
      <c r="CO24" s="103">
        <v>0</v>
      </c>
      <c r="CP24" s="101">
        <v>0</v>
      </c>
      <c r="CQ24" s="104">
        <v>620634</v>
      </c>
      <c r="CR24" s="104">
        <v>721824</v>
      </c>
      <c r="CS24" s="104">
        <v>209368</v>
      </c>
      <c r="CT24" s="104">
        <v>0</v>
      </c>
      <c r="CU24" s="104">
        <v>431106</v>
      </c>
      <c r="CV24" s="103">
        <v>1982932</v>
      </c>
      <c r="CW24" s="106">
        <v>1982932</v>
      </c>
      <c r="CX24" s="100">
        <v>37632</v>
      </c>
      <c r="CY24" s="104">
        <v>70710</v>
      </c>
      <c r="CZ24" s="103">
        <v>108342</v>
      </c>
      <c r="DA24" s="100">
        <v>0</v>
      </c>
      <c r="DB24" s="104">
        <v>564234</v>
      </c>
      <c r="DC24" s="104">
        <v>249867</v>
      </c>
      <c r="DD24" s="104">
        <v>369976</v>
      </c>
      <c r="DE24" s="104">
        <v>141393</v>
      </c>
      <c r="DF24" s="104">
        <v>133609</v>
      </c>
      <c r="DG24" s="103">
        <v>1459079</v>
      </c>
      <c r="DH24" s="106">
        <v>1567421</v>
      </c>
      <c r="DI24" s="100">
        <v>0</v>
      </c>
      <c r="DJ24" s="104">
        <v>14772</v>
      </c>
      <c r="DK24" s="102">
        <v>14772</v>
      </c>
      <c r="DL24" s="101">
        <v>0</v>
      </c>
      <c r="DM24" s="104">
        <v>60027</v>
      </c>
      <c r="DN24" s="104">
        <v>35182</v>
      </c>
      <c r="DO24" s="104">
        <v>394207</v>
      </c>
      <c r="DP24" s="104">
        <v>98408</v>
      </c>
      <c r="DQ24" s="104">
        <v>0</v>
      </c>
      <c r="DR24" s="103">
        <v>587824</v>
      </c>
      <c r="DS24" s="106">
        <v>602596</v>
      </c>
      <c r="DT24" s="100">
        <v>0</v>
      </c>
      <c r="DU24" s="104">
        <v>14772</v>
      </c>
      <c r="DV24" s="103">
        <v>14772</v>
      </c>
      <c r="DW24" s="100">
        <v>0</v>
      </c>
      <c r="DX24" s="104">
        <v>60027</v>
      </c>
      <c r="DY24" s="104">
        <v>35182</v>
      </c>
      <c r="DZ24" s="104">
        <v>394207</v>
      </c>
      <c r="EA24" s="104">
        <v>0</v>
      </c>
      <c r="EB24" s="104">
        <v>0</v>
      </c>
      <c r="EC24" s="103">
        <v>489416</v>
      </c>
      <c r="ED24" s="106">
        <v>504188</v>
      </c>
      <c r="EE24" s="100">
        <v>0</v>
      </c>
      <c r="EF24" s="102">
        <v>0</v>
      </c>
      <c r="EG24" s="103">
        <v>0</v>
      </c>
      <c r="EH24" s="100">
        <v>0</v>
      </c>
      <c r="EI24" s="104">
        <v>0</v>
      </c>
      <c r="EJ24" s="104">
        <v>0</v>
      </c>
      <c r="EK24" s="104">
        <v>0</v>
      </c>
      <c r="EL24" s="104">
        <v>98408</v>
      </c>
      <c r="EM24" s="104">
        <v>0</v>
      </c>
      <c r="EN24" s="102">
        <v>98408</v>
      </c>
      <c r="EO24" s="106">
        <v>98408</v>
      </c>
      <c r="EP24" s="100">
        <v>0</v>
      </c>
      <c r="EQ24" s="104">
        <v>0</v>
      </c>
      <c r="ER24" s="102">
        <v>0</v>
      </c>
      <c r="ES24" s="101">
        <v>0</v>
      </c>
      <c r="ET24" s="104">
        <v>0</v>
      </c>
      <c r="EU24" s="104">
        <v>0</v>
      </c>
      <c r="EV24" s="104">
        <v>0</v>
      </c>
      <c r="EW24" s="104">
        <v>0</v>
      </c>
      <c r="EX24" s="104">
        <v>0</v>
      </c>
      <c r="EY24" s="103">
        <v>0</v>
      </c>
      <c r="EZ24" s="106">
        <v>0</v>
      </c>
      <c r="FA24" s="100">
        <v>0</v>
      </c>
      <c r="FB24" s="104">
        <v>0</v>
      </c>
      <c r="FC24" s="102">
        <v>0</v>
      </c>
      <c r="FD24" s="470">
        <v>0</v>
      </c>
      <c r="FE24" s="104">
        <v>0</v>
      </c>
      <c r="FF24" s="104">
        <v>0</v>
      </c>
      <c r="FG24" s="104">
        <v>0</v>
      </c>
      <c r="FH24" s="104">
        <v>0</v>
      </c>
      <c r="FI24" s="104">
        <v>0</v>
      </c>
      <c r="FJ24" s="103">
        <v>0</v>
      </c>
      <c r="FK24" s="106">
        <v>0</v>
      </c>
      <c r="FL24" s="100">
        <v>30520</v>
      </c>
      <c r="FM24" s="104">
        <v>65730</v>
      </c>
      <c r="FN24" s="103">
        <v>96250</v>
      </c>
      <c r="FO24" s="100">
        <v>0</v>
      </c>
      <c r="FP24" s="104">
        <v>189189</v>
      </c>
      <c r="FQ24" s="104">
        <v>278873</v>
      </c>
      <c r="FR24" s="104">
        <v>237041</v>
      </c>
      <c r="FS24" s="104">
        <v>118083</v>
      </c>
      <c r="FT24" s="104">
        <v>102886</v>
      </c>
      <c r="FU24" s="103">
        <v>926072</v>
      </c>
      <c r="FV24" s="106">
        <v>1022322</v>
      </c>
      <c r="FW24" s="105">
        <v>30520</v>
      </c>
      <c r="FX24" s="104">
        <v>65730</v>
      </c>
      <c r="FY24" s="102">
        <v>96250</v>
      </c>
      <c r="FZ24" s="101">
        <v>0</v>
      </c>
      <c r="GA24" s="104">
        <v>189189</v>
      </c>
      <c r="GB24" s="104">
        <v>245917</v>
      </c>
      <c r="GC24" s="104">
        <v>237041</v>
      </c>
      <c r="GD24" s="104">
        <v>118083</v>
      </c>
      <c r="GE24" s="104">
        <v>102886</v>
      </c>
      <c r="GF24" s="103">
        <v>893116</v>
      </c>
      <c r="GG24" s="290">
        <v>989366</v>
      </c>
      <c r="GH24" s="105">
        <v>0</v>
      </c>
      <c r="GI24" s="104">
        <v>0</v>
      </c>
      <c r="GJ24" s="102">
        <v>0</v>
      </c>
      <c r="GK24" s="101">
        <v>0</v>
      </c>
      <c r="GL24" s="104">
        <v>0</v>
      </c>
      <c r="GM24" s="104">
        <v>32956</v>
      </c>
      <c r="GN24" s="104">
        <v>0</v>
      </c>
      <c r="GO24" s="104">
        <v>0</v>
      </c>
      <c r="GP24" s="104">
        <v>0</v>
      </c>
      <c r="GQ24" s="103">
        <v>32956</v>
      </c>
      <c r="GR24" s="106">
        <v>32956</v>
      </c>
      <c r="GS24" s="100">
        <v>0</v>
      </c>
      <c r="GT24" s="104">
        <v>0</v>
      </c>
      <c r="GU24" s="103">
        <v>0</v>
      </c>
      <c r="GV24" s="100">
        <v>0</v>
      </c>
      <c r="GW24" s="104">
        <v>0</v>
      </c>
      <c r="GX24" s="104">
        <v>0</v>
      </c>
      <c r="GY24" s="104">
        <v>0</v>
      </c>
      <c r="GZ24" s="104">
        <v>0</v>
      </c>
      <c r="HA24" s="104">
        <v>0</v>
      </c>
      <c r="HB24" s="102">
        <v>0</v>
      </c>
      <c r="HC24" s="106">
        <v>0</v>
      </c>
      <c r="HD24" s="100">
        <v>28028</v>
      </c>
      <c r="HE24" s="104">
        <v>83383</v>
      </c>
      <c r="HF24" s="102">
        <v>111411</v>
      </c>
      <c r="HG24" s="101">
        <v>0</v>
      </c>
      <c r="HH24" s="104">
        <v>705367</v>
      </c>
      <c r="HI24" s="104">
        <v>1100832</v>
      </c>
      <c r="HJ24" s="104">
        <v>877981</v>
      </c>
      <c r="HK24" s="104">
        <v>797104</v>
      </c>
      <c r="HL24" s="104">
        <v>415714</v>
      </c>
      <c r="HM24" s="103">
        <v>3896998</v>
      </c>
      <c r="HN24" s="99">
        <v>4008409</v>
      </c>
      <c r="HO24" s="456">
        <v>0</v>
      </c>
      <c r="HP24" s="457">
        <v>0</v>
      </c>
      <c r="HQ24" s="458">
        <v>0</v>
      </c>
      <c r="HR24" s="459">
        <v>0</v>
      </c>
      <c r="HS24" s="457">
        <v>0</v>
      </c>
      <c r="HT24" s="457">
        <v>0</v>
      </c>
      <c r="HU24" s="457">
        <v>0</v>
      </c>
      <c r="HV24" s="457">
        <v>0</v>
      </c>
      <c r="HW24" s="457">
        <v>0</v>
      </c>
      <c r="HX24" s="460">
        <v>0</v>
      </c>
      <c r="HY24" s="461">
        <v>0</v>
      </c>
      <c r="HZ24" s="135">
        <v>0</v>
      </c>
      <c r="IA24" s="122">
        <v>0</v>
      </c>
      <c r="IB24" s="135">
        <v>0</v>
      </c>
      <c r="IC24" s="121">
        <v>0</v>
      </c>
      <c r="ID24" s="122">
        <v>439815</v>
      </c>
      <c r="IE24" s="123">
        <v>613010</v>
      </c>
      <c r="IF24" s="124">
        <v>490344</v>
      </c>
      <c r="IG24" s="122">
        <v>310047</v>
      </c>
      <c r="IH24" s="124">
        <v>1267276</v>
      </c>
      <c r="II24" s="125">
        <v>3120492</v>
      </c>
      <c r="IJ24" s="135">
        <v>3120492</v>
      </c>
      <c r="IK24" s="215">
        <v>0</v>
      </c>
      <c r="IL24" s="219">
        <v>0</v>
      </c>
      <c r="IM24" s="220">
        <v>0</v>
      </c>
      <c r="IN24" s="470">
        <v>0</v>
      </c>
      <c r="IO24" s="109">
        <v>0</v>
      </c>
      <c r="IP24" s="109">
        <v>182732</v>
      </c>
      <c r="IQ24" s="109">
        <v>0</v>
      </c>
      <c r="IR24" s="109">
        <v>178209</v>
      </c>
      <c r="IS24" s="109">
        <v>191631</v>
      </c>
      <c r="IT24" s="128">
        <v>552572</v>
      </c>
      <c r="IU24" s="292">
        <v>552572</v>
      </c>
      <c r="IV24" s="129">
        <v>0</v>
      </c>
      <c r="IW24" s="109">
        <v>0</v>
      </c>
      <c r="IX24" s="110">
        <v>0</v>
      </c>
      <c r="IY24" s="470">
        <v>0</v>
      </c>
      <c r="IZ24" s="109">
        <v>0</v>
      </c>
      <c r="JA24" s="109">
        <v>0</v>
      </c>
      <c r="JB24" s="109">
        <v>0</v>
      </c>
      <c r="JC24" s="109">
        <v>0</v>
      </c>
      <c r="JD24" s="109">
        <v>0</v>
      </c>
      <c r="JE24" s="110">
        <v>0</v>
      </c>
      <c r="JF24" s="111">
        <v>0</v>
      </c>
      <c r="JG24" s="129">
        <v>0</v>
      </c>
      <c r="JH24" s="109">
        <v>0</v>
      </c>
      <c r="JI24" s="128">
        <v>0</v>
      </c>
      <c r="JJ24" s="108">
        <v>0</v>
      </c>
      <c r="JK24" s="109">
        <v>246553</v>
      </c>
      <c r="JL24" s="109">
        <v>333203</v>
      </c>
      <c r="JM24" s="109">
        <v>65361</v>
      </c>
      <c r="JN24" s="109">
        <v>131838</v>
      </c>
      <c r="JO24" s="109">
        <v>0</v>
      </c>
      <c r="JP24" s="110">
        <v>776955</v>
      </c>
      <c r="JQ24" s="292">
        <v>776955</v>
      </c>
      <c r="JR24" s="129">
        <v>0</v>
      </c>
      <c r="JS24" s="109">
        <v>0</v>
      </c>
      <c r="JT24" s="128">
        <v>0</v>
      </c>
      <c r="JU24" s="108">
        <v>0</v>
      </c>
      <c r="JV24" s="109">
        <v>80435</v>
      </c>
      <c r="JW24" s="109">
        <v>97075</v>
      </c>
      <c r="JX24" s="109">
        <v>0</v>
      </c>
      <c r="JY24" s="109">
        <v>0</v>
      </c>
      <c r="JZ24" s="109">
        <v>0</v>
      </c>
      <c r="KA24" s="110">
        <v>177510</v>
      </c>
      <c r="KB24" s="292">
        <v>177510</v>
      </c>
      <c r="KC24" s="217">
        <v>0</v>
      </c>
      <c r="KD24" s="213">
        <v>0</v>
      </c>
      <c r="KE24" s="110">
        <v>0</v>
      </c>
      <c r="KF24" s="108">
        <v>0</v>
      </c>
      <c r="KG24" s="109">
        <v>112827</v>
      </c>
      <c r="KH24" s="109">
        <v>0</v>
      </c>
      <c r="KI24" s="109">
        <v>424983</v>
      </c>
      <c r="KJ24" s="109">
        <v>0</v>
      </c>
      <c r="KK24" s="109">
        <v>0</v>
      </c>
      <c r="KL24" s="110">
        <v>537810</v>
      </c>
      <c r="KM24" s="130">
        <v>537810</v>
      </c>
      <c r="KN24" s="215">
        <v>0</v>
      </c>
      <c r="KO24" s="219">
        <v>0</v>
      </c>
      <c r="KP24" s="220">
        <v>0</v>
      </c>
      <c r="KQ24" s="470">
        <v>0</v>
      </c>
      <c r="KR24" s="109">
        <v>0</v>
      </c>
      <c r="KS24" s="109">
        <v>0</v>
      </c>
      <c r="KT24" s="109">
        <v>0</v>
      </c>
      <c r="KU24" s="109">
        <v>0</v>
      </c>
      <c r="KV24" s="109">
        <v>694884</v>
      </c>
      <c r="KW24" s="110">
        <v>694884</v>
      </c>
      <c r="KX24" s="292">
        <v>694884</v>
      </c>
      <c r="KY24" s="129">
        <v>0</v>
      </c>
      <c r="KZ24" s="109">
        <v>0</v>
      </c>
      <c r="LA24" s="110">
        <v>0</v>
      </c>
      <c r="LB24" s="470">
        <v>0</v>
      </c>
      <c r="LC24" s="109">
        <v>0</v>
      </c>
      <c r="LD24" s="109">
        <v>0</v>
      </c>
      <c r="LE24" s="109">
        <v>0</v>
      </c>
      <c r="LF24" s="109">
        <v>0</v>
      </c>
      <c r="LG24" s="109">
        <v>0</v>
      </c>
      <c r="LH24" s="110">
        <v>0</v>
      </c>
      <c r="LI24" s="111">
        <v>0</v>
      </c>
      <c r="LJ24" s="129">
        <v>0</v>
      </c>
      <c r="LK24" s="109">
        <v>0</v>
      </c>
      <c r="LL24" s="110">
        <v>0</v>
      </c>
      <c r="LM24" s="470">
        <v>0</v>
      </c>
      <c r="LN24" s="109">
        <v>0</v>
      </c>
      <c r="LO24" s="109">
        <v>0</v>
      </c>
      <c r="LP24" s="109">
        <v>0</v>
      </c>
      <c r="LQ24" s="109">
        <v>0</v>
      </c>
      <c r="LR24" s="109">
        <v>0</v>
      </c>
      <c r="LS24" s="110">
        <v>0</v>
      </c>
      <c r="LT24" s="292">
        <v>0</v>
      </c>
      <c r="LU24" s="129">
        <v>0</v>
      </c>
      <c r="LV24" s="109">
        <v>0</v>
      </c>
      <c r="LW24" s="110">
        <v>0</v>
      </c>
      <c r="LX24" s="470">
        <v>0</v>
      </c>
      <c r="LY24" s="109">
        <v>0</v>
      </c>
      <c r="LZ24" s="109">
        <v>0</v>
      </c>
      <c r="MA24" s="109">
        <v>0</v>
      </c>
      <c r="MB24" s="109">
        <v>0</v>
      </c>
      <c r="MC24" s="109">
        <v>380761</v>
      </c>
      <c r="MD24" s="110">
        <v>380761</v>
      </c>
      <c r="ME24" s="111">
        <v>380761</v>
      </c>
      <c r="MF24" s="129">
        <v>0</v>
      </c>
      <c r="MG24" s="109">
        <v>0</v>
      </c>
      <c r="MH24" s="110">
        <v>0</v>
      </c>
      <c r="MI24" s="470">
        <v>0</v>
      </c>
      <c r="MJ24" s="109">
        <v>0</v>
      </c>
      <c r="MK24" s="109">
        <v>955454</v>
      </c>
      <c r="ML24" s="109">
        <v>866927</v>
      </c>
      <c r="MM24" s="109">
        <v>684265</v>
      </c>
      <c r="MN24" s="109">
        <v>1091766</v>
      </c>
      <c r="MO24" s="110">
        <v>3598412</v>
      </c>
      <c r="MP24" s="130">
        <v>3598412</v>
      </c>
      <c r="MQ24" s="129">
        <v>0</v>
      </c>
      <c r="MR24" s="109">
        <v>0</v>
      </c>
      <c r="MS24" s="110">
        <v>0</v>
      </c>
      <c r="MT24" s="470">
        <v>0</v>
      </c>
      <c r="MU24" s="109">
        <v>0</v>
      </c>
      <c r="MV24" s="109">
        <v>0</v>
      </c>
      <c r="MW24" s="109">
        <v>408219</v>
      </c>
      <c r="MX24" s="109">
        <v>442944</v>
      </c>
      <c r="MY24" s="109">
        <v>743700</v>
      </c>
      <c r="MZ24" s="110">
        <v>1594863</v>
      </c>
      <c r="NA24" s="130">
        <v>1594863</v>
      </c>
      <c r="NB24" s="129">
        <v>0</v>
      </c>
      <c r="NC24" s="109">
        <v>0</v>
      </c>
      <c r="ND24" s="110">
        <v>0</v>
      </c>
      <c r="NE24" s="470">
        <v>0</v>
      </c>
      <c r="NF24" s="109">
        <v>0</v>
      </c>
      <c r="NG24" s="109">
        <v>955454</v>
      </c>
      <c r="NH24" s="109">
        <v>458708</v>
      </c>
      <c r="NI24" s="109">
        <v>241321</v>
      </c>
      <c r="NJ24" s="109">
        <v>0</v>
      </c>
      <c r="NK24" s="110">
        <v>1655483</v>
      </c>
      <c r="NL24" s="292">
        <v>1655483</v>
      </c>
      <c r="NM24" s="129">
        <v>0</v>
      </c>
      <c r="NN24" s="109">
        <v>0</v>
      </c>
      <c r="NO24" s="110">
        <v>0</v>
      </c>
      <c r="NP24" s="470">
        <v>0</v>
      </c>
      <c r="NQ24" s="109">
        <v>0</v>
      </c>
      <c r="NR24" s="109">
        <v>0</v>
      </c>
      <c r="NS24" s="109">
        <v>0</v>
      </c>
      <c r="NT24" s="109">
        <v>0</v>
      </c>
      <c r="NU24" s="109">
        <v>0</v>
      </c>
      <c r="NV24" s="110">
        <v>0</v>
      </c>
      <c r="NW24" s="111">
        <v>0</v>
      </c>
      <c r="NX24" s="129">
        <v>0</v>
      </c>
      <c r="NY24" s="109">
        <v>0</v>
      </c>
      <c r="NZ24" s="110">
        <v>0</v>
      </c>
      <c r="OA24" s="470">
        <v>0</v>
      </c>
      <c r="OB24" s="109">
        <v>0</v>
      </c>
      <c r="OC24" s="109">
        <v>0</v>
      </c>
      <c r="OD24" s="109">
        <v>0</v>
      </c>
      <c r="OE24" s="109">
        <v>0</v>
      </c>
      <c r="OF24" s="109">
        <v>348066</v>
      </c>
      <c r="OG24" s="110">
        <v>348066</v>
      </c>
      <c r="OH24" s="111">
        <v>348066</v>
      </c>
      <c r="OI24" s="129">
        <v>182072</v>
      </c>
      <c r="OJ24" s="109">
        <v>399951</v>
      </c>
      <c r="OK24" s="128">
        <v>582023</v>
      </c>
      <c r="OL24" s="108">
        <v>0</v>
      </c>
      <c r="OM24" s="109">
        <v>3662022</v>
      </c>
      <c r="ON24" s="109">
        <v>4848827</v>
      </c>
      <c r="OO24" s="109">
        <v>4323977</v>
      </c>
      <c r="OP24" s="109">
        <v>2550730</v>
      </c>
      <c r="OQ24" s="109">
        <v>3733057</v>
      </c>
      <c r="OR24" s="110">
        <v>19118613</v>
      </c>
      <c r="OS24" s="130">
        <v>19700636</v>
      </c>
    </row>
    <row r="25" spans="2:409" ht="21" customHeight="1" x14ac:dyDescent="0.2">
      <c r="B25" s="437" t="s">
        <v>20</v>
      </c>
      <c r="C25" s="100">
        <v>213372</v>
      </c>
      <c r="D25" s="104">
        <v>538622</v>
      </c>
      <c r="E25" s="103">
        <v>751994</v>
      </c>
      <c r="F25" s="100">
        <v>0</v>
      </c>
      <c r="G25" s="104">
        <v>3133676</v>
      </c>
      <c r="H25" s="104">
        <v>3699820</v>
      </c>
      <c r="I25" s="104">
        <v>3382028</v>
      </c>
      <c r="J25" s="104">
        <v>4009523</v>
      </c>
      <c r="K25" s="104">
        <v>2543203</v>
      </c>
      <c r="L25" s="156">
        <v>16768250</v>
      </c>
      <c r="M25" s="106">
        <v>17520244</v>
      </c>
      <c r="N25" s="100">
        <v>74704</v>
      </c>
      <c r="O25" s="104">
        <v>142465</v>
      </c>
      <c r="P25" s="103">
        <v>217169</v>
      </c>
      <c r="Q25" s="100">
        <v>0</v>
      </c>
      <c r="R25" s="104">
        <v>1111370</v>
      </c>
      <c r="S25" s="104">
        <v>1181290</v>
      </c>
      <c r="T25" s="104">
        <v>895106</v>
      </c>
      <c r="U25" s="104">
        <v>1544333</v>
      </c>
      <c r="V25" s="104">
        <v>1353041</v>
      </c>
      <c r="W25" s="103">
        <v>6085140</v>
      </c>
      <c r="X25" s="106">
        <v>6302309</v>
      </c>
      <c r="Y25" s="100">
        <v>0</v>
      </c>
      <c r="Z25" s="104">
        <v>0</v>
      </c>
      <c r="AA25" s="103">
        <v>0</v>
      </c>
      <c r="AB25" s="100">
        <v>0</v>
      </c>
      <c r="AC25" s="104">
        <v>293340</v>
      </c>
      <c r="AD25" s="104">
        <v>536436</v>
      </c>
      <c r="AE25" s="104">
        <v>229214</v>
      </c>
      <c r="AF25" s="104">
        <v>747720</v>
      </c>
      <c r="AG25" s="104">
        <v>898509</v>
      </c>
      <c r="AH25" s="103">
        <v>2705219</v>
      </c>
      <c r="AI25" s="106">
        <v>2705219</v>
      </c>
      <c r="AJ25" s="100">
        <v>0</v>
      </c>
      <c r="AK25" s="104">
        <v>0</v>
      </c>
      <c r="AL25" s="103">
        <v>0</v>
      </c>
      <c r="AM25" s="100">
        <v>0</v>
      </c>
      <c r="AN25" s="104">
        <v>41452</v>
      </c>
      <c r="AO25" s="104">
        <v>0</v>
      </c>
      <c r="AP25" s="104">
        <v>0</v>
      </c>
      <c r="AQ25" s="104">
        <v>267035</v>
      </c>
      <c r="AR25" s="104">
        <v>153214</v>
      </c>
      <c r="AS25" s="103">
        <v>461701</v>
      </c>
      <c r="AT25" s="106">
        <v>461701</v>
      </c>
      <c r="AU25" s="100">
        <v>42490</v>
      </c>
      <c r="AV25" s="104">
        <v>65438</v>
      </c>
      <c r="AW25" s="103">
        <v>107928</v>
      </c>
      <c r="AX25" s="100">
        <v>0</v>
      </c>
      <c r="AY25" s="104">
        <v>593822</v>
      </c>
      <c r="AZ25" s="104">
        <v>408887</v>
      </c>
      <c r="BA25" s="104">
        <v>423291</v>
      </c>
      <c r="BB25" s="104">
        <v>307980</v>
      </c>
      <c r="BC25" s="104">
        <v>173678</v>
      </c>
      <c r="BD25" s="103">
        <v>1907658</v>
      </c>
      <c r="BE25" s="106">
        <v>2015586</v>
      </c>
      <c r="BF25" s="100">
        <v>0</v>
      </c>
      <c r="BG25" s="104">
        <v>69243</v>
      </c>
      <c r="BH25" s="102">
        <v>69243</v>
      </c>
      <c r="BI25" s="101">
        <v>0</v>
      </c>
      <c r="BJ25" s="104">
        <v>75369</v>
      </c>
      <c r="BK25" s="104">
        <v>83542</v>
      </c>
      <c r="BL25" s="104">
        <v>125449</v>
      </c>
      <c r="BM25" s="104">
        <v>84713</v>
      </c>
      <c r="BN25" s="104">
        <v>16207</v>
      </c>
      <c r="BO25" s="103">
        <v>385280</v>
      </c>
      <c r="BP25" s="106">
        <v>454523</v>
      </c>
      <c r="BQ25" s="100">
        <v>32214</v>
      </c>
      <c r="BR25" s="104">
        <v>7784</v>
      </c>
      <c r="BS25" s="103">
        <v>39998</v>
      </c>
      <c r="BT25" s="100">
        <v>0</v>
      </c>
      <c r="BU25" s="104">
        <v>107387</v>
      </c>
      <c r="BV25" s="104">
        <v>152425</v>
      </c>
      <c r="BW25" s="104">
        <v>117152</v>
      </c>
      <c r="BX25" s="104">
        <v>136885</v>
      </c>
      <c r="BY25" s="104">
        <v>111433</v>
      </c>
      <c r="BZ25" s="103">
        <v>625282</v>
      </c>
      <c r="CA25" s="106">
        <v>665280</v>
      </c>
      <c r="CB25" s="100">
        <v>0</v>
      </c>
      <c r="CC25" s="104">
        <v>103502</v>
      </c>
      <c r="CD25" s="103">
        <v>103502</v>
      </c>
      <c r="CE25" s="100">
        <v>0</v>
      </c>
      <c r="CF25" s="104">
        <v>887588</v>
      </c>
      <c r="CG25" s="104">
        <v>1264344</v>
      </c>
      <c r="CH25" s="104">
        <v>1040283</v>
      </c>
      <c r="CI25" s="104">
        <v>778116</v>
      </c>
      <c r="CJ25" s="104">
        <v>452842</v>
      </c>
      <c r="CK25" s="103">
        <v>4423173</v>
      </c>
      <c r="CL25" s="106">
        <v>4526675</v>
      </c>
      <c r="CM25" s="100">
        <v>0</v>
      </c>
      <c r="CN25" s="104">
        <v>0</v>
      </c>
      <c r="CO25" s="103">
        <v>0</v>
      </c>
      <c r="CP25" s="101">
        <v>0</v>
      </c>
      <c r="CQ25" s="104">
        <v>783808</v>
      </c>
      <c r="CR25" s="104">
        <v>694263</v>
      </c>
      <c r="CS25" s="104">
        <v>854429</v>
      </c>
      <c r="CT25" s="104">
        <v>484027</v>
      </c>
      <c r="CU25" s="104">
        <v>282606</v>
      </c>
      <c r="CV25" s="103">
        <v>3099133</v>
      </c>
      <c r="CW25" s="106">
        <v>3099133</v>
      </c>
      <c r="CX25" s="100">
        <v>0</v>
      </c>
      <c r="CY25" s="104">
        <v>103502</v>
      </c>
      <c r="CZ25" s="103">
        <v>103502</v>
      </c>
      <c r="DA25" s="100">
        <v>0</v>
      </c>
      <c r="DB25" s="104">
        <v>103780</v>
      </c>
      <c r="DC25" s="104">
        <v>570081</v>
      </c>
      <c r="DD25" s="104">
        <v>185854</v>
      </c>
      <c r="DE25" s="104">
        <v>294089</v>
      </c>
      <c r="DF25" s="104">
        <v>170236</v>
      </c>
      <c r="DG25" s="103">
        <v>1324040</v>
      </c>
      <c r="DH25" s="106">
        <v>1427542</v>
      </c>
      <c r="DI25" s="100">
        <v>0</v>
      </c>
      <c r="DJ25" s="104">
        <v>57591</v>
      </c>
      <c r="DK25" s="102">
        <v>57591</v>
      </c>
      <c r="DL25" s="101">
        <v>0</v>
      </c>
      <c r="DM25" s="104">
        <v>281590</v>
      </c>
      <c r="DN25" s="104">
        <v>207508</v>
      </c>
      <c r="DO25" s="104">
        <v>637301</v>
      </c>
      <c r="DP25" s="104">
        <v>442350</v>
      </c>
      <c r="DQ25" s="104">
        <v>54942</v>
      </c>
      <c r="DR25" s="103">
        <v>1623691</v>
      </c>
      <c r="DS25" s="106">
        <v>1681282</v>
      </c>
      <c r="DT25" s="100">
        <v>0</v>
      </c>
      <c r="DU25" s="104">
        <v>57591</v>
      </c>
      <c r="DV25" s="103">
        <v>57591</v>
      </c>
      <c r="DW25" s="100">
        <v>0</v>
      </c>
      <c r="DX25" s="104">
        <v>281590</v>
      </c>
      <c r="DY25" s="104">
        <v>176839</v>
      </c>
      <c r="DZ25" s="104">
        <v>637301</v>
      </c>
      <c r="EA25" s="104">
        <v>337458</v>
      </c>
      <c r="EB25" s="104">
        <v>54942</v>
      </c>
      <c r="EC25" s="103">
        <v>1488130</v>
      </c>
      <c r="ED25" s="106">
        <v>1545721</v>
      </c>
      <c r="EE25" s="100">
        <v>0</v>
      </c>
      <c r="EF25" s="102">
        <v>0</v>
      </c>
      <c r="EG25" s="103">
        <v>0</v>
      </c>
      <c r="EH25" s="100">
        <v>0</v>
      </c>
      <c r="EI25" s="104">
        <v>0</v>
      </c>
      <c r="EJ25" s="104">
        <v>30669</v>
      </c>
      <c r="EK25" s="104">
        <v>0</v>
      </c>
      <c r="EL25" s="104">
        <v>104892</v>
      </c>
      <c r="EM25" s="104">
        <v>0</v>
      </c>
      <c r="EN25" s="102">
        <v>135561</v>
      </c>
      <c r="EO25" s="106">
        <v>135561</v>
      </c>
      <c r="EP25" s="100">
        <v>0</v>
      </c>
      <c r="EQ25" s="104">
        <v>0</v>
      </c>
      <c r="ER25" s="102">
        <v>0</v>
      </c>
      <c r="ES25" s="101">
        <v>0</v>
      </c>
      <c r="ET25" s="104">
        <v>0</v>
      </c>
      <c r="EU25" s="104">
        <v>0</v>
      </c>
      <c r="EV25" s="104">
        <v>0</v>
      </c>
      <c r="EW25" s="104">
        <v>0</v>
      </c>
      <c r="EX25" s="104">
        <v>0</v>
      </c>
      <c r="EY25" s="103">
        <v>0</v>
      </c>
      <c r="EZ25" s="106">
        <v>0</v>
      </c>
      <c r="FA25" s="100">
        <v>0</v>
      </c>
      <c r="FB25" s="104">
        <v>0</v>
      </c>
      <c r="FC25" s="102">
        <v>0</v>
      </c>
      <c r="FD25" s="470">
        <v>0</v>
      </c>
      <c r="FE25" s="104">
        <v>0</v>
      </c>
      <c r="FF25" s="104">
        <v>0</v>
      </c>
      <c r="FG25" s="104">
        <v>0</v>
      </c>
      <c r="FH25" s="104">
        <v>0</v>
      </c>
      <c r="FI25" s="104">
        <v>0</v>
      </c>
      <c r="FJ25" s="103">
        <v>0</v>
      </c>
      <c r="FK25" s="106">
        <v>0</v>
      </c>
      <c r="FL25" s="100">
        <v>36260</v>
      </c>
      <c r="FM25" s="104">
        <v>156079</v>
      </c>
      <c r="FN25" s="103">
        <v>192339</v>
      </c>
      <c r="FO25" s="100">
        <v>0</v>
      </c>
      <c r="FP25" s="104">
        <v>201278</v>
      </c>
      <c r="FQ25" s="104">
        <v>313999</v>
      </c>
      <c r="FR25" s="104">
        <v>282303</v>
      </c>
      <c r="FS25" s="104">
        <v>390572</v>
      </c>
      <c r="FT25" s="104">
        <v>161644</v>
      </c>
      <c r="FU25" s="103">
        <v>1349796</v>
      </c>
      <c r="FV25" s="106">
        <v>1542135</v>
      </c>
      <c r="FW25" s="105">
        <v>36260</v>
      </c>
      <c r="FX25" s="104">
        <v>139069</v>
      </c>
      <c r="FY25" s="102">
        <v>175329</v>
      </c>
      <c r="FZ25" s="101">
        <v>0</v>
      </c>
      <c r="GA25" s="104">
        <v>201278</v>
      </c>
      <c r="GB25" s="104">
        <v>313999</v>
      </c>
      <c r="GC25" s="104">
        <v>244363</v>
      </c>
      <c r="GD25" s="104">
        <v>390572</v>
      </c>
      <c r="GE25" s="104">
        <v>161644</v>
      </c>
      <c r="GF25" s="103">
        <v>1311856</v>
      </c>
      <c r="GG25" s="290">
        <v>1487185</v>
      </c>
      <c r="GH25" s="105">
        <v>0</v>
      </c>
      <c r="GI25" s="104">
        <v>17010</v>
      </c>
      <c r="GJ25" s="102">
        <v>17010</v>
      </c>
      <c r="GK25" s="101">
        <v>0</v>
      </c>
      <c r="GL25" s="104">
        <v>0</v>
      </c>
      <c r="GM25" s="104">
        <v>0</v>
      </c>
      <c r="GN25" s="104">
        <v>37940</v>
      </c>
      <c r="GO25" s="104">
        <v>0</v>
      </c>
      <c r="GP25" s="104">
        <v>0</v>
      </c>
      <c r="GQ25" s="103">
        <v>37940</v>
      </c>
      <c r="GR25" s="106">
        <v>54950</v>
      </c>
      <c r="GS25" s="100">
        <v>0</v>
      </c>
      <c r="GT25" s="104">
        <v>0</v>
      </c>
      <c r="GU25" s="103">
        <v>0</v>
      </c>
      <c r="GV25" s="100">
        <v>0</v>
      </c>
      <c r="GW25" s="104">
        <v>0</v>
      </c>
      <c r="GX25" s="104">
        <v>0</v>
      </c>
      <c r="GY25" s="104">
        <v>0</v>
      </c>
      <c r="GZ25" s="104">
        <v>0</v>
      </c>
      <c r="HA25" s="104">
        <v>0</v>
      </c>
      <c r="HB25" s="102">
        <v>0</v>
      </c>
      <c r="HC25" s="106">
        <v>0</v>
      </c>
      <c r="HD25" s="100">
        <v>102408</v>
      </c>
      <c r="HE25" s="104">
        <v>78985</v>
      </c>
      <c r="HF25" s="102">
        <v>181393</v>
      </c>
      <c r="HG25" s="101">
        <v>0</v>
      </c>
      <c r="HH25" s="104">
        <v>651850</v>
      </c>
      <c r="HI25" s="104">
        <v>732679</v>
      </c>
      <c r="HJ25" s="104">
        <v>527035</v>
      </c>
      <c r="HK25" s="104">
        <v>854152</v>
      </c>
      <c r="HL25" s="104">
        <v>520734</v>
      </c>
      <c r="HM25" s="103">
        <v>3286450</v>
      </c>
      <c r="HN25" s="99">
        <v>3467843</v>
      </c>
      <c r="HO25" s="456">
        <v>0</v>
      </c>
      <c r="HP25" s="457">
        <v>0</v>
      </c>
      <c r="HQ25" s="458">
        <v>0</v>
      </c>
      <c r="HR25" s="459">
        <v>0</v>
      </c>
      <c r="HS25" s="457">
        <v>0</v>
      </c>
      <c r="HT25" s="457">
        <v>0</v>
      </c>
      <c r="HU25" s="457">
        <v>0</v>
      </c>
      <c r="HV25" s="457">
        <v>0</v>
      </c>
      <c r="HW25" s="457">
        <v>0</v>
      </c>
      <c r="HX25" s="460">
        <v>0</v>
      </c>
      <c r="HY25" s="461">
        <v>0</v>
      </c>
      <c r="HZ25" s="118">
        <v>0</v>
      </c>
      <c r="IA25" s="119">
        <v>65135</v>
      </c>
      <c r="IB25" s="120">
        <v>65135</v>
      </c>
      <c r="IC25" s="131">
        <v>0</v>
      </c>
      <c r="ID25" s="119">
        <v>487935</v>
      </c>
      <c r="IE25" s="132">
        <v>782246</v>
      </c>
      <c r="IF25" s="120">
        <v>962965</v>
      </c>
      <c r="IG25" s="119">
        <v>0</v>
      </c>
      <c r="IH25" s="120">
        <v>242543</v>
      </c>
      <c r="II25" s="133">
        <v>2475689</v>
      </c>
      <c r="IJ25" s="126">
        <v>2540824</v>
      </c>
      <c r="IK25" s="215">
        <v>0</v>
      </c>
      <c r="IL25" s="219">
        <v>0</v>
      </c>
      <c r="IM25" s="220">
        <v>0</v>
      </c>
      <c r="IN25" s="470">
        <v>0</v>
      </c>
      <c r="IO25" s="109">
        <v>0</v>
      </c>
      <c r="IP25" s="109">
        <v>0</v>
      </c>
      <c r="IQ25" s="109">
        <v>0</v>
      </c>
      <c r="IR25" s="109">
        <v>0</v>
      </c>
      <c r="IS25" s="109">
        <v>0</v>
      </c>
      <c r="IT25" s="128">
        <v>0</v>
      </c>
      <c r="IU25" s="292">
        <v>0</v>
      </c>
      <c r="IV25" s="129">
        <v>0</v>
      </c>
      <c r="IW25" s="109">
        <v>0</v>
      </c>
      <c r="IX25" s="110">
        <v>0</v>
      </c>
      <c r="IY25" s="470">
        <v>0</v>
      </c>
      <c r="IZ25" s="109">
        <v>0</v>
      </c>
      <c r="JA25" s="109">
        <v>0</v>
      </c>
      <c r="JB25" s="109">
        <v>0</v>
      </c>
      <c r="JC25" s="109">
        <v>0</v>
      </c>
      <c r="JD25" s="109">
        <v>0</v>
      </c>
      <c r="JE25" s="110">
        <v>0</v>
      </c>
      <c r="JF25" s="111">
        <v>0</v>
      </c>
      <c r="JG25" s="129">
        <v>0</v>
      </c>
      <c r="JH25" s="109">
        <v>0</v>
      </c>
      <c r="JI25" s="128">
        <v>0</v>
      </c>
      <c r="JJ25" s="108">
        <v>0</v>
      </c>
      <c r="JK25" s="109">
        <v>169047</v>
      </c>
      <c r="JL25" s="109">
        <v>160061</v>
      </c>
      <c r="JM25" s="109">
        <v>75519</v>
      </c>
      <c r="JN25" s="109">
        <v>0</v>
      </c>
      <c r="JO25" s="109">
        <v>0</v>
      </c>
      <c r="JP25" s="110">
        <v>404627</v>
      </c>
      <c r="JQ25" s="292">
        <v>404627</v>
      </c>
      <c r="JR25" s="129">
        <v>0</v>
      </c>
      <c r="JS25" s="109">
        <v>0</v>
      </c>
      <c r="JT25" s="128">
        <v>0</v>
      </c>
      <c r="JU25" s="108">
        <v>0</v>
      </c>
      <c r="JV25" s="109">
        <v>0</v>
      </c>
      <c r="JW25" s="109">
        <v>0</v>
      </c>
      <c r="JX25" s="109">
        <v>0</v>
      </c>
      <c r="JY25" s="109">
        <v>0</v>
      </c>
      <c r="JZ25" s="109">
        <v>0</v>
      </c>
      <c r="KA25" s="110">
        <v>0</v>
      </c>
      <c r="KB25" s="292">
        <v>0</v>
      </c>
      <c r="KC25" s="217">
        <v>0</v>
      </c>
      <c r="KD25" s="213">
        <v>65135</v>
      </c>
      <c r="KE25" s="110">
        <v>65135</v>
      </c>
      <c r="KF25" s="108">
        <v>0</v>
      </c>
      <c r="KG25" s="109">
        <v>109228</v>
      </c>
      <c r="KH25" s="109">
        <v>252542</v>
      </c>
      <c r="KI25" s="109">
        <v>209330</v>
      </c>
      <c r="KJ25" s="109">
        <v>0</v>
      </c>
      <c r="KK25" s="109">
        <v>0</v>
      </c>
      <c r="KL25" s="110">
        <v>571100</v>
      </c>
      <c r="KM25" s="130">
        <v>636235</v>
      </c>
      <c r="KN25" s="215">
        <v>0</v>
      </c>
      <c r="KO25" s="219">
        <v>0</v>
      </c>
      <c r="KP25" s="220">
        <v>0</v>
      </c>
      <c r="KQ25" s="470">
        <v>0</v>
      </c>
      <c r="KR25" s="109">
        <v>209660</v>
      </c>
      <c r="KS25" s="109">
        <v>369643</v>
      </c>
      <c r="KT25" s="109">
        <v>678116</v>
      </c>
      <c r="KU25" s="109">
        <v>0</v>
      </c>
      <c r="KV25" s="109">
        <v>242543</v>
      </c>
      <c r="KW25" s="110">
        <v>1499962</v>
      </c>
      <c r="KX25" s="292">
        <v>1499962</v>
      </c>
      <c r="KY25" s="129">
        <v>0</v>
      </c>
      <c r="KZ25" s="109">
        <v>0</v>
      </c>
      <c r="LA25" s="110">
        <v>0</v>
      </c>
      <c r="LB25" s="470">
        <v>0</v>
      </c>
      <c r="LC25" s="109">
        <v>0</v>
      </c>
      <c r="LD25" s="109">
        <v>0</v>
      </c>
      <c r="LE25" s="109">
        <v>0</v>
      </c>
      <c r="LF25" s="109">
        <v>0</v>
      </c>
      <c r="LG25" s="109">
        <v>0</v>
      </c>
      <c r="LH25" s="110">
        <v>0</v>
      </c>
      <c r="LI25" s="111">
        <v>0</v>
      </c>
      <c r="LJ25" s="129">
        <v>0</v>
      </c>
      <c r="LK25" s="109">
        <v>0</v>
      </c>
      <c r="LL25" s="110">
        <v>0</v>
      </c>
      <c r="LM25" s="470">
        <v>0</v>
      </c>
      <c r="LN25" s="109">
        <v>0</v>
      </c>
      <c r="LO25" s="109">
        <v>0</v>
      </c>
      <c r="LP25" s="109">
        <v>0</v>
      </c>
      <c r="LQ25" s="109">
        <v>0</v>
      </c>
      <c r="LR25" s="109">
        <v>0</v>
      </c>
      <c r="LS25" s="110">
        <v>0</v>
      </c>
      <c r="LT25" s="292">
        <v>0</v>
      </c>
      <c r="LU25" s="129">
        <v>0</v>
      </c>
      <c r="LV25" s="109">
        <v>0</v>
      </c>
      <c r="LW25" s="110">
        <v>0</v>
      </c>
      <c r="LX25" s="470">
        <v>0</v>
      </c>
      <c r="LY25" s="109">
        <v>0</v>
      </c>
      <c r="LZ25" s="109">
        <v>0</v>
      </c>
      <c r="MA25" s="109">
        <v>0</v>
      </c>
      <c r="MB25" s="109">
        <v>0</v>
      </c>
      <c r="MC25" s="109">
        <v>0</v>
      </c>
      <c r="MD25" s="110">
        <v>0</v>
      </c>
      <c r="ME25" s="111">
        <v>0</v>
      </c>
      <c r="MF25" s="129">
        <v>0</v>
      </c>
      <c r="MG25" s="109">
        <v>0</v>
      </c>
      <c r="MH25" s="110">
        <v>0</v>
      </c>
      <c r="MI25" s="470">
        <v>0</v>
      </c>
      <c r="MJ25" s="109">
        <v>539535</v>
      </c>
      <c r="MK25" s="109">
        <v>461152</v>
      </c>
      <c r="ML25" s="109">
        <v>1057330</v>
      </c>
      <c r="MM25" s="109">
        <v>4012490</v>
      </c>
      <c r="MN25" s="109">
        <v>1844478</v>
      </c>
      <c r="MO25" s="110">
        <v>7914985</v>
      </c>
      <c r="MP25" s="130">
        <v>7914985</v>
      </c>
      <c r="MQ25" s="129">
        <v>0</v>
      </c>
      <c r="MR25" s="109">
        <v>0</v>
      </c>
      <c r="MS25" s="110">
        <v>0</v>
      </c>
      <c r="MT25" s="470">
        <v>0</v>
      </c>
      <c r="MU25" s="109">
        <v>0</v>
      </c>
      <c r="MV25" s="109">
        <v>219398</v>
      </c>
      <c r="MW25" s="109">
        <v>446301</v>
      </c>
      <c r="MX25" s="109">
        <v>2355400</v>
      </c>
      <c r="MY25" s="109">
        <v>1567870</v>
      </c>
      <c r="MZ25" s="110">
        <v>4588969</v>
      </c>
      <c r="NA25" s="130">
        <v>4588969</v>
      </c>
      <c r="NB25" s="129">
        <v>0</v>
      </c>
      <c r="NC25" s="109">
        <v>0</v>
      </c>
      <c r="ND25" s="110">
        <v>0</v>
      </c>
      <c r="NE25" s="470">
        <v>0</v>
      </c>
      <c r="NF25" s="109">
        <v>539535</v>
      </c>
      <c r="NG25" s="109">
        <v>241754</v>
      </c>
      <c r="NH25" s="109">
        <v>611029</v>
      </c>
      <c r="NI25" s="109">
        <v>1657090</v>
      </c>
      <c r="NJ25" s="109">
        <v>276608</v>
      </c>
      <c r="NK25" s="110">
        <v>3326016</v>
      </c>
      <c r="NL25" s="292">
        <v>3326016</v>
      </c>
      <c r="NM25" s="129">
        <v>0</v>
      </c>
      <c r="NN25" s="109">
        <v>0</v>
      </c>
      <c r="NO25" s="110">
        <v>0</v>
      </c>
      <c r="NP25" s="470">
        <v>0</v>
      </c>
      <c r="NQ25" s="109">
        <v>0</v>
      </c>
      <c r="NR25" s="109">
        <v>0</v>
      </c>
      <c r="NS25" s="109">
        <v>0</v>
      </c>
      <c r="NT25" s="109">
        <v>0</v>
      </c>
      <c r="NU25" s="109">
        <v>0</v>
      </c>
      <c r="NV25" s="110">
        <v>0</v>
      </c>
      <c r="NW25" s="111">
        <v>0</v>
      </c>
      <c r="NX25" s="129">
        <v>0</v>
      </c>
      <c r="NY25" s="109">
        <v>0</v>
      </c>
      <c r="NZ25" s="110">
        <v>0</v>
      </c>
      <c r="OA25" s="470">
        <v>0</v>
      </c>
      <c r="OB25" s="109">
        <v>0</v>
      </c>
      <c r="OC25" s="109">
        <v>0</v>
      </c>
      <c r="OD25" s="109">
        <v>0</v>
      </c>
      <c r="OE25" s="109">
        <v>0</v>
      </c>
      <c r="OF25" s="109">
        <v>0</v>
      </c>
      <c r="OG25" s="110">
        <v>0</v>
      </c>
      <c r="OH25" s="111">
        <v>0</v>
      </c>
      <c r="OI25" s="129">
        <v>213372</v>
      </c>
      <c r="OJ25" s="109">
        <v>603757</v>
      </c>
      <c r="OK25" s="128">
        <v>817129</v>
      </c>
      <c r="OL25" s="108">
        <v>0</v>
      </c>
      <c r="OM25" s="109">
        <v>4161146</v>
      </c>
      <c r="ON25" s="109">
        <v>4943218</v>
      </c>
      <c r="OO25" s="109">
        <v>5402323</v>
      </c>
      <c r="OP25" s="109">
        <v>8022013</v>
      </c>
      <c r="OQ25" s="109">
        <v>4630224</v>
      </c>
      <c r="OR25" s="110">
        <v>27158924</v>
      </c>
      <c r="OS25" s="130">
        <v>27976053</v>
      </c>
    </row>
    <row r="26" spans="2:409" ht="21" customHeight="1" x14ac:dyDescent="0.2">
      <c r="B26" s="437" t="s">
        <v>21</v>
      </c>
      <c r="C26" s="100">
        <v>202904</v>
      </c>
      <c r="D26" s="104">
        <v>493883</v>
      </c>
      <c r="E26" s="103">
        <v>696787</v>
      </c>
      <c r="F26" s="99">
        <v>0</v>
      </c>
      <c r="G26" s="104">
        <v>2629527</v>
      </c>
      <c r="H26" s="104">
        <v>2885159</v>
      </c>
      <c r="I26" s="104">
        <v>3076594</v>
      </c>
      <c r="J26" s="104">
        <v>2303348</v>
      </c>
      <c r="K26" s="104">
        <v>1258513</v>
      </c>
      <c r="L26" s="156">
        <v>12153141</v>
      </c>
      <c r="M26" s="106">
        <v>12849928</v>
      </c>
      <c r="N26" s="100">
        <v>31486</v>
      </c>
      <c r="O26" s="104">
        <v>168991</v>
      </c>
      <c r="P26" s="103">
        <v>200477</v>
      </c>
      <c r="Q26" s="100">
        <v>0</v>
      </c>
      <c r="R26" s="104">
        <v>774990</v>
      </c>
      <c r="S26" s="104">
        <v>1210551</v>
      </c>
      <c r="T26" s="104">
        <v>1168771</v>
      </c>
      <c r="U26" s="104">
        <v>799302</v>
      </c>
      <c r="V26" s="104">
        <v>711897</v>
      </c>
      <c r="W26" s="103">
        <v>4665511</v>
      </c>
      <c r="X26" s="106">
        <v>4865988</v>
      </c>
      <c r="Y26" s="100">
        <v>0</v>
      </c>
      <c r="Z26" s="104">
        <v>0</v>
      </c>
      <c r="AA26" s="103">
        <v>0</v>
      </c>
      <c r="AB26" s="100">
        <v>0</v>
      </c>
      <c r="AC26" s="104">
        <v>358349</v>
      </c>
      <c r="AD26" s="104">
        <v>567567</v>
      </c>
      <c r="AE26" s="104">
        <v>634445</v>
      </c>
      <c r="AF26" s="104">
        <v>558149</v>
      </c>
      <c r="AG26" s="104">
        <v>232071</v>
      </c>
      <c r="AH26" s="103">
        <v>2350581</v>
      </c>
      <c r="AI26" s="106">
        <v>2350581</v>
      </c>
      <c r="AJ26" s="100">
        <v>0</v>
      </c>
      <c r="AK26" s="104">
        <v>0</v>
      </c>
      <c r="AL26" s="103">
        <v>0</v>
      </c>
      <c r="AM26" s="100">
        <v>0</v>
      </c>
      <c r="AN26" s="104">
        <v>0</v>
      </c>
      <c r="AO26" s="104">
        <v>0</v>
      </c>
      <c r="AP26" s="104">
        <v>0</v>
      </c>
      <c r="AQ26" s="104">
        <v>0</v>
      </c>
      <c r="AR26" s="104">
        <v>143204</v>
      </c>
      <c r="AS26" s="103">
        <v>143204</v>
      </c>
      <c r="AT26" s="106">
        <v>143204</v>
      </c>
      <c r="AU26" s="100">
        <v>0</v>
      </c>
      <c r="AV26" s="104">
        <v>26623</v>
      </c>
      <c r="AW26" s="103">
        <v>26623</v>
      </c>
      <c r="AX26" s="100">
        <v>0</v>
      </c>
      <c r="AY26" s="104">
        <v>277691</v>
      </c>
      <c r="AZ26" s="104">
        <v>410631</v>
      </c>
      <c r="BA26" s="104">
        <v>312526</v>
      </c>
      <c r="BB26" s="104">
        <v>39021</v>
      </c>
      <c r="BC26" s="104">
        <v>241676</v>
      </c>
      <c r="BD26" s="103">
        <v>1281545</v>
      </c>
      <c r="BE26" s="106">
        <v>1308168</v>
      </c>
      <c r="BF26" s="100">
        <v>0</v>
      </c>
      <c r="BG26" s="104">
        <v>63296</v>
      </c>
      <c r="BH26" s="102">
        <v>63296</v>
      </c>
      <c r="BI26" s="101">
        <v>0</v>
      </c>
      <c r="BJ26" s="104">
        <v>0</v>
      </c>
      <c r="BK26" s="104">
        <v>4622</v>
      </c>
      <c r="BL26" s="104">
        <v>46303</v>
      </c>
      <c r="BM26" s="104">
        <v>0</v>
      </c>
      <c r="BN26" s="104">
        <v>28026</v>
      </c>
      <c r="BO26" s="103">
        <v>78951</v>
      </c>
      <c r="BP26" s="106">
        <v>142247</v>
      </c>
      <c r="BQ26" s="100">
        <v>31486</v>
      </c>
      <c r="BR26" s="104">
        <v>79072</v>
      </c>
      <c r="BS26" s="103">
        <v>110558</v>
      </c>
      <c r="BT26" s="100">
        <v>0</v>
      </c>
      <c r="BU26" s="104">
        <v>138950</v>
      </c>
      <c r="BV26" s="104">
        <v>227731</v>
      </c>
      <c r="BW26" s="104">
        <v>175497</v>
      </c>
      <c r="BX26" s="104">
        <v>202132</v>
      </c>
      <c r="BY26" s="104">
        <v>66920</v>
      </c>
      <c r="BZ26" s="103">
        <v>811230</v>
      </c>
      <c r="CA26" s="106">
        <v>921788</v>
      </c>
      <c r="CB26" s="100">
        <v>0</v>
      </c>
      <c r="CC26" s="104">
        <v>33187</v>
      </c>
      <c r="CD26" s="103">
        <v>33187</v>
      </c>
      <c r="CE26" s="100">
        <v>0</v>
      </c>
      <c r="CF26" s="104">
        <v>985397</v>
      </c>
      <c r="CG26" s="104">
        <v>535176</v>
      </c>
      <c r="CH26" s="104">
        <v>616286</v>
      </c>
      <c r="CI26" s="104">
        <v>250464</v>
      </c>
      <c r="CJ26" s="104">
        <v>181773</v>
      </c>
      <c r="CK26" s="103">
        <v>2569096</v>
      </c>
      <c r="CL26" s="106">
        <v>2602283</v>
      </c>
      <c r="CM26" s="100">
        <v>0</v>
      </c>
      <c r="CN26" s="104">
        <v>0</v>
      </c>
      <c r="CO26" s="103">
        <v>0</v>
      </c>
      <c r="CP26" s="101">
        <v>0</v>
      </c>
      <c r="CQ26" s="104">
        <v>795570</v>
      </c>
      <c r="CR26" s="104">
        <v>428317</v>
      </c>
      <c r="CS26" s="104">
        <v>463337</v>
      </c>
      <c r="CT26" s="104">
        <v>250464</v>
      </c>
      <c r="CU26" s="104">
        <v>37503</v>
      </c>
      <c r="CV26" s="103">
        <v>1975191</v>
      </c>
      <c r="CW26" s="106">
        <v>1975191</v>
      </c>
      <c r="CX26" s="100">
        <v>0</v>
      </c>
      <c r="CY26" s="104">
        <v>33187</v>
      </c>
      <c r="CZ26" s="103">
        <v>33187</v>
      </c>
      <c r="DA26" s="100">
        <v>0</v>
      </c>
      <c r="DB26" s="104">
        <v>189827</v>
      </c>
      <c r="DC26" s="104">
        <v>106859</v>
      </c>
      <c r="DD26" s="104">
        <v>152949</v>
      </c>
      <c r="DE26" s="104">
        <v>0</v>
      </c>
      <c r="DF26" s="104">
        <v>144270</v>
      </c>
      <c r="DG26" s="103">
        <v>593905</v>
      </c>
      <c r="DH26" s="106">
        <v>627092</v>
      </c>
      <c r="DI26" s="100">
        <v>24724</v>
      </c>
      <c r="DJ26" s="104">
        <v>52019</v>
      </c>
      <c r="DK26" s="102">
        <v>76743</v>
      </c>
      <c r="DL26" s="101">
        <v>0</v>
      </c>
      <c r="DM26" s="104">
        <v>108276</v>
      </c>
      <c r="DN26" s="104">
        <v>101771</v>
      </c>
      <c r="DO26" s="104">
        <v>414071</v>
      </c>
      <c r="DP26" s="104">
        <v>35255</v>
      </c>
      <c r="DQ26" s="104">
        <v>0</v>
      </c>
      <c r="DR26" s="103">
        <v>659373</v>
      </c>
      <c r="DS26" s="106">
        <v>736116</v>
      </c>
      <c r="DT26" s="100">
        <v>24724</v>
      </c>
      <c r="DU26" s="104">
        <v>52019</v>
      </c>
      <c r="DV26" s="103">
        <v>76743</v>
      </c>
      <c r="DW26" s="100">
        <v>0</v>
      </c>
      <c r="DX26" s="104">
        <v>75208</v>
      </c>
      <c r="DY26" s="104">
        <v>101771</v>
      </c>
      <c r="DZ26" s="104">
        <v>366254</v>
      </c>
      <c r="EA26" s="104">
        <v>35255</v>
      </c>
      <c r="EB26" s="104">
        <v>0</v>
      </c>
      <c r="EC26" s="103">
        <v>578488</v>
      </c>
      <c r="ED26" s="106">
        <v>655231</v>
      </c>
      <c r="EE26" s="100">
        <v>0</v>
      </c>
      <c r="EF26" s="102">
        <v>0</v>
      </c>
      <c r="EG26" s="103">
        <v>0</v>
      </c>
      <c r="EH26" s="100">
        <v>0</v>
      </c>
      <c r="EI26" s="104">
        <v>33068</v>
      </c>
      <c r="EJ26" s="104">
        <v>0</v>
      </c>
      <c r="EK26" s="104">
        <v>47817</v>
      </c>
      <c r="EL26" s="104">
        <v>0</v>
      </c>
      <c r="EM26" s="104">
        <v>0</v>
      </c>
      <c r="EN26" s="102">
        <v>80885</v>
      </c>
      <c r="EO26" s="106">
        <v>80885</v>
      </c>
      <c r="EP26" s="100">
        <v>0</v>
      </c>
      <c r="EQ26" s="104">
        <v>0</v>
      </c>
      <c r="ER26" s="102">
        <v>0</v>
      </c>
      <c r="ES26" s="101">
        <v>0</v>
      </c>
      <c r="ET26" s="104">
        <v>0</v>
      </c>
      <c r="EU26" s="104">
        <v>0</v>
      </c>
      <c r="EV26" s="104">
        <v>0</v>
      </c>
      <c r="EW26" s="104">
        <v>0</v>
      </c>
      <c r="EX26" s="104">
        <v>0</v>
      </c>
      <c r="EY26" s="103">
        <v>0</v>
      </c>
      <c r="EZ26" s="106">
        <v>0</v>
      </c>
      <c r="FA26" s="100">
        <v>0</v>
      </c>
      <c r="FB26" s="104">
        <v>0</v>
      </c>
      <c r="FC26" s="102">
        <v>0</v>
      </c>
      <c r="FD26" s="470">
        <v>0</v>
      </c>
      <c r="FE26" s="104">
        <v>0</v>
      </c>
      <c r="FF26" s="104">
        <v>0</v>
      </c>
      <c r="FG26" s="104">
        <v>0</v>
      </c>
      <c r="FH26" s="104">
        <v>0</v>
      </c>
      <c r="FI26" s="104">
        <v>0</v>
      </c>
      <c r="FJ26" s="103">
        <v>0</v>
      </c>
      <c r="FK26" s="106">
        <v>0</v>
      </c>
      <c r="FL26" s="100">
        <v>49280</v>
      </c>
      <c r="FM26" s="104">
        <v>91686</v>
      </c>
      <c r="FN26" s="103">
        <v>140966</v>
      </c>
      <c r="FO26" s="100">
        <v>0</v>
      </c>
      <c r="FP26" s="104">
        <v>260302</v>
      </c>
      <c r="FQ26" s="104">
        <v>225575</v>
      </c>
      <c r="FR26" s="104">
        <v>156100</v>
      </c>
      <c r="FS26" s="104">
        <v>76713</v>
      </c>
      <c r="FT26" s="104">
        <v>114898</v>
      </c>
      <c r="FU26" s="103">
        <v>833588</v>
      </c>
      <c r="FV26" s="106">
        <v>974554</v>
      </c>
      <c r="FW26" s="105">
        <v>36680</v>
      </c>
      <c r="FX26" s="104">
        <v>55986</v>
      </c>
      <c r="FY26" s="102">
        <v>92666</v>
      </c>
      <c r="FZ26" s="101">
        <v>0</v>
      </c>
      <c r="GA26" s="104">
        <v>196602</v>
      </c>
      <c r="GB26" s="104">
        <v>225575</v>
      </c>
      <c r="GC26" s="104">
        <v>156100</v>
      </c>
      <c r="GD26" s="104">
        <v>76713</v>
      </c>
      <c r="GE26" s="104">
        <v>114898</v>
      </c>
      <c r="GF26" s="103">
        <v>769888</v>
      </c>
      <c r="GG26" s="290">
        <v>862554</v>
      </c>
      <c r="GH26" s="105">
        <v>12600</v>
      </c>
      <c r="GI26" s="104">
        <v>0</v>
      </c>
      <c r="GJ26" s="102">
        <v>12600</v>
      </c>
      <c r="GK26" s="101">
        <v>0</v>
      </c>
      <c r="GL26" s="104">
        <v>0</v>
      </c>
      <c r="GM26" s="104">
        <v>0</v>
      </c>
      <c r="GN26" s="104">
        <v>0</v>
      </c>
      <c r="GO26" s="104">
        <v>0</v>
      </c>
      <c r="GP26" s="104">
        <v>0</v>
      </c>
      <c r="GQ26" s="103">
        <v>0</v>
      </c>
      <c r="GR26" s="106">
        <v>12600</v>
      </c>
      <c r="GS26" s="100">
        <v>0</v>
      </c>
      <c r="GT26" s="104">
        <v>35700</v>
      </c>
      <c r="GU26" s="103">
        <v>35700</v>
      </c>
      <c r="GV26" s="100">
        <v>0</v>
      </c>
      <c r="GW26" s="104">
        <v>63700</v>
      </c>
      <c r="GX26" s="104">
        <v>0</v>
      </c>
      <c r="GY26" s="104">
        <v>0</v>
      </c>
      <c r="GZ26" s="104">
        <v>0</v>
      </c>
      <c r="HA26" s="104">
        <v>0</v>
      </c>
      <c r="HB26" s="102">
        <v>63700</v>
      </c>
      <c r="HC26" s="106">
        <v>99400</v>
      </c>
      <c r="HD26" s="100">
        <v>97414</v>
      </c>
      <c r="HE26" s="104">
        <v>148000</v>
      </c>
      <c r="HF26" s="102">
        <v>245414</v>
      </c>
      <c r="HG26" s="101">
        <v>0</v>
      </c>
      <c r="HH26" s="104">
        <v>500562</v>
      </c>
      <c r="HI26" s="104">
        <v>812086</v>
      </c>
      <c r="HJ26" s="104">
        <v>721366</v>
      </c>
      <c r="HK26" s="104">
        <v>1141614</v>
      </c>
      <c r="HL26" s="104">
        <v>249945</v>
      </c>
      <c r="HM26" s="103">
        <v>3425573</v>
      </c>
      <c r="HN26" s="99">
        <v>3670987</v>
      </c>
      <c r="HO26" s="456">
        <v>0</v>
      </c>
      <c r="HP26" s="457">
        <v>0</v>
      </c>
      <c r="HQ26" s="458">
        <v>0</v>
      </c>
      <c r="HR26" s="459">
        <v>0</v>
      </c>
      <c r="HS26" s="457">
        <v>0</v>
      </c>
      <c r="HT26" s="457">
        <v>0</v>
      </c>
      <c r="HU26" s="457">
        <v>0</v>
      </c>
      <c r="HV26" s="457">
        <v>0</v>
      </c>
      <c r="HW26" s="457">
        <v>0</v>
      </c>
      <c r="HX26" s="460">
        <v>0</v>
      </c>
      <c r="HY26" s="461">
        <v>0</v>
      </c>
      <c r="HZ26" s="135">
        <v>0</v>
      </c>
      <c r="IA26" s="122">
        <v>0</v>
      </c>
      <c r="IB26" s="135">
        <v>0</v>
      </c>
      <c r="IC26" s="121">
        <v>0</v>
      </c>
      <c r="ID26" s="122">
        <v>317955</v>
      </c>
      <c r="IE26" s="123">
        <v>313410</v>
      </c>
      <c r="IF26" s="124">
        <v>747501</v>
      </c>
      <c r="IG26" s="122">
        <v>718469</v>
      </c>
      <c r="IH26" s="124">
        <v>0</v>
      </c>
      <c r="II26" s="125">
        <v>2097335</v>
      </c>
      <c r="IJ26" s="135">
        <v>2097335</v>
      </c>
      <c r="IK26" s="215">
        <v>0</v>
      </c>
      <c r="IL26" s="219">
        <v>0</v>
      </c>
      <c r="IM26" s="220">
        <v>0</v>
      </c>
      <c r="IN26" s="470">
        <v>0</v>
      </c>
      <c r="IO26" s="109">
        <v>55875</v>
      </c>
      <c r="IP26" s="109">
        <v>0</v>
      </c>
      <c r="IQ26" s="109">
        <v>0</v>
      </c>
      <c r="IR26" s="109">
        <v>0</v>
      </c>
      <c r="IS26" s="109">
        <v>0</v>
      </c>
      <c r="IT26" s="128">
        <v>55875</v>
      </c>
      <c r="IU26" s="292">
        <v>55875</v>
      </c>
      <c r="IV26" s="129">
        <v>0</v>
      </c>
      <c r="IW26" s="109">
        <v>0</v>
      </c>
      <c r="IX26" s="110">
        <v>0</v>
      </c>
      <c r="IY26" s="470">
        <v>0</v>
      </c>
      <c r="IZ26" s="109">
        <v>0</v>
      </c>
      <c r="JA26" s="109">
        <v>0</v>
      </c>
      <c r="JB26" s="109">
        <v>0</v>
      </c>
      <c r="JC26" s="109">
        <v>0</v>
      </c>
      <c r="JD26" s="109">
        <v>0</v>
      </c>
      <c r="JE26" s="110">
        <v>0</v>
      </c>
      <c r="JF26" s="111">
        <v>0</v>
      </c>
      <c r="JG26" s="129">
        <v>0</v>
      </c>
      <c r="JH26" s="109">
        <v>0</v>
      </c>
      <c r="JI26" s="128">
        <v>0</v>
      </c>
      <c r="JJ26" s="108">
        <v>0</v>
      </c>
      <c r="JK26" s="109">
        <v>262080</v>
      </c>
      <c r="JL26" s="109">
        <v>87882</v>
      </c>
      <c r="JM26" s="109">
        <v>136701</v>
      </c>
      <c r="JN26" s="109">
        <v>33121</v>
      </c>
      <c r="JO26" s="109">
        <v>0</v>
      </c>
      <c r="JP26" s="110">
        <v>519784</v>
      </c>
      <c r="JQ26" s="292">
        <v>519784</v>
      </c>
      <c r="JR26" s="129">
        <v>0</v>
      </c>
      <c r="JS26" s="109">
        <v>0</v>
      </c>
      <c r="JT26" s="128">
        <v>0</v>
      </c>
      <c r="JU26" s="108">
        <v>0</v>
      </c>
      <c r="JV26" s="109">
        <v>0</v>
      </c>
      <c r="JW26" s="109">
        <v>0</v>
      </c>
      <c r="JX26" s="109">
        <v>0</v>
      </c>
      <c r="JY26" s="109">
        <v>0</v>
      </c>
      <c r="JZ26" s="109">
        <v>0</v>
      </c>
      <c r="KA26" s="110">
        <v>0</v>
      </c>
      <c r="KB26" s="292">
        <v>0</v>
      </c>
      <c r="KC26" s="217">
        <v>0</v>
      </c>
      <c r="KD26" s="213">
        <v>0</v>
      </c>
      <c r="KE26" s="110">
        <v>0</v>
      </c>
      <c r="KF26" s="108">
        <v>0</v>
      </c>
      <c r="KG26" s="109">
        <v>0</v>
      </c>
      <c r="KH26" s="109">
        <v>0</v>
      </c>
      <c r="KI26" s="109">
        <v>387452</v>
      </c>
      <c r="KJ26" s="109">
        <v>0</v>
      </c>
      <c r="KK26" s="109">
        <v>0</v>
      </c>
      <c r="KL26" s="110">
        <v>387452</v>
      </c>
      <c r="KM26" s="130">
        <v>387452</v>
      </c>
      <c r="KN26" s="215">
        <v>0</v>
      </c>
      <c r="KO26" s="219">
        <v>0</v>
      </c>
      <c r="KP26" s="220">
        <v>0</v>
      </c>
      <c r="KQ26" s="470">
        <v>0</v>
      </c>
      <c r="KR26" s="109">
        <v>0</v>
      </c>
      <c r="KS26" s="109">
        <v>225528</v>
      </c>
      <c r="KT26" s="109">
        <v>223348</v>
      </c>
      <c r="KU26" s="109">
        <v>685348</v>
      </c>
      <c r="KV26" s="109">
        <v>0</v>
      </c>
      <c r="KW26" s="110">
        <v>1134224</v>
      </c>
      <c r="KX26" s="292">
        <v>1134224</v>
      </c>
      <c r="KY26" s="129">
        <v>0</v>
      </c>
      <c r="KZ26" s="109">
        <v>0</v>
      </c>
      <c r="LA26" s="110">
        <v>0</v>
      </c>
      <c r="LB26" s="470">
        <v>0</v>
      </c>
      <c r="LC26" s="109">
        <v>0</v>
      </c>
      <c r="LD26" s="109">
        <v>0</v>
      </c>
      <c r="LE26" s="109">
        <v>0</v>
      </c>
      <c r="LF26" s="109">
        <v>0</v>
      </c>
      <c r="LG26" s="109">
        <v>0</v>
      </c>
      <c r="LH26" s="110">
        <v>0</v>
      </c>
      <c r="LI26" s="111">
        <v>0</v>
      </c>
      <c r="LJ26" s="129">
        <v>0</v>
      </c>
      <c r="LK26" s="109">
        <v>0</v>
      </c>
      <c r="LL26" s="110">
        <v>0</v>
      </c>
      <c r="LM26" s="470">
        <v>0</v>
      </c>
      <c r="LN26" s="109">
        <v>0</v>
      </c>
      <c r="LO26" s="109">
        <v>0</v>
      </c>
      <c r="LP26" s="109">
        <v>0</v>
      </c>
      <c r="LQ26" s="109">
        <v>0</v>
      </c>
      <c r="LR26" s="109">
        <v>0</v>
      </c>
      <c r="LS26" s="110">
        <v>0</v>
      </c>
      <c r="LT26" s="292">
        <v>0</v>
      </c>
      <c r="LU26" s="129">
        <v>0</v>
      </c>
      <c r="LV26" s="109">
        <v>0</v>
      </c>
      <c r="LW26" s="110">
        <v>0</v>
      </c>
      <c r="LX26" s="470">
        <v>0</v>
      </c>
      <c r="LY26" s="109">
        <v>0</v>
      </c>
      <c r="LZ26" s="109">
        <v>0</v>
      </c>
      <c r="MA26" s="109">
        <v>0</v>
      </c>
      <c r="MB26" s="109">
        <v>0</v>
      </c>
      <c r="MC26" s="109">
        <v>0</v>
      </c>
      <c r="MD26" s="110">
        <v>0</v>
      </c>
      <c r="ME26" s="111">
        <v>0</v>
      </c>
      <c r="MF26" s="129">
        <v>0</v>
      </c>
      <c r="MG26" s="109">
        <v>0</v>
      </c>
      <c r="MH26" s="110">
        <v>0</v>
      </c>
      <c r="MI26" s="470">
        <v>0</v>
      </c>
      <c r="MJ26" s="109">
        <v>0</v>
      </c>
      <c r="MK26" s="109">
        <v>636195</v>
      </c>
      <c r="ML26" s="109">
        <v>914072</v>
      </c>
      <c r="MM26" s="109">
        <v>2028853</v>
      </c>
      <c r="MN26" s="109">
        <v>1026027</v>
      </c>
      <c r="MO26" s="110">
        <v>4605147</v>
      </c>
      <c r="MP26" s="130">
        <v>4605147</v>
      </c>
      <c r="MQ26" s="129">
        <v>0</v>
      </c>
      <c r="MR26" s="109">
        <v>0</v>
      </c>
      <c r="MS26" s="110">
        <v>0</v>
      </c>
      <c r="MT26" s="470">
        <v>0</v>
      </c>
      <c r="MU26" s="109">
        <v>0</v>
      </c>
      <c r="MV26" s="109">
        <v>0</v>
      </c>
      <c r="MW26" s="109">
        <v>471486</v>
      </c>
      <c r="MX26" s="109">
        <v>1675761</v>
      </c>
      <c r="MY26" s="109">
        <v>1026027</v>
      </c>
      <c r="MZ26" s="110">
        <v>3173274</v>
      </c>
      <c r="NA26" s="130">
        <v>3173274</v>
      </c>
      <c r="NB26" s="129">
        <v>0</v>
      </c>
      <c r="NC26" s="109">
        <v>0</v>
      </c>
      <c r="ND26" s="110">
        <v>0</v>
      </c>
      <c r="NE26" s="470">
        <v>0</v>
      </c>
      <c r="NF26" s="109">
        <v>0</v>
      </c>
      <c r="NG26" s="109">
        <v>636195</v>
      </c>
      <c r="NH26" s="109">
        <v>442586</v>
      </c>
      <c r="NI26" s="109">
        <v>353092</v>
      </c>
      <c r="NJ26" s="109">
        <v>0</v>
      </c>
      <c r="NK26" s="110">
        <v>1431873</v>
      </c>
      <c r="NL26" s="292">
        <v>1431873</v>
      </c>
      <c r="NM26" s="129">
        <v>0</v>
      </c>
      <c r="NN26" s="109">
        <v>0</v>
      </c>
      <c r="NO26" s="110">
        <v>0</v>
      </c>
      <c r="NP26" s="470">
        <v>0</v>
      </c>
      <c r="NQ26" s="109">
        <v>0</v>
      </c>
      <c r="NR26" s="109">
        <v>0</v>
      </c>
      <c r="NS26" s="109">
        <v>0</v>
      </c>
      <c r="NT26" s="109">
        <v>0</v>
      </c>
      <c r="NU26" s="109">
        <v>0</v>
      </c>
      <c r="NV26" s="110">
        <v>0</v>
      </c>
      <c r="NW26" s="111">
        <v>0</v>
      </c>
      <c r="NX26" s="129">
        <v>0</v>
      </c>
      <c r="NY26" s="109">
        <v>0</v>
      </c>
      <c r="NZ26" s="110">
        <v>0</v>
      </c>
      <c r="OA26" s="470">
        <v>0</v>
      </c>
      <c r="OB26" s="109">
        <v>0</v>
      </c>
      <c r="OC26" s="109">
        <v>0</v>
      </c>
      <c r="OD26" s="109">
        <v>0</v>
      </c>
      <c r="OE26" s="109">
        <v>0</v>
      </c>
      <c r="OF26" s="109">
        <v>0</v>
      </c>
      <c r="OG26" s="110">
        <v>0</v>
      </c>
      <c r="OH26" s="111">
        <v>0</v>
      </c>
      <c r="OI26" s="129">
        <v>202904</v>
      </c>
      <c r="OJ26" s="109">
        <v>493883</v>
      </c>
      <c r="OK26" s="128">
        <v>696787</v>
      </c>
      <c r="OL26" s="108">
        <v>0</v>
      </c>
      <c r="OM26" s="109">
        <v>2947482</v>
      </c>
      <c r="ON26" s="109">
        <v>3834764</v>
      </c>
      <c r="OO26" s="109">
        <v>4738167</v>
      </c>
      <c r="OP26" s="109">
        <v>5050670</v>
      </c>
      <c r="OQ26" s="109">
        <v>2284540</v>
      </c>
      <c r="OR26" s="110">
        <v>18855623</v>
      </c>
      <c r="OS26" s="130">
        <v>19552410</v>
      </c>
    </row>
    <row r="27" spans="2:409" ht="21" customHeight="1" x14ac:dyDescent="0.2">
      <c r="B27" s="437" t="s">
        <v>22</v>
      </c>
      <c r="C27" s="100">
        <v>20426</v>
      </c>
      <c r="D27" s="104">
        <v>22680</v>
      </c>
      <c r="E27" s="103">
        <v>43106</v>
      </c>
      <c r="F27" s="99">
        <v>0</v>
      </c>
      <c r="G27" s="104">
        <v>1126056</v>
      </c>
      <c r="H27" s="104">
        <v>1487634</v>
      </c>
      <c r="I27" s="104">
        <v>995812</v>
      </c>
      <c r="J27" s="104">
        <v>1751649</v>
      </c>
      <c r="K27" s="104">
        <v>2369146</v>
      </c>
      <c r="L27" s="156">
        <v>7730297</v>
      </c>
      <c r="M27" s="106">
        <v>7773403</v>
      </c>
      <c r="N27" s="100">
        <v>0</v>
      </c>
      <c r="O27" s="104">
        <v>0</v>
      </c>
      <c r="P27" s="103">
        <v>0</v>
      </c>
      <c r="Q27" s="100">
        <v>0</v>
      </c>
      <c r="R27" s="104">
        <v>430158</v>
      </c>
      <c r="S27" s="104">
        <v>315840</v>
      </c>
      <c r="T27" s="104">
        <v>286754</v>
      </c>
      <c r="U27" s="104">
        <v>352472</v>
      </c>
      <c r="V27" s="104">
        <v>1194514</v>
      </c>
      <c r="W27" s="103">
        <v>2579738</v>
      </c>
      <c r="X27" s="106">
        <v>2579738</v>
      </c>
      <c r="Y27" s="100">
        <v>0</v>
      </c>
      <c r="Z27" s="104">
        <v>0</v>
      </c>
      <c r="AA27" s="103">
        <v>0</v>
      </c>
      <c r="AB27" s="100">
        <v>0</v>
      </c>
      <c r="AC27" s="104">
        <v>313800</v>
      </c>
      <c r="AD27" s="104">
        <v>95200</v>
      </c>
      <c r="AE27" s="104">
        <v>136301</v>
      </c>
      <c r="AF27" s="104">
        <v>55049</v>
      </c>
      <c r="AG27" s="104">
        <v>341131</v>
      </c>
      <c r="AH27" s="103">
        <v>941481</v>
      </c>
      <c r="AI27" s="106">
        <v>941481</v>
      </c>
      <c r="AJ27" s="100">
        <v>0</v>
      </c>
      <c r="AK27" s="104">
        <v>0</v>
      </c>
      <c r="AL27" s="103">
        <v>0</v>
      </c>
      <c r="AM27" s="100">
        <v>0</v>
      </c>
      <c r="AN27" s="104">
        <v>0</v>
      </c>
      <c r="AO27" s="104">
        <v>0</v>
      </c>
      <c r="AP27" s="104">
        <v>0</v>
      </c>
      <c r="AQ27" s="104">
        <v>0</v>
      </c>
      <c r="AR27" s="104">
        <v>444252</v>
      </c>
      <c r="AS27" s="103">
        <v>444252</v>
      </c>
      <c r="AT27" s="106">
        <v>444252</v>
      </c>
      <c r="AU27" s="100">
        <v>0</v>
      </c>
      <c r="AV27" s="104">
        <v>0</v>
      </c>
      <c r="AW27" s="103">
        <v>0</v>
      </c>
      <c r="AX27" s="100">
        <v>0</v>
      </c>
      <c r="AY27" s="104">
        <v>54422</v>
      </c>
      <c r="AZ27" s="104">
        <v>132811</v>
      </c>
      <c r="BA27" s="104">
        <v>86487</v>
      </c>
      <c r="BB27" s="104">
        <v>114499</v>
      </c>
      <c r="BC27" s="104">
        <v>378793</v>
      </c>
      <c r="BD27" s="103">
        <v>767012</v>
      </c>
      <c r="BE27" s="106">
        <v>767012</v>
      </c>
      <c r="BF27" s="100">
        <v>0</v>
      </c>
      <c r="BG27" s="104">
        <v>0</v>
      </c>
      <c r="BH27" s="102">
        <v>0</v>
      </c>
      <c r="BI27" s="101">
        <v>0</v>
      </c>
      <c r="BJ27" s="104">
        <v>53536</v>
      </c>
      <c r="BK27" s="104">
        <v>43295</v>
      </c>
      <c r="BL27" s="104">
        <v>0</v>
      </c>
      <c r="BM27" s="104">
        <v>126840</v>
      </c>
      <c r="BN27" s="104">
        <v>0</v>
      </c>
      <c r="BO27" s="103">
        <v>223671</v>
      </c>
      <c r="BP27" s="106">
        <v>223671</v>
      </c>
      <c r="BQ27" s="100">
        <v>0</v>
      </c>
      <c r="BR27" s="104">
        <v>0</v>
      </c>
      <c r="BS27" s="103">
        <v>0</v>
      </c>
      <c r="BT27" s="100">
        <v>0</v>
      </c>
      <c r="BU27" s="104">
        <v>8400</v>
      </c>
      <c r="BV27" s="104">
        <v>44534</v>
      </c>
      <c r="BW27" s="104">
        <v>63966</v>
      </c>
      <c r="BX27" s="104">
        <v>56084</v>
      </c>
      <c r="BY27" s="104">
        <v>30338</v>
      </c>
      <c r="BZ27" s="103">
        <v>203322</v>
      </c>
      <c r="CA27" s="106">
        <v>203322</v>
      </c>
      <c r="CB27" s="100">
        <v>16226</v>
      </c>
      <c r="CC27" s="104">
        <v>0</v>
      </c>
      <c r="CD27" s="103">
        <v>16226</v>
      </c>
      <c r="CE27" s="100">
        <v>0</v>
      </c>
      <c r="CF27" s="104">
        <v>162281</v>
      </c>
      <c r="CG27" s="104">
        <v>550742</v>
      </c>
      <c r="CH27" s="104">
        <v>271617</v>
      </c>
      <c r="CI27" s="104">
        <v>745973</v>
      </c>
      <c r="CJ27" s="104">
        <v>161896</v>
      </c>
      <c r="CK27" s="103">
        <v>1892509</v>
      </c>
      <c r="CL27" s="106">
        <v>1908735</v>
      </c>
      <c r="CM27" s="100">
        <v>0</v>
      </c>
      <c r="CN27" s="104">
        <v>0</v>
      </c>
      <c r="CO27" s="103">
        <v>0</v>
      </c>
      <c r="CP27" s="101">
        <v>0</v>
      </c>
      <c r="CQ27" s="104">
        <v>90265</v>
      </c>
      <c r="CR27" s="104">
        <v>383648</v>
      </c>
      <c r="CS27" s="104">
        <v>271617</v>
      </c>
      <c r="CT27" s="104">
        <v>632947</v>
      </c>
      <c r="CU27" s="104">
        <v>161896</v>
      </c>
      <c r="CV27" s="103">
        <v>1540373</v>
      </c>
      <c r="CW27" s="106">
        <v>1540373</v>
      </c>
      <c r="CX27" s="100">
        <v>16226</v>
      </c>
      <c r="CY27" s="104">
        <v>0</v>
      </c>
      <c r="CZ27" s="103">
        <v>16226</v>
      </c>
      <c r="DA27" s="100">
        <v>0</v>
      </c>
      <c r="DB27" s="104">
        <v>72016</v>
      </c>
      <c r="DC27" s="104">
        <v>167094</v>
      </c>
      <c r="DD27" s="104">
        <v>0</v>
      </c>
      <c r="DE27" s="104">
        <v>113026</v>
      </c>
      <c r="DF27" s="104">
        <v>0</v>
      </c>
      <c r="DG27" s="103">
        <v>352136</v>
      </c>
      <c r="DH27" s="106">
        <v>368362</v>
      </c>
      <c r="DI27" s="100">
        <v>0</v>
      </c>
      <c r="DJ27" s="104">
        <v>0</v>
      </c>
      <c r="DK27" s="102">
        <v>0</v>
      </c>
      <c r="DL27" s="101">
        <v>0</v>
      </c>
      <c r="DM27" s="104">
        <v>0</v>
      </c>
      <c r="DN27" s="104">
        <v>182237</v>
      </c>
      <c r="DO27" s="104">
        <v>31626</v>
      </c>
      <c r="DP27" s="104">
        <v>156875</v>
      </c>
      <c r="DQ27" s="104">
        <v>248259</v>
      </c>
      <c r="DR27" s="103">
        <v>618997</v>
      </c>
      <c r="DS27" s="106">
        <v>618997</v>
      </c>
      <c r="DT27" s="100">
        <v>0</v>
      </c>
      <c r="DU27" s="104">
        <v>0</v>
      </c>
      <c r="DV27" s="103">
        <v>0</v>
      </c>
      <c r="DW27" s="100">
        <v>0</v>
      </c>
      <c r="DX27" s="104">
        <v>0</v>
      </c>
      <c r="DY27" s="104">
        <v>182237</v>
      </c>
      <c r="DZ27" s="104">
        <v>31626</v>
      </c>
      <c r="EA27" s="104">
        <v>89542</v>
      </c>
      <c r="EB27" s="104">
        <v>187933</v>
      </c>
      <c r="EC27" s="103">
        <v>491338</v>
      </c>
      <c r="ED27" s="106">
        <v>491338</v>
      </c>
      <c r="EE27" s="100">
        <v>0</v>
      </c>
      <c r="EF27" s="102">
        <v>0</v>
      </c>
      <c r="EG27" s="103">
        <v>0</v>
      </c>
      <c r="EH27" s="100">
        <v>0</v>
      </c>
      <c r="EI27" s="104">
        <v>0</v>
      </c>
      <c r="EJ27" s="104">
        <v>0</v>
      </c>
      <c r="EK27" s="104">
        <v>0</v>
      </c>
      <c r="EL27" s="104">
        <v>67333</v>
      </c>
      <c r="EM27" s="104">
        <v>60326</v>
      </c>
      <c r="EN27" s="102">
        <v>127659</v>
      </c>
      <c r="EO27" s="106">
        <v>127659</v>
      </c>
      <c r="EP27" s="100">
        <v>0</v>
      </c>
      <c r="EQ27" s="104">
        <v>0</v>
      </c>
      <c r="ER27" s="102">
        <v>0</v>
      </c>
      <c r="ES27" s="101">
        <v>0</v>
      </c>
      <c r="ET27" s="104">
        <v>0</v>
      </c>
      <c r="EU27" s="104">
        <v>0</v>
      </c>
      <c r="EV27" s="104">
        <v>0</v>
      </c>
      <c r="EW27" s="104">
        <v>0</v>
      </c>
      <c r="EX27" s="104">
        <v>0</v>
      </c>
      <c r="EY27" s="103">
        <v>0</v>
      </c>
      <c r="EZ27" s="106">
        <v>0</v>
      </c>
      <c r="FA27" s="100">
        <v>0</v>
      </c>
      <c r="FB27" s="104">
        <v>0</v>
      </c>
      <c r="FC27" s="102">
        <v>0</v>
      </c>
      <c r="FD27" s="470">
        <v>0</v>
      </c>
      <c r="FE27" s="104">
        <v>0</v>
      </c>
      <c r="FF27" s="104">
        <v>0</v>
      </c>
      <c r="FG27" s="104">
        <v>0</v>
      </c>
      <c r="FH27" s="104">
        <v>0</v>
      </c>
      <c r="FI27" s="104">
        <v>0</v>
      </c>
      <c r="FJ27" s="103">
        <v>0</v>
      </c>
      <c r="FK27" s="106">
        <v>0</v>
      </c>
      <c r="FL27" s="100">
        <v>4200</v>
      </c>
      <c r="FM27" s="104">
        <v>22680</v>
      </c>
      <c r="FN27" s="103">
        <v>26880</v>
      </c>
      <c r="FO27" s="100">
        <v>0</v>
      </c>
      <c r="FP27" s="104">
        <v>130620</v>
      </c>
      <c r="FQ27" s="104">
        <v>127526</v>
      </c>
      <c r="FR27" s="104">
        <v>68782</v>
      </c>
      <c r="FS27" s="104">
        <v>116984</v>
      </c>
      <c r="FT27" s="104">
        <v>139258</v>
      </c>
      <c r="FU27" s="103">
        <v>583170</v>
      </c>
      <c r="FV27" s="106">
        <v>610050</v>
      </c>
      <c r="FW27" s="105">
        <v>4200</v>
      </c>
      <c r="FX27" s="104">
        <v>22680</v>
      </c>
      <c r="FY27" s="102">
        <v>26880</v>
      </c>
      <c r="FZ27" s="101">
        <v>0</v>
      </c>
      <c r="GA27" s="104">
        <v>37310</v>
      </c>
      <c r="GB27" s="104">
        <v>127526</v>
      </c>
      <c r="GC27" s="104">
        <v>68782</v>
      </c>
      <c r="GD27" s="104">
        <v>116984</v>
      </c>
      <c r="GE27" s="104">
        <v>139258</v>
      </c>
      <c r="GF27" s="103">
        <v>489860</v>
      </c>
      <c r="GG27" s="290">
        <v>516740</v>
      </c>
      <c r="GH27" s="105">
        <v>0</v>
      </c>
      <c r="GI27" s="104">
        <v>0</v>
      </c>
      <c r="GJ27" s="102">
        <v>0</v>
      </c>
      <c r="GK27" s="101">
        <v>0</v>
      </c>
      <c r="GL27" s="104">
        <v>23100</v>
      </c>
      <c r="GM27" s="104">
        <v>0</v>
      </c>
      <c r="GN27" s="104">
        <v>0</v>
      </c>
      <c r="GO27" s="104">
        <v>0</v>
      </c>
      <c r="GP27" s="104">
        <v>0</v>
      </c>
      <c r="GQ27" s="103">
        <v>23100</v>
      </c>
      <c r="GR27" s="106">
        <v>23100</v>
      </c>
      <c r="GS27" s="100">
        <v>0</v>
      </c>
      <c r="GT27" s="104">
        <v>0</v>
      </c>
      <c r="GU27" s="103">
        <v>0</v>
      </c>
      <c r="GV27" s="100">
        <v>0</v>
      </c>
      <c r="GW27" s="104">
        <v>70210</v>
      </c>
      <c r="GX27" s="104">
        <v>0</v>
      </c>
      <c r="GY27" s="104">
        <v>0</v>
      </c>
      <c r="GZ27" s="104">
        <v>0</v>
      </c>
      <c r="HA27" s="104">
        <v>0</v>
      </c>
      <c r="HB27" s="102">
        <v>70210</v>
      </c>
      <c r="HC27" s="106">
        <v>70210</v>
      </c>
      <c r="HD27" s="100">
        <v>0</v>
      </c>
      <c r="HE27" s="104">
        <v>0</v>
      </c>
      <c r="HF27" s="102">
        <v>0</v>
      </c>
      <c r="HG27" s="101">
        <v>0</v>
      </c>
      <c r="HH27" s="104">
        <v>402997</v>
      </c>
      <c r="HI27" s="104">
        <v>311289</v>
      </c>
      <c r="HJ27" s="104">
        <v>337033</v>
      </c>
      <c r="HK27" s="104">
        <v>379345</v>
      </c>
      <c r="HL27" s="104">
        <v>625219</v>
      </c>
      <c r="HM27" s="103">
        <v>2055883</v>
      </c>
      <c r="HN27" s="99">
        <v>2055883</v>
      </c>
      <c r="HO27" s="456">
        <v>0</v>
      </c>
      <c r="HP27" s="457">
        <v>0</v>
      </c>
      <c r="HQ27" s="458">
        <v>0</v>
      </c>
      <c r="HR27" s="459">
        <v>0</v>
      </c>
      <c r="HS27" s="457">
        <v>0</v>
      </c>
      <c r="HT27" s="457">
        <v>0</v>
      </c>
      <c r="HU27" s="457">
        <v>0</v>
      </c>
      <c r="HV27" s="457">
        <v>0</v>
      </c>
      <c r="HW27" s="457">
        <v>0</v>
      </c>
      <c r="HX27" s="460">
        <v>0</v>
      </c>
      <c r="HY27" s="461">
        <v>0</v>
      </c>
      <c r="HZ27" s="118">
        <v>0</v>
      </c>
      <c r="IA27" s="119">
        <v>0</v>
      </c>
      <c r="IB27" s="120">
        <v>0</v>
      </c>
      <c r="IC27" s="131">
        <v>0</v>
      </c>
      <c r="ID27" s="119">
        <v>360150</v>
      </c>
      <c r="IE27" s="132">
        <v>656866</v>
      </c>
      <c r="IF27" s="120">
        <v>270886</v>
      </c>
      <c r="IG27" s="119">
        <v>389172</v>
      </c>
      <c r="IH27" s="120">
        <v>0</v>
      </c>
      <c r="II27" s="133">
        <v>1677074</v>
      </c>
      <c r="IJ27" s="126">
        <v>1677074</v>
      </c>
      <c r="IK27" s="215">
        <v>0</v>
      </c>
      <c r="IL27" s="219">
        <v>0</v>
      </c>
      <c r="IM27" s="220">
        <v>0</v>
      </c>
      <c r="IN27" s="470">
        <v>0</v>
      </c>
      <c r="IO27" s="109">
        <v>0</v>
      </c>
      <c r="IP27" s="109">
        <v>0</v>
      </c>
      <c r="IQ27" s="109">
        <v>139377</v>
      </c>
      <c r="IR27" s="109">
        <v>333879</v>
      </c>
      <c r="IS27" s="109">
        <v>0</v>
      </c>
      <c r="IT27" s="128">
        <v>473256</v>
      </c>
      <c r="IU27" s="292">
        <v>473256</v>
      </c>
      <c r="IV27" s="129">
        <v>0</v>
      </c>
      <c r="IW27" s="109">
        <v>0</v>
      </c>
      <c r="IX27" s="110">
        <v>0</v>
      </c>
      <c r="IY27" s="470">
        <v>0</v>
      </c>
      <c r="IZ27" s="109">
        <v>0</v>
      </c>
      <c r="JA27" s="109">
        <v>0</v>
      </c>
      <c r="JB27" s="109">
        <v>0</v>
      </c>
      <c r="JC27" s="109">
        <v>0</v>
      </c>
      <c r="JD27" s="109">
        <v>0</v>
      </c>
      <c r="JE27" s="110">
        <v>0</v>
      </c>
      <c r="JF27" s="111">
        <v>0</v>
      </c>
      <c r="JG27" s="129">
        <v>0</v>
      </c>
      <c r="JH27" s="109">
        <v>0</v>
      </c>
      <c r="JI27" s="128">
        <v>0</v>
      </c>
      <c r="JJ27" s="108">
        <v>0</v>
      </c>
      <c r="JK27" s="109">
        <v>360150</v>
      </c>
      <c r="JL27" s="109">
        <v>256375</v>
      </c>
      <c r="JM27" s="109">
        <v>63385</v>
      </c>
      <c r="JN27" s="109">
        <v>55293</v>
      </c>
      <c r="JO27" s="109">
        <v>0</v>
      </c>
      <c r="JP27" s="110">
        <v>735203</v>
      </c>
      <c r="JQ27" s="292">
        <v>735203</v>
      </c>
      <c r="JR27" s="129">
        <v>0</v>
      </c>
      <c r="JS27" s="109">
        <v>0</v>
      </c>
      <c r="JT27" s="128">
        <v>0</v>
      </c>
      <c r="JU27" s="108">
        <v>0</v>
      </c>
      <c r="JV27" s="109">
        <v>0</v>
      </c>
      <c r="JW27" s="109">
        <v>0</v>
      </c>
      <c r="JX27" s="109">
        <v>68124</v>
      </c>
      <c r="JY27" s="109">
        <v>0</v>
      </c>
      <c r="JZ27" s="109">
        <v>0</v>
      </c>
      <c r="KA27" s="110">
        <v>68124</v>
      </c>
      <c r="KB27" s="292">
        <v>68124</v>
      </c>
      <c r="KC27" s="217">
        <v>0</v>
      </c>
      <c r="KD27" s="213">
        <v>0</v>
      </c>
      <c r="KE27" s="110">
        <v>0</v>
      </c>
      <c r="KF27" s="108">
        <v>0</v>
      </c>
      <c r="KG27" s="109">
        <v>0</v>
      </c>
      <c r="KH27" s="109">
        <v>400491</v>
      </c>
      <c r="KI27" s="109">
        <v>0</v>
      </c>
      <c r="KJ27" s="109">
        <v>0</v>
      </c>
      <c r="KK27" s="109">
        <v>0</v>
      </c>
      <c r="KL27" s="110">
        <v>400491</v>
      </c>
      <c r="KM27" s="130">
        <v>400491</v>
      </c>
      <c r="KN27" s="215">
        <v>0</v>
      </c>
      <c r="KO27" s="219">
        <v>0</v>
      </c>
      <c r="KP27" s="220">
        <v>0</v>
      </c>
      <c r="KQ27" s="470">
        <v>0</v>
      </c>
      <c r="KR27" s="109">
        <v>0</v>
      </c>
      <c r="KS27" s="109">
        <v>0</v>
      </c>
      <c r="KT27" s="109">
        <v>0</v>
      </c>
      <c r="KU27" s="109">
        <v>0</v>
      </c>
      <c r="KV27" s="109">
        <v>0</v>
      </c>
      <c r="KW27" s="110">
        <v>0</v>
      </c>
      <c r="KX27" s="292">
        <v>0</v>
      </c>
      <c r="KY27" s="129">
        <v>0</v>
      </c>
      <c r="KZ27" s="109">
        <v>0</v>
      </c>
      <c r="LA27" s="110">
        <v>0</v>
      </c>
      <c r="LB27" s="470">
        <v>0</v>
      </c>
      <c r="LC27" s="109">
        <v>0</v>
      </c>
      <c r="LD27" s="109">
        <v>0</v>
      </c>
      <c r="LE27" s="109">
        <v>0</v>
      </c>
      <c r="LF27" s="109">
        <v>0</v>
      </c>
      <c r="LG27" s="109">
        <v>0</v>
      </c>
      <c r="LH27" s="110">
        <v>0</v>
      </c>
      <c r="LI27" s="111">
        <v>0</v>
      </c>
      <c r="LJ27" s="129">
        <v>0</v>
      </c>
      <c r="LK27" s="109">
        <v>0</v>
      </c>
      <c r="LL27" s="110">
        <v>0</v>
      </c>
      <c r="LM27" s="470">
        <v>0</v>
      </c>
      <c r="LN27" s="109">
        <v>0</v>
      </c>
      <c r="LO27" s="109">
        <v>0</v>
      </c>
      <c r="LP27" s="109">
        <v>0</v>
      </c>
      <c r="LQ27" s="109">
        <v>0</v>
      </c>
      <c r="LR27" s="109">
        <v>0</v>
      </c>
      <c r="LS27" s="110">
        <v>0</v>
      </c>
      <c r="LT27" s="292">
        <v>0</v>
      </c>
      <c r="LU27" s="129">
        <v>0</v>
      </c>
      <c r="LV27" s="109">
        <v>0</v>
      </c>
      <c r="LW27" s="110">
        <v>0</v>
      </c>
      <c r="LX27" s="470">
        <v>0</v>
      </c>
      <c r="LY27" s="109">
        <v>0</v>
      </c>
      <c r="LZ27" s="109">
        <v>0</v>
      </c>
      <c r="MA27" s="109">
        <v>0</v>
      </c>
      <c r="MB27" s="109">
        <v>0</v>
      </c>
      <c r="MC27" s="109">
        <v>0</v>
      </c>
      <c r="MD27" s="110">
        <v>0</v>
      </c>
      <c r="ME27" s="111">
        <v>0</v>
      </c>
      <c r="MF27" s="129">
        <v>0</v>
      </c>
      <c r="MG27" s="109">
        <v>0</v>
      </c>
      <c r="MH27" s="110">
        <v>0</v>
      </c>
      <c r="MI27" s="470">
        <v>0</v>
      </c>
      <c r="MJ27" s="109">
        <v>0</v>
      </c>
      <c r="MK27" s="109">
        <v>195230</v>
      </c>
      <c r="ML27" s="109">
        <v>309243</v>
      </c>
      <c r="MM27" s="109">
        <v>238746</v>
      </c>
      <c r="MN27" s="109">
        <v>0</v>
      </c>
      <c r="MO27" s="110">
        <v>743219</v>
      </c>
      <c r="MP27" s="130">
        <v>743219</v>
      </c>
      <c r="MQ27" s="129">
        <v>0</v>
      </c>
      <c r="MR27" s="109">
        <v>0</v>
      </c>
      <c r="MS27" s="110">
        <v>0</v>
      </c>
      <c r="MT27" s="470">
        <v>0</v>
      </c>
      <c r="MU27" s="109">
        <v>0</v>
      </c>
      <c r="MV27" s="109">
        <v>195230</v>
      </c>
      <c r="MW27" s="109">
        <v>213073</v>
      </c>
      <c r="MX27" s="109">
        <v>238746</v>
      </c>
      <c r="MY27" s="109">
        <v>0</v>
      </c>
      <c r="MZ27" s="110">
        <v>647049</v>
      </c>
      <c r="NA27" s="130">
        <v>647049</v>
      </c>
      <c r="NB27" s="129">
        <v>0</v>
      </c>
      <c r="NC27" s="109">
        <v>0</v>
      </c>
      <c r="ND27" s="110">
        <v>0</v>
      </c>
      <c r="NE27" s="470">
        <v>0</v>
      </c>
      <c r="NF27" s="109">
        <v>0</v>
      </c>
      <c r="NG27" s="109">
        <v>0</v>
      </c>
      <c r="NH27" s="109">
        <v>96170</v>
      </c>
      <c r="NI27" s="109">
        <v>0</v>
      </c>
      <c r="NJ27" s="109">
        <v>0</v>
      </c>
      <c r="NK27" s="110">
        <v>96170</v>
      </c>
      <c r="NL27" s="292">
        <v>96170</v>
      </c>
      <c r="NM27" s="129">
        <v>0</v>
      </c>
      <c r="NN27" s="109">
        <v>0</v>
      </c>
      <c r="NO27" s="110">
        <v>0</v>
      </c>
      <c r="NP27" s="470">
        <v>0</v>
      </c>
      <c r="NQ27" s="109">
        <v>0</v>
      </c>
      <c r="NR27" s="109">
        <v>0</v>
      </c>
      <c r="NS27" s="109">
        <v>0</v>
      </c>
      <c r="NT27" s="109">
        <v>0</v>
      </c>
      <c r="NU27" s="109">
        <v>0</v>
      </c>
      <c r="NV27" s="110">
        <v>0</v>
      </c>
      <c r="NW27" s="111">
        <v>0</v>
      </c>
      <c r="NX27" s="129">
        <v>0</v>
      </c>
      <c r="NY27" s="109">
        <v>0</v>
      </c>
      <c r="NZ27" s="110">
        <v>0</v>
      </c>
      <c r="OA27" s="470">
        <v>0</v>
      </c>
      <c r="OB27" s="109">
        <v>0</v>
      </c>
      <c r="OC27" s="109">
        <v>0</v>
      </c>
      <c r="OD27" s="109">
        <v>0</v>
      </c>
      <c r="OE27" s="109">
        <v>0</v>
      </c>
      <c r="OF27" s="109">
        <v>0</v>
      </c>
      <c r="OG27" s="110">
        <v>0</v>
      </c>
      <c r="OH27" s="111">
        <v>0</v>
      </c>
      <c r="OI27" s="129">
        <v>20426</v>
      </c>
      <c r="OJ27" s="109">
        <v>22680</v>
      </c>
      <c r="OK27" s="128">
        <v>43106</v>
      </c>
      <c r="OL27" s="108">
        <v>0</v>
      </c>
      <c r="OM27" s="109">
        <v>1486206</v>
      </c>
      <c r="ON27" s="109">
        <v>2339730</v>
      </c>
      <c r="OO27" s="109">
        <v>1575941</v>
      </c>
      <c r="OP27" s="109">
        <v>2379567</v>
      </c>
      <c r="OQ27" s="109">
        <v>2369146</v>
      </c>
      <c r="OR27" s="110">
        <v>10150590</v>
      </c>
      <c r="OS27" s="130">
        <v>10193696</v>
      </c>
    </row>
    <row r="28" spans="2:409" ht="21" customHeight="1" x14ac:dyDescent="0.2">
      <c r="B28" s="437" t="s">
        <v>23</v>
      </c>
      <c r="C28" s="100">
        <v>107240</v>
      </c>
      <c r="D28" s="104">
        <v>291537</v>
      </c>
      <c r="E28" s="103">
        <v>398777</v>
      </c>
      <c r="F28" s="99">
        <v>0</v>
      </c>
      <c r="G28" s="104">
        <v>1427159</v>
      </c>
      <c r="H28" s="104">
        <v>2494807</v>
      </c>
      <c r="I28" s="104">
        <v>2267771</v>
      </c>
      <c r="J28" s="104">
        <v>2792031</v>
      </c>
      <c r="K28" s="104">
        <v>1682279</v>
      </c>
      <c r="L28" s="156">
        <v>10664047</v>
      </c>
      <c r="M28" s="106">
        <v>11062824</v>
      </c>
      <c r="N28" s="100">
        <v>92848</v>
      </c>
      <c r="O28" s="104">
        <v>118147</v>
      </c>
      <c r="P28" s="103">
        <v>210995</v>
      </c>
      <c r="Q28" s="100">
        <v>0</v>
      </c>
      <c r="R28" s="104">
        <v>334879</v>
      </c>
      <c r="S28" s="104">
        <v>787190</v>
      </c>
      <c r="T28" s="104">
        <v>1037990</v>
      </c>
      <c r="U28" s="104">
        <v>331553</v>
      </c>
      <c r="V28" s="104">
        <v>224513</v>
      </c>
      <c r="W28" s="103">
        <v>2716125</v>
      </c>
      <c r="X28" s="106">
        <v>2927120</v>
      </c>
      <c r="Y28" s="100">
        <v>0</v>
      </c>
      <c r="Z28" s="104">
        <v>0</v>
      </c>
      <c r="AA28" s="103">
        <v>0</v>
      </c>
      <c r="AB28" s="100">
        <v>0</v>
      </c>
      <c r="AC28" s="104">
        <v>39959</v>
      </c>
      <c r="AD28" s="104">
        <v>196557</v>
      </c>
      <c r="AE28" s="104">
        <v>562953</v>
      </c>
      <c r="AF28" s="104">
        <v>68217</v>
      </c>
      <c r="AG28" s="104">
        <v>0</v>
      </c>
      <c r="AH28" s="103">
        <v>867686</v>
      </c>
      <c r="AI28" s="106">
        <v>867686</v>
      </c>
      <c r="AJ28" s="100">
        <v>0</v>
      </c>
      <c r="AK28" s="104">
        <v>0</v>
      </c>
      <c r="AL28" s="103">
        <v>0</v>
      </c>
      <c r="AM28" s="100">
        <v>0</v>
      </c>
      <c r="AN28" s="104">
        <v>0</v>
      </c>
      <c r="AO28" s="104">
        <v>92074</v>
      </c>
      <c r="AP28" s="104">
        <v>41452</v>
      </c>
      <c r="AQ28" s="104">
        <v>0</v>
      </c>
      <c r="AR28" s="104">
        <v>10088</v>
      </c>
      <c r="AS28" s="103">
        <v>143614</v>
      </c>
      <c r="AT28" s="106">
        <v>143614</v>
      </c>
      <c r="AU28" s="100">
        <v>61207</v>
      </c>
      <c r="AV28" s="104">
        <v>97866</v>
      </c>
      <c r="AW28" s="103">
        <v>159073</v>
      </c>
      <c r="AX28" s="100">
        <v>0</v>
      </c>
      <c r="AY28" s="104">
        <v>221434</v>
      </c>
      <c r="AZ28" s="104">
        <v>359128</v>
      </c>
      <c r="BA28" s="104">
        <v>309573</v>
      </c>
      <c r="BB28" s="104">
        <v>92949</v>
      </c>
      <c r="BC28" s="104">
        <v>61496</v>
      </c>
      <c r="BD28" s="103">
        <v>1044580</v>
      </c>
      <c r="BE28" s="106">
        <v>1203653</v>
      </c>
      <c r="BF28" s="100">
        <v>18684</v>
      </c>
      <c r="BG28" s="104">
        <v>20281</v>
      </c>
      <c r="BH28" s="102">
        <v>38965</v>
      </c>
      <c r="BI28" s="101">
        <v>0</v>
      </c>
      <c r="BJ28" s="104">
        <v>0</v>
      </c>
      <c r="BK28" s="104">
        <v>57048</v>
      </c>
      <c r="BL28" s="104">
        <v>0</v>
      </c>
      <c r="BM28" s="104">
        <v>0</v>
      </c>
      <c r="BN28" s="104">
        <v>0</v>
      </c>
      <c r="BO28" s="103">
        <v>57048</v>
      </c>
      <c r="BP28" s="106">
        <v>96013</v>
      </c>
      <c r="BQ28" s="100">
        <v>12957</v>
      </c>
      <c r="BR28" s="104">
        <v>0</v>
      </c>
      <c r="BS28" s="103">
        <v>12957</v>
      </c>
      <c r="BT28" s="100">
        <v>0</v>
      </c>
      <c r="BU28" s="104">
        <v>73486</v>
      </c>
      <c r="BV28" s="104">
        <v>82383</v>
      </c>
      <c r="BW28" s="104">
        <v>124012</v>
      </c>
      <c r="BX28" s="104">
        <v>170387</v>
      </c>
      <c r="BY28" s="104">
        <v>152929</v>
      </c>
      <c r="BZ28" s="103">
        <v>603197</v>
      </c>
      <c r="CA28" s="106">
        <v>616154</v>
      </c>
      <c r="CB28" s="100">
        <v>0</v>
      </c>
      <c r="CC28" s="104">
        <v>0</v>
      </c>
      <c r="CD28" s="103">
        <v>0</v>
      </c>
      <c r="CE28" s="100">
        <v>0</v>
      </c>
      <c r="CF28" s="104">
        <v>522317</v>
      </c>
      <c r="CG28" s="104">
        <v>821083</v>
      </c>
      <c r="CH28" s="104">
        <v>579609</v>
      </c>
      <c r="CI28" s="104">
        <v>684698</v>
      </c>
      <c r="CJ28" s="104">
        <v>231023</v>
      </c>
      <c r="CK28" s="103">
        <v>2838730</v>
      </c>
      <c r="CL28" s="106">
        <v>2838730</v>
      </c>
      <c r="CM28" s="100">
        <v>0</v>
      </c>
      <c r="CN28" s="104">
        <v>0</v>
      </c>
      <c r="CO28" s="103">
        <v>0</v>
      </c>
      <c r="CP28" s="101">
        <v>0</v>
      </c>
      <c r="CQ28" s="104">
        <v>416742</v>
      </c>
      <c r="CR28" s="104">
        <v>782730</v>
      </c>
      <c r="CS28" s="104">
        <v>439024</v>
      </c>
      <c r="CT28" s="104">
        <v>352285</v>
      </c>
      <c r="CU28" s="104">
        <v>0</v>
      </c>
      <c r="CV28" s="103">
        <v>1990781</v>
      </c>
      <c r="CW28" s="106">
        <v>1990781</v>
      </c>
      <c r="CX28" s="100">
        <v>0</v>
      </c>
      <c r="CY28" s="104">
        <v>0</v>
      </c>
      <c r="CZ28" s="103">
        <v>0</v>
      </c>
      <c r="DA28" s="100">
        <v>0</v>
      </c>
      <c r="DB28" s="104">
        <v>105575</v>
      </c>
      <c r="DC28" s="104">
        <v>38353</v>
      </c>
      <c r="DD28" s="104">
        <v>140585</v>
      </c>
      <c r="DE28" s="104">
        <v>332413</v>
      </c>
      <c r="DF28" s="104">
        <v>231023</v>
      </c>
      <c r="DG28" s="103">
        <v>847949</v>
      </c>
      <c r="DH28" s="106">
        <v>847949</v>
      </c>
      <c r="DI28" s="100">
        <v>0</v>
      </c>
      <c r="DJ28" s="104">
        <v>0</v>
      </c>
      <c r="DK28" s="102">
        <v>0</v>
      </c>
      <c r="DL28" s="101">
        <v>0</v>
      </c>
      <c r="DM28" s="104">
        <v>90871</v>
      </c>
      <c r="DN28" s="104">
        <v>192436</v>
      </c>
      <c r="DO28" s="104">
        <v>343945</v>
      </c>
      <c r="DP28" s="104">
        <v>165024</v>
      </c>
      <c r="DQ28" s="104">
        <v>118676</v>
      </c>
      <c r="DR28" s="103">
        <v>910952</v>
      </c>
      <c r="DS28" s="106">
        <v>910952</v>
      </c>
      <c r="DT28" s="100">
        <v>0</v>
      </c>
      <c r="DU28" s="104">
        <v>0</v>
      </c>
      <c r="DV28" s="103">
        <v>0</v>
      </c>
      <c r="DW28" s="100">
        <v>0</v>
      </c>
      <c r="DX28" s="104">
        <v>90871</v>
      </c>
      <c r="DY28" s="104">
        <v>192436</v>
      </c>
      <c r="DZ28" s="104">
        <v>343945</v>
      </c>
      <c r="EA28" s="104">
        <v>127013</v>
      </c>
      <c r="EB28" s="104">
        <v>118676</v>
      </c>
      <c r="EC28" s="103">
        <v>872941</v>
      </c>
      <c r="ED28" s="106">
        <v>872941</v>
      </c>
      <c r="EE28" s="100">
        <v>0</v>
      </c>
      <c r="EF28" s="102">
        <v>0</v>
      </c>
      <c r="EG28" s="103">
        <v>0</v>
      </c>
      <c r="EH28" s="100">
        <v>0</v>
      </c>
      <c r="EI28" s="104">
        <v>0</v>
      </c>
      <c r="EJ28" s="104">
        <v>0</v>
      </c>
      <c r="EK28" s="104">
        <v>0</v>
      </c>
      <c r="EL28" s="104">
        <v>38011</v>
      </c>
      <c r="EM28" s="104">
        <v>0</v>
      </c>
      <c r="EN28" s="102">
        <v>38011</v>
      </c>
      <c r="EO28" s="106">
        <v>38011</v>
      </c>
      <c r="EP28" s="100">
        <v>0</v>
      </c>
      <c r="EQ28" s="104">
        <v>0</v>
      </c>
      <c r="ER28" s="102">
        <v>0</v>
      </c>
      <c r="ES28" s="101">
        <v>0</v>
      </c>
      <c r="ET28" s="104">
        <v>0</v>
      </c>
      <c r="EU28" s="104">
        <v>0</v>
      </c>
      <c r="EV28" s="104">
        <v>0</v>
      </c>
      <c r="EW28" s="104">
        <v>0</v>
      </c>
      <c r="EX28" s="104">
        <v>0</v>
      </c>
      <c r="EY28" s="103">
        <v>0</v>
      </c>
      <c r="EZ28" s="106">
        <v>0</v>
      </c>
      <c r="FA28" s="100">
        <v>0</v>
      </c>
      <c r="FB28" s="104">
        <v>0</v>
      </c>
      <c r="FC28" s="102">
        <v>0</v>
      </c>
      <c r="FD28" s="470">
        <v>0</v>
      </c>
      <c r="FE28" s="104">
        <v>0</v>
      </c>
      <c r="FF28" s="104">
        <v>0</v>
      </c>
      <c r="FG28" s="104">
        <v>0</v>
      </c>
      <c r="FH28" s="104">
        <v>0</v>
      </c>
      <c r="FI28" s="104">
        <v>0</v>
      </c>
      <c r="FJ28" s="103">
        <v>0</v>
      </c>
      <c r="FK28" s="106">
        <v>0</v>
      </c>
      <c r="FL28" s="100">
        <v>14392</v>
      </c>
      <c r="FM28" s="104">
        <v>173390</v>
      </c>
      <c r="FN28" s="103">
        <v>187782</v>
      </c>
      <c r="FO28" s="100">
        <v>0</v>
      </c>
      <c r="FP28" s="104">
        <v>191737</v>
      </c>
      <c r="FQ28" s="104">
        <v>372064</v>
      </c>
      <c r="FR28" s="104">
        <v>163856</v>
      </c>
      <c r="FS28" s="104">
        <v>115647</v>
      </c>
      <c r="FT28" s="104">
        <v>58709</v>
      </c>
      <c r="FU28" s="103">
        <v>902013</v>
      </c>
      <c r="FV28" s="106">
        <v>1089795</v>
      </c>
      <c r="FW28" s="105">
        <v>14392</v>
      </c>
      <c r="FX28" s="104">
        <v>33390</v>
      </c>
      <c r="FY28" s="102">
        <v>47782</v>
      </c>
      <c r="FZ28" s="101">
        <v>0</v>
      </c>
      <c r="GA28" s="104">
        <v>101962</v>
      </c>
      <c r="GB28" s="104">
        <v>232064</v>
      </c>
      <c r="GC28" s="104">
        <v>163856</v>
      </c>
      <c r="GD28" s="104">
        <v>115647</v>
      </c>
      <c r="GE28" s="104">
        <v>58709</v>
      </c>
      <c r="GF28" s="103">
        <v>672238</v>
      </c>
      <c r="GG28" s="290">
        <v>720020</v>
      </c>
      <c r="GH28" s="105">
        <v>0</v>
      </c>
      <c r="GI28" s="104">
        <v>0</v>
      </c>
      <c r="GJ28" s="102">
        <v>0</v>
      </c>
      <c r="GK28" s="101">
        <v>0</v>
      </c>
      <c r="GL28" s="104">
        <v>34335</v>
      </c>
      <c r="GM28" s="104">
        <v>0</v>
      </c>
      <c r="GN28" s="104">
        <v>0</v>
      </c>
      <c r="GO28" s="104">
        <v>0</v>
      </c>
      <c r="GP28" s="104">
        <v>0</v>
      </c>
      <c r="GQ28" s="103">
        <v>34335</v>
      </c>
      <c r="GR28" s="106">
        <v>34335</v>
      </c>
      <c r="GS28" s="100">
        <v>0</v>
      </c>
      <c r="GT28" s="104">
        <v>140000</v>
      </c>
      <c r="GU28" s="103">
        <v>140000</v>
      </c>
      <c r="GV28" s="100">
        <v>0</v>
      </c>
      <c r="GW28" s="104">
        <v>55440</v>
      </c>
      <c r="GX28" s="104">
        <v>140000</v>
      </c>
      <c r="GY28" s="104">
        <v>0</v>
      </c>
      <c r="GZ28" s="104">
        <v>0</v>
      </c>
      <c r="HA28" s="104">
        <v>0</v>
      </c>
      <c r="HB28" s="102">
        <v>195440</v>
      </c>
      <c r="HC28" s="106">
        <v>335440</v>
      </c>
      <c r="HD28" s="100">
        <v>0</v>
      </c>
      <c r="HE28" s="104">
        <v>0</v>
      </c>
      <c r="HF28" s="102">
        <v>0</v>
      </c>
      <c r="HG28" s="101">
        <v>0</v>
      </c>
      <c r="HH28" s="104">
        <v>287355</v>
      </c>
      <c r="HI28" s="104">
        <v>322034</v>
      </c>
      <c r="HJ28" s="104">
        <v>142371</v>
      </c>
      <c r="HK28" s="104">
        <v>1495109</v>
      </c>
      <c r="HL28" s="104">
        <v>1049358</v>
      </c>
      <c r="HM28" s="103">
        <v>3296227</v>
      </c>
      <c r="HN28" s="99">
        <v>3296227</v>
      </c>
      <c r="HO28" s="456">
        <v>0</v>
      </c>
      <c r="HP28" s="457">
        <v>0</v>
      </c>
      <c r="HQ28" s="458">
        <v>0</v>
      </c>
      <c r="HR28" s="459">
        <v>0</v>
      </c>
      <c r="HS28" s="457">
        <v>0</v>
      </c>
      <c r="HT28" s="457">
        <v>0</v>
      </c>
      <c r="HU28" s="457">
        <v>0</v>
      </c>
      <c r="HV28" s="457">
        <v>0</v>
      </c>
      <c r="HW28" s="457">
        <v>0</v>
      </c>
      <c r="HX28" s="460">
        <v>0</v>
      </c>
      <c r="HY28" s="461">
        <v>0</v>
      </c>
      <c r="HZ28" s="135">
        <v>0</v>
      </c>
      <c r="IA28" s="122">
        <v>0</v>
      </c>
      <c r="IB28" s="135">
        <v>0</v>
      </c>
      <c r="IC28" s="121">
        <v>0</v>
      </c>
      <c r="ID28" s="122">
        <v>244399</v>
      </c>
      <c r="IE28" s="123">
        <v>481397</v>
      </c>
      <c r="IF28" s="124">
        <v>859184</v>
      </c>
      <c r="IG28" s="122">
        <v>0</v>
      </c>
      <c r="IH28" s="124">
        <v>232199</v>
      </c>
      <c r="II28" s="125">
        <v>1817179</v>
      </c>
      <c r="IJ28" s="135">
        <v>1817179</v>
      </c>
      <c r="IK28" s="215">
        <v>0</v>
      </c>
      <c r="IL28" s="219">
        <v>0</v>
      </c>
      <c r="IM28" s="220">
        <v>0</v>
      </c>
      <c r="IN28" s="470">
        <v>0</v>
      </c>
      <c r="IO28" s="109">
        <v>0</v>
      </c>
      <c r="IP28" s="109">
        <v>0</v>
      </c>
      <c r="IQ28" s="109">
        <v>0</v>
      </c>
      <c r="IR28" s="109">
        <v>0</v>
      </c>
      <c r="IS28" s="109">
        <v>232199</v>
      </c>
      <c r="IT28" s="128">
        <v>232199</v>
      </c>
      <c r="IU28" s="292">
        <v>232199</v>
      </c>
      <c r="IV28" s="129">
        <v>0</v>
      </c>
      <c r="IW28" s="109">
        <v>0</v>
      </c>
      <c r="IX28" s="110">
        <v>0</v>
      </c>
      <c r="IY28" s="470">
        <v>0</v>
      </c>
      <c r="IZ28" s="109">
        <v>0</v>
      </c>
      <c r="JA28" s="109">
        <v>0</v>
      </c>
      <c r="JB28" s="109">
        <v>0</v>
      </c>
      <c r="JC28" s="109">
        <v>0</v>
      </c>
      <c r="JD28" s="109">
        <v>0</v>
      </c>
      <c r="JE28" s="110">
        <v>0</v>
      </c>
      <c r="JF28" s="111">
        <v>0</v>
      </c>
      <c r="JG28" s="129">
        <v>0</v>
      </c>
      <c r="JH28" s="109">
        <v>0</v>
      </c>
      <c r="JI28" s="128">
        <v>0</v>
      </c>
      <c r="JJ28" s="108">
        <v>0</v>
      </c>
      <c r="JK28" s="109">
        <v>32755</v>
      </c>
      <c r="JL28" s="109">
        <v>67743</v>
      </c>
      <c r="JM28" s="109">
        <v>179740</v>
      </c>
      <c r="JN28" s="109">
        <v>0</v>
      </c>
      <c r="JO28" s="109">
        <v>0</v>
      </c>
      <c r="JP28" s="110">
        <v>280238</v>
      </c>
      <c r="JQ28" s="292">
        <v>280238</v>
      </c>
      <c r="JR28" s="129">
        <v>0</v>
      </c>
      <c r="JS28" s="109">
        <v>0</v>
      </c>
      <c r="JT28" s="128">
        <v>0</v>
      </c>
      <c r="JU28" s="108">
        <v>0</v>
      </c>
      <c r="JV28" s="109">
        <v>0</v>
      </c>
      <c r="JW28" s="109">
        <v>0</v>
      </c>
      <c r="JX28" s="109">
        <v>0</v>
      </c>
      <c r="JY28" s="109">
        <v>0</v>
      </c>
      <c r="JZ28" s="109">
        <v>0</v>
      </c>
      <c r="KA28" s="110">
        <v>0</v>
      </c>
      <c r="KB28" s="292">
        <v>0</v>
      </c>
      <c r="KC28" s="217">
        <v>0</v>
      </c>
      <c r="KD28" s="213">
        <v>0</v>
      </c>
      <c r="KE28" s="110">
        <v>0</v>
      </c>
      <c r="KF28" s="108">
        <v>0</v>
      </c>
      <c r="KG28" s="109">
        <v>0</v>
      </c>
      <c r="KH28" s="109">
        <v>0</v>
      </c>
      <c r="KI28" s="109">
        <v>0</v>
      </c>
      <c r="KJ28" s="109">
        <v>0</v>
      </c>
      <c r="KK28" s="109">
        <v>0</v>
      </c>
      <c r="KL28" s="110">
        <v>0</v>
      </c>
      <c r="KM28" s="130">
        <v>0</v>
      </c>
      <c r="KN28" s="215">
        <v>0</v>
      </c>
      <c r="KO28" s="219">
        <v>0</v>
      </c>
      <c r="KP28" s="220">
        <v>0</v>
      </c>
      <c r="KQ28" s="470">
        <v>0</v>
      </c>
      <c r="KR28" s="109">
        <v>211644</v>
      </c>
      <c r="KS28" s="109">
        <v>413654</v>
      </c>
      <c r="KT28" s="109">
        <v>679444</v>
      </c>
      <c r="KU28" s="109">
        <v>0</v>
      </c>
      <c r="KV28" s="109">
        <v>0</v>
      </c>
      <c r="KW28" s="110">
        <v>1304742</v>
      </c>
      <c r="KX28" s="292">
        <v>1304742</v>
      </c>
      <c r="KY28" s="129">
        <v>0</v>
      </c>
      <c r="KZ28" s="109">
        <v>0</v>
      </c>
      <c r="LA28" s="110">
        <v>0</v>
      </c>
      <c r="LB28" s="470">
        <v>0</v>
      </c>
      <c r="LC28" s="109">
        <v>0</v>
      </c>
      <c r="LD28" s="109">
        <v>0</v>
      </c>
      <c r="LE28" s="109">
        <v>0</v>
      </c>
      <c r="LF28" s="109">
        <v>0</v>
      </c>
      <c r="LG28" s="109">
        <v>0</v>
      </c>
      <c r="LH28" s="110">
        <v>0</v>
      </c>
      <c r="LI28" s="111">
        <v>0</v>
      </c>
      <c r="LJ28" s="129">
        <v>0</v>
      </c>
      <c r="LK28" s="109">
        <v>0</v>
      </c>
      <c r="LL28" s="110">
        <v>0</v>
      </c>
      <c r="LM28" s="470">
        <v>0</v>
      </c>
      <c r="LN28" s="109">
        <v>0</v>
      </c>
      <c r="LO28" s="109">
        <v>0</v>
      </c>
      <c r="LP28" s="109">
        <v>0</v>
      </c>
      <c r="LQ28" s="109">
        <v>0</v>
      </c>
      <c r="LR28" s="109">
        <v>0</v>
      </c>
      <c r="LS28" s="110">
        <v>0</v>
      </c>
      <c r="LT28" s="292">
        <v>0</v>
      </c>
      <c r="LU28" s="129">
        <v>0</v>
      </c>
      <c r="LV28" s="109">
        <v>0</v>
      </c>
      <c r="LW28" s="110">
        <v>0</v>
      </c>
      <c r="LX28" s="470">
        <v>0</v>
      </c>
      <c r="LY28" s="109">
        <v>0</v>
      </c>
      <c r="LZ28" s="109">
        <v>0</v>
      </c>
      <c r="MA28" s="109">
        <v>0</v>
      </c>
      <c r="MB28" s="109">
        <v>0</v>
      </c>
      <c r="MC28" s="109">
        <v>0</v>
      </c>
      <c r="MD28" s="110">
        <v>0</v>
      </c>
      <c r="ME28" s="111">
        <v>0</v>
      </c>
      <c r="MF28" s="129">
        <v>0</v>
      </c>
      <c r="MG28" s="109">
        <v>0</v>
      </c>
      <c r="MH28" s="110">
        <v>0</v>
      </c>
      <c r="MI28" s="470">
        <v>0</v>
      </c>
      <c r="MJ28" s="109">
        <v>0</v>
      </c>
      <c r="MK28" s="109">
        <v>0</v>
      </c>
      <c r="ML28" s="109">
        <v>442028</v>
      </c>
      <c r="MM28" s="109">
        <v>904672</v>
      </c>
      <c r="MN28" s="109">
        <v>863670</v>
      </c>
      <c r="MO28" s="110">
        <v>2210370</v>
      </c>
      <c r="MP28" s="130">
        <v>2210370</v>
      </c>
      <c r="MQ28" s="129">
        <v>0</v>
      </c>
      <c r="MR28" s="109">
        <v>0</v>
      </c>
      <c r="MS28" s="110">
        <v>0</v>
      </c>
      <c r="MT28" s="470">
        <v>0</v>
      </c>
      <c r="MU28" s="109">
        <v>0</v>
      </c>
      <c r="MV28" s="109">
        <v>0</v>
      </c>
      <c r="MW28" s="109">
        <v>442028</v>
      </c>
      <c r="MX28" s="109">
        <v>904672</v>
      </c>
      <c r="MY28" s="109">
        <v>106286</v>
      </c>
      <c r="MZ28" s="110">
        <v>1452986</v>
      </c>
      <c r="NA28" s="130">
        <v>1452986</v>
      </c>
      <c r="NB28" s="129">
        <v>0</v>
      </c>
      <c r="NC28" s="109">
        <v>0</v>
      </c>
      <c r="ND28" s="110">
        <v>0</v>
      </c>
      <c r="NE28" s="470">
        <v>0</v>
      </c>
      <c r="NF28" s="109">
        <v>0</v>
      </c>
      <c r="NG28" s="109">
        <v>0</v>
      </c>
      <c r="NH28" s="109">
        <v>0</v>
      </c>
      <c r="NI28" s="109">
        <v>0</v>
      </c>
      <c r="NJ28" s="109">
        <v>244635</v>
      </c>
      <c r="NK28" s="110">
        <v>244635</v>
      </c>
      <c r="NL28" s="292">
        <v>244635</v>
      </c>
      <c r="NM28" s="129">
        <v>0</v>
      </c>
      <c r="NN28" s="109">
        <v>0</v>
      </c>
      <c r="NO28" s="110">
        <v>0</v>
      </c>
      <c r="NP28" s="470">
        <v>0</v>
      </c>
      <c r="NQ28" s="109">
        <v>0</v>
      </c>
      <c r="NR28" s="109">
        <v>0</v>
      </c>
      <c r="NS28" s="109">
        <v>0</v>
      </c>
      <c r="NT28" s="109">
        <v>0</v>
      </c>
      <c r="NU28" s="109">
        <v>0</v>
      </c>
      <c r="NV28" s="110">
        <v>0</v>
      </c>
      <c r="NW28" s="111">
        <v>0</v>
      </c>
      <c r="NX28" s="129">
        <v>0</v>
      </c>
      <c r="NY28" s="109">
        <v>0</v>
      </c>
      <c r="NZ28" s="110">
        <v>0</v>
      </c>
      <c r="OA28" s="470">
        <v>0</v>
      </c>
      <c r="OB28" s="109">
        <v>0</v>
      </c>
      <c r="OC28" s="109">
        <v>0</v>
      </c>
      <c r="OD28" s="109">
        <v>0</v>
      </c>
      <c r="OE28" s="109">
        <v>0</v>
      </c>
      <c r="OF28" s="109">
        <v>512749</v>
      </c>
      <c r="OG28" s="110">
        <v>512749</v>
      </c>
      <c r="OH28" s="111">
        <v>512749</v>
      </c>
      <c r="OI28" s="129">
        <v>107240</v>
      </c>
      <c r="OJ28" s="109">
        <v>291537</v>
      </c>
      <c r="OK28" s="128">
        <v>398777</v>
      </c>
      <c r="OL28" s="108">
        <v>0</v>
      </c>
      <c r="OM28" s="109">
        <v>1671558</v>
      </c>
      <c r="ON28" s="109">
        <v>2976204</v>
      </c>
      <c r="OO28" s="109">
        <v>3568983</v>
      </c>
      <c r="OP28" s="109">
        <v>3696703</v>
      </c>
      <c r="OQ28" s="109">
        <v>2778148</v>
      </c>
      <c r="OR28" s="110">
        <v>14691596</v>
      </c>
      <c r="OS28" s="130">
        <v>15090373</v>
      </c>
    </row>
    <row r="29" spans="2:409" ht="21" customHeight="1" x14ac:dyDescent="0.2">
      <c r="B29" s="437" t="s">
        <v>24</v>
      </c>
      <c r="C29" s="100">
        <v>256386</v>
      </c>
      <c r="D29" s="104">
        <v>366843</v>
      </c>
      <c r="E29" s="103">
        <v>623229</v>
      </c>
      <c r="F29" s="99">
        <v>0</v>
      </c>
      <c r="G29" s="104">
        <v>2304335</v>
      </c>
      <c r="H29" s="104">
        <v>2220880</v>
      </c>
      <c r="I29" s="104">
        <v>1488489</v>
      </c>
      <c r="J29" s="104">
        <v>1757824</v>
      </c>
      <c r="K29" s="104">
        <v>2151499</v>
      </c>
      <c r="L29" s="156">
        <v>9923027</v>
      </c>
      <c r="M29" s="106">
        <v>10546256</v>
      </c>
      <c r="N29" s="100">
        <v>41919</v>
      </c>
      <c r="O29" s="104">
        <v>61728</v>
      </c>
      <c r="P29" s="103">
        <v>103647</v>
      </c>
      <c r="Q29" s="100">
        <v>0</v>
      </c>
      <c r="R29" s="104">
        <v>685718</v>
      </c>
      <c r="S29" s="104">
        <v>629462</v>
      </c>
      <c r="T29" s="104">
        <v>532091</v>
      </c>
      <c r="U29" s="104">
        <v>633914</v>
      </c>
      <c r="V29" s="104">
        <v>798026</v>
      </c>
      <c r="W29" s="103">
        <v>3279211</v>
      </c>
      <c r="X29" s="106">
        <v>3382858</v>
      </c>
      <c r="Y29" s="100">
        <v>0</v>
      </c>
      <c r="Z29" s="104">
        <v>0</v>
      </c>
      <c r="AA29" s="103">
        <v>0</v>
      </c>
      <c r="AB29" s="100">
        <v>0</v>
      </c>
      <c r="AC29" s="104">
        <v>271032</v>
      </c>
      <c r="AD29" s="104">
        <v>276840</v>
      </c>
      <c r="AE29" s="104">
        <v>228146</v>
      </c>
      <c r="AF29" s="104">
        <v>286533</v>
      </c>
      <c r="AG29" s="104">
        <v>388940</v>
      </c>
      <c r="AH29" s="103">
        <v>1451491</v>
      </c>
      <c r="AI29" s="106">
        <v>1451491</v>
      </c>
      <c r="AJ29" s="100">
        <v>0</v>
      </c>
      <c r="AK29" s="104">
        <v>0</v>
      </c>
      <c r="AL29" s="103">
        <v>0</v>
      </c>
      <c r="AM29" s="100">
        <v>0</v>
      </c>
      <c r="AN29" s="104">
        <v>52822</v>
      </c>
      <c r="AO29" s="104">
        <v>0</v>
      </c>
      <c r="AP29" s="104">
        <v>0</v>
      </c>
      <c r="AQ29" s="104">
        <v>0</v>
      </c>
      <c r="AR29" s="104">
        <v>93739</v>
      </c>
      <c r="AS29" s="103">
        <v>146561</v>
      </c>
      <c r="AT29" s="106">
        <v>146561</v>
      </c>
      <c r="AU29" s="100">
        <v>34667</v>
      </c>
      <c r="AV29" s="104">
        <v>46741</v>
      </c>
      <c r="AW29" s="103">
        <v>81408</v>
      </c>
      <c r="AX29" s="100">
        <v>0</v>
      </c>
      <c r="AY29" s="104">
        <v>248429</v>
      </c>
      <c r="AZ29" s="104">
        <v>235141</v>
      </c>
      <c r="BA29" s="104">
        <v>224768</v>
      </c>
      <c r="BB29" s="104">
        <v>204091</v>
      </c>
      <c r="BC29" s="104">
        <v>152819</v>
      </c>
      <c r="BD29" s="103">
        <v>1065248</v>
      </c>
      <c r="BE29" s="106">
        <v>1146656</v>
      </c>
      <c r="BF29" s="100">
        <v>0</v>
      </c>
      <c r="BG29" s="104">
        <v>0</v>
      </c>
      <c r="BH29" s="102">
        <v>0</v>
      </c>
      <c r="BI29" s="101">
        <v>0</v>
      </c>
      <c r="BJ29" s="104">
        <v>0</v>
      </c>
      <c r="BK29" s="104">
        <v>0</v>
      </c>
      <c r="BL29" s="104">
        <v>0</v>
      </c>
      <c r="BM29" s="104">
        <v>0</v>
      </c>
      <c r="BN29" s="104">
        <v>18993</v>
      </c>
      <c r="BO29" s="103">
        <v>18993</v>
      </c>
      <c r="BP29" s="106">
        <v>18993</v>
      </c>
      <c r="BQ29" s="100">
        <v>7252</v>
      </c>
      <c r="BR29" s="104">
        <v>14987</v>
      </c>
      <c r="BS29" s="103">
        <v>22239</v>
      </c>
      <c r="BT29" s="100">
        <v>0</v>
      </c>
      <c r="BU29" s="104">
        <v>113435</v>
      </c>
      <c r="BV29" s="104">
        <v>117481</v>
      </c>
      <c r="BW29" s="104">
        <v>79177</v>
      </c>
      <c r="BX29" s="104">
        <v>143290</v>
      </c>
      <c r="BY29" s="104">
        <v>143535</v>
      </c>
      <c r="BZ29" s="103">
        <v>596918</v>
      </c>
      <c r="CA29" s="106">
        <v>619157</v>
      </c>
      <c r="CB29" s="100">
        <v>35733</v>
      </c>
      <c r="CC29" s="104">
        <v>35660</v>
      </c>
      <c r="CD29" s="103">
        <v>71393</v>
      </c>
      <c r="CE29" s="100">
        <v>0</v>
      </c>
      <c r="CF29" s="104">
        <v>518175</v>
      </c>
      <c r="CG29" s="104">
        <v>456615</v>
      </c>
      <c r="CH29" s="104">
        <v>255752</v>
      </c>
      <c r="CI29" s="104">
        <v>105319</v>
      </c>
      <c r="CJ29" s="104">
        <v>309572</v>
      </c>
      <c r="CK29" s="103">
        <v>1645433</v>
      </c>
      <c r="CL29" s="106">
        <v>1716826</v>
      </c>
      <c r="CM29" s="100">
        <v>0</v>
      </c>
      <c r="CN29" s="104">
        <v>0</v>
      </c>
      <c r="CO29" s="103">
        <v>0</v>
      </c>
      <c r="CP29" s="101">
        <v>0</v>
      </c>
      <c r="CQ29" s="104">
        <v>355806</v>
      </c>
      <c r="CR29" s="104">
        <v>270361</v>
      </c>
      <c r="CS29" s="104">
        <v>135367</v>
      </c>
      <c r="CT29" s="104">
        <v>0</v>
      </c>
      <c r="CU29" s="104">
        <v>71659</v>
      </c>
      <c r="CV29" s="103">
        <v>833193</v>
      </c>
      <c r="CW29" s="106">
        <v>833193</v>
      </c>
      <c r="CX29" s="100">
        <v>35733</v>
      </c>
      <c r="CY29" s="104">
        <v>35660</v>
      </c>
      <c r="CZ29" s="103">
        <v>71393</v>
      </c>
      <c r="DA29" s="100">
        <v>0</v>
      </c>
      <c r="DB29" s="104">
        <v>162369</v>
      </c>
      <c r="DC29" s="104">
        <v>186254</v>
      </c>
      <c r="DD29" s="104">
        <v>120385</v>
      </c>
      <c r="DE29" s="104">
        <v>105319</v>
      </c>
      <c r="DF29" s="104">
        <v>237913</v>
      </c>
      <c r="DG29" s="103">
        <v>812240</v>
      </c>
      <c r="DH29" s="106">
        <v>883633</v>
      </c>
      <c r="DI29" s="100">
        <v>17657</v>
      </c>
      <c r="DJ29" s="104">
        <v>0</v>
      </c>
      <c r="DK29" s="102">
        <v>17657</v>
      </c>
      <c r="DL29" s="101">
        <v>0</v>
      </c>
      <c r="DM29" s="104">
        <v>0</v>
      </c>
      <c r="DN29" s="104">
        <v>0</v>
      </c>
      <c r="DO29" s="104">
        <v>23963</v>
      </c>
      <c r="DP29" s="104">
        <v>0</v>
      </c>
      <c r="DQ29" s="104">
        <v>43551</v>
      </c>
      <c r="DR29" s="103">
        <v>67514</v>
      </c>
      <c r="DS29" s="106">
        <v>85171</v>
      </c>
      <c r="DT29" s="100">
        <v>17657</v>
      </c>
      <c r="DU29" s="104">
        <v>0</v>
      </c>
      <c r="DV29" s="103">
        <v>17657</v>
      </c>
      <c r="DW29" s="100">
        <v>0</v>
      </c>
      <c r="DX29" s="104">
        <v>0</v>
      </c>
      <c r="DY29" s="104">
        <v>0</v>
      </c>
      <c r="DZ29" s="104">
        <v>23963</v>
      </c>
      <c r="EA29" s="104">
        <v>0</v>
      </c>
      <c r="EB29" s="104">
        <v>43551</v>
      </c>
      <c r="EC29" s="103">
        <v>67514</v>
      </c>
      <c r="ED29" s="106">
        <v>85171</v>
      </c>
      <c r="EE29" s="100">
        <v>0</v>
      </c>
      <c r="EF29" s="102">
        <v>0</v>
      </c>
      <c r="EG29" s="103">
        <v>0</v>
      </c>
      <c r="EH29" s="100">
        <v>0</v>
      </c>
      <c r="EI29" s="104">
        <v>0</v>
      </c>
      <c r="EJ29" s="104">
        <v>0</v>
      </c>
      <c r="EK29" s="104">
        <v>0</v>
      </c>
      <c r="EL29" s="104">
        <v>0</v>
      </c>
      <c r="EM29" s="104">
        <v>0</v>
      </c>
      <c r="EN29" s="102">
        <v>0</v>
      </c>
      <c r="EO29" s="106">
        <v>0</v>
      </c>
      <c r="EP29" s="100">
        <v>0</v>
      </c>
      <c r="EQ29" s="104">
        <v>0</v>
      </c>
      <c r="ER29" s="102">
        <v>0</v>
      </c>
      <c r="ES29" s="101">
        <v>0</v>
      </c>
      <c r="ET29" s="104">
        <v>0</v>
      </c>
      <c r="EU29" s="104">
        <v>0</v>
      </c>
      <c r="EV29" s="104">
        <v>0</v>
      </c>
      <c r="EW29" s="104">
        <v>0</v>
      </c>
      <c r="EX29" s="104">
        <v>0</v>
      </c>
      <c r="EY29" s="103">
        <v>0</v>
      </c>
      <c r="EZ29" s="106">
        <v>0</v>
      </c>
      <c r="FA29" s="100">
        <v>0</v>
      </c>
      <c r="FB29" s="104">
        <v>0</v>
      </c>
      <c r="FC29" s="102">
        <v>0</v>
      </c>
      <c r="FD29" s="470">
        <v>0</v>
      </c>
      <c r="FE29" s="104">
        <v>0</v>
      </c>
      <c r="FF29" s="104">
        <v>0</v>
      </c>
      <c r="FG29" s="104">
        <v>0</v>
      </c>
      <c r="FH29" s="104">
        <v>0</v>
      </c>
      <c r="FI29" s="104">
        <v>0</v>
      </c>
      <c r="FJ29" s="103">
        <v>0</v>
      </c>
      <c r="FK29" s="106">
        <v>0</v>
      </c>
      <c r="FL29" s="100">
        <v>18088</v>
      </c>
      <c r="FM29" s="104">
        <v>43946</v>
      </c>
      <c r="FN29" s="103">
        <v>62034</v>
      </c>
      <c r="FO29" s="100">
        <v>0</v>
      </c>
      <c r="FP29" s="104">
        <v>62580</v>
      </c>
      <c r="FQ29" s="104">
        <v>176113</v>
      </c>
      <c r="FR29" s="104">
        <v>129801</v>
      </c>
      <c r="FS29" s="104">
        <v>107142</v>
      </c>
      <c r="FT29" s="104">
        <v>146825</v>
      </c>
      <c r="FU29" s="103">
        <v>622461</v>
      </c>
      <c r="FV29" s="106">
        <v>684495</v>
      </c>
      <c r="FW29" s="105">
        <v>18088</v>
      </c>
      <c r="FX29" s="104">
        <v>43946</v>
      </c>
      <c r="FY29" s="102">
        <v>62034</v>
      </c>
      <c r="FZ29" s="101">
        <v>0</v>
      </c>
      <c r="GA29" s="104">
        <v>62580</v>
      </c>
      <c r="GB29" s="104">
        <v>176113</v>
      </c>
      <c r="GC29" s="104">
        <v>129801</v>
      </c>
      <c r="GD29" s="104">
        <v>107142</v>
      </c>
      <c r="GE29" s="104">
        <v>146825</v>
      </c>
      <c r="GF29" s="103">
        <v>622461</v>
      </c>
      <c r="GG29" s="290">
        <v>684495</v>
      </c>
      <c r="GH29" s="105">
        <v>0</v>
      </c>
      <c r="GI29" s="104">
        <v>0</v>
      </c>
      <c r="GJ29" s="102">
        <v>0</v>
      </c>
      <c r="GK29" s="101">
        <v>0</v>
      </c>
      <c r="GL29" s="104">
        <v>0</v>
      </c>
      <c r="GM29" s="104">
        <v>0</v>
      </c>
      <c r="GN29" s="104">
        <v>0</v>
      </c>
      <c r="GO29" s="104">
        <v>0</v>
      </c>
      <c r="GP29" s="104">
        <v>0</v>
      </c>
      <c r="GQ29" s="103">
        <v>0</v>
      </c>
      <c r="GR29" s="106">
        <v>0</v>
      </c>
      <c r="GS29" s="100">
        <v>0</v>
      </c>
      <c r="GT29" s="104">
        <v>0</v>
      </c>
      <c r="GU29" s="103">
        <v>0</v>
      </c>
      <c r="GV29" s="100">
        <v>0</v>
      </c>
      <c r="GW29" s="104">
        <v>0</v>
      </c>
      <c r="GX29" s="104">
        <v>0</v>
      </c>
      <c r="GY29" s="104">
        <v>0</v>
      </c>
      <c r="GZ29" s="104">
        <v>0</v>
      </c>
      <c r="HA29" s="104">
        <v>0</v>
      </c>
      <c r="HB29" s="102">
        <v>0</v>
      </c>
      <c r="HC29" s="106">
        <v>0</v>
      </c>
      <c r="HD29" s="100">
        <v>142989</v>
      </c>
      <c r="HE29" s="104">
        <v>225509</v>
      </c>
      <c r="HF29" s="102">
        <v>368498</v>
      </c>
      <c r="HG29" s="101">
        <v>0</v>
      </c>
      <c r="HH29" s="104">
        <v>1037862</v>
      </c>
      <c r="HI29" s="104">
        <v>958690</v>
      </c>
      <c r="HJ29" s="104">
        <v>546882</v>
      </c>
      <c r="HK29" s="104">
        <v>911449</v>
      </c>
      <c r="HL29" s="104">
        <v>853525</v>
      </c>
      <c r="HM29" s="103">
        <v>4308408</v>
      </c>
      <c r="HN29" s="99">
        <v>4676906</v>
      </c>
      <c r="HO29" s="456">
        <v>0</v>
      </c>
      <c r="HP29" s="457">
        <v>0</v>
      </c>
      <c r="HQ29" s="458">
        <v>0</v>
      </c>
      <c r="HR29" s="459">
        <v>0</v>
      </c>
      <c r="HS29" s="457">
        <v>0</v>
      </c>
      <c r="HT29" s="457">
        <v>0</v>
      </c>
      <c r="HU29" s="457">
        <v>0</v>
      </c>
      <c r="HV29" s="457">
        <v>0</v>
      </c>
      <c r="HW29" s="457">
        <v>0</v>
      </c>
      <c r="HX29" s="460">
        <v>0</v>
      </c>
      <c r="HY29" s="461">
        <v>0</v>
      </c>
      <c r="HZ29" s="118">
        <v>0</v>
      </c>
      <c r="IA29" s="119">
        <v>0</v>
      </c>
      <c r="IB29" s="120">
        <v>0</v>
      </c>
      <c r="IC29" s="131">
        <v>0</v>
      </c>
      <c r="ID29" s="119">
        <v>274319</v>
      </c>
      <c r="IE29" s="132">
        <v>82055</v>
      </c>
      <c r="IF29" s="120">
        <v>247942</v>
      </c>
      <c r="IG29" s="119">
        <v>484451</v>
      </c>
      <c r="IH29" s="120">
        <v>385147</v>
      </c>
      <c r="II29" s="133">
        <v>1473914</v>
      </c>
      <c r="IJ29" s="126">
        <v>1473914</v>
      </c>
      <c r="IK29" s="215">
        <v>0</v>
      </c>
      <c r="IL29" s="219">
        <v>0</v>
      </c>
      <c r="IM29" s="220">
        <v>0</v>
      </c>
      <c r="IN29" s="470">
        <v>0</v>
      </c>
      <c r="IO29" s="109">
        <v>0</v>
      </c>
      <c r="IP29" s="109">
        <v>0</v>
      </c>
      <c r="IQ29" s="109">
        <v>0</v>
      </c>
      <c r="IR29" s="109">
        <v>378658</v>
      </c>
      <c r="IS29" s="109">
        <v>0</v>
      </c>
      <c r="IT29" s="128">
        <v>378658</v>
      </c>
      <c r="IU29" s="292">
        <v>378658</v>
      </c>
      <c r="IV29" s="129">
        <v>0</v>
      </c>
      <c r="IW29" s="109">
        <v>0</v>
      </c>
      <c r="IX29" s="110">
        <v>0</v>
      </c>
      <c r="IY29" s="470">
        <v>0</v>
      </c>
      <c r="IZ29" s="109">
        <v>0</v>
      </c>
      <c r="JA29" s="109">
        <v>0</v>
      </c>
      <c r="JB29" s="109">
        <v>0</v>
      </c>
      <c r="JC29" s="109">
        <v>0</v>
      </c>
      <c r="JD29" s="109">
        <v>0</v>
      </c>
      <c r="JE29" s="110">
        <v>0</v>
      </c>
      <c r="JF29" s="111">
        <v>0</v>
      </c>
      <c r="JG29" s="129">
        <v>0</v>
      </c>
      <c r="JH29" s="109">
        <v>0</v>
      </c>
      <c r="JI29" s="128">
        <v>0</v>
      </c>
      <c r="JJ29" s="108">
        <v>0</v>
      </c>
      <c r="JK29" s="109">
        <v>0</v>
      </c>
      <c r="JL29" s="109">
        <v>27288</v>
      </c>
      <c r="JM29" s="109">
        <v>0</v>
      </c>
      <c r="JN29" s="109">
        <v>105793</v>
      </c>
      <c r="JO29" s="109">
        <v>0</v>
      </c>
      <c r="JP29" s="110">
        <v>133081</v>
      </c>
      <c r="JQ29" s="292">
        <v>133081</v>
      </c>
      <c r="JR29" s="129">
        <v>0</v>
      </c>
      <c r="JS29" s="109">
        <v>0</v>
      </c>
      <c r="JT29" s="128">
        <v>0</v>
      </c>
      <c r="JU29" s="108">
        <v>0</v>
      </c>
      <c r="JV29" s="109">
        <v>0</v>
      </c>
      <c r="JW29" s="109">
        <v>54767</v>
      </c>
      <c r="JX29" s="109">
        <v>68903</v>
      </c>
      <c r="JY29" s="109">
        <v>0</v>
      </c>
      <c r="JZ29" s="109">
        <v>64087</v>
      </c>
      <c r="KA29" s="110">
        <v>187757</v>
      </c>
      <c r="KB29" s="292">
        <v>187757</v>
      </c>
      <c r="KC29" s="217">
        <v>0</v>
      </c>
      <c r="KD29" s="213">
        <v>0</v>
      </c>
      <c r="KE29" s="110">
        <v>0</v>
      </c>
      <c r="KF29" s="108">
        <v>0</v>
      </c>
      <c r="KG29" s="109">
        <v>274319</v>
      </c>
      <c r="KH29" s="109">
        <v>0</v>
      </c>
      <c r="KI29" s="109">
        <v>179039</v>
      </c>
      <c r="KJ29" s="109">
        <v>0</v>
      </c>
      <c r="KK29" s="109">
        <v>0</v>
      </c>
      <c r="KL29" s="110">
        <v>453358</v>
      </c>
      <c r="KM29" s="130">
        <v>453358</v>
      </c>
      <c r="KN29" s="215">
        <v>0</v>
      </c>
      <c r="KO29" s="219">
        <v>0</v>
      </c>
      <c r="KP29" s="220">
        <v>0</v>
      </c>
      <c r="KQ29" s="470">
        <v>0</v>
      </c>
      <c r="KR29" s="109">
        <v>0</v>
      </c>
      <c r="KS29" s="109">
        <v>0</v>
      </c>
      <c r="KT29" s="109">
        <v>0</v>
      </c>
      <c r="KU29" s="109">
        <v>0</v>
      </c>
      <c r="KV29" s="109">
        <v>321060</v>
      </c>
      <c r="KW29" s="110">
        <v>321060</v>
      </c>
      <c r="KX29" s="292">
        <v>321060</v>
      </c>
      <c r="KY29" s="129">
        <v>0</v>
      </c>
      <c r="KZ29" s="109">
        <v>0</v>
      </c>
      <c r="LA29" s="110">
        <v>0</v>
      </c>
      <c r="LB29" s="470">
        <v>0</v>
      </c>
      <c r="LC29" s="109">
        <v>0</v>
      </c>
      <c r="LD29" s="109">
        <v>0</v>
      </c>
      <c r="LE29" s="109">
        <v>0</v>
      </c>
      <c r="LF29" s="109">
        <v>0</v>
      </c>
      <c r="LG29" s="109">
        <v>0</v>
      </c>
      <c r="LH29" s="110">
        <v>0</v>
      </c>
      <c r="LI29" s="111">
        <v>0</v>
      </c>
      <c r="LJ29" s="129">
        <v>0</v>
      </c>
      <c r="LK29" s="109">
        <v>0</v>
      </c>
      <c r="LL29" s="110">
        <v>0</v>
      </c>
      <c r="LM29" s="470">
        <v>0</v>
      </c>
      <c r="LN29" s="109">
        <v>0</v>
      </c>
      <c r="LO29" s="109">
        <v>0</v>
      </c>
      <c r="LP29" s="109">
        <v>0</v>
      </c>
      <c r="LQ29" s="109">
        <v>0</v>
      </c>
      <c r="LR29" s="109">
        <v>0</v>
      </c>
      <c r="LS29" s="110">
        <v>0</v>
      </c>
      <c r="LT29" s="292">
        <v>0</v>
      </c>
      <c r="LU29" s="129">
        <v>0</v>
      </c>
      <c r="LV29" s="109">
        <v>0</v>
      </c>
      <c r="LW29" s="110">
        <v>0</v>
      </c>
      <c r="LX29" s="470">
        <v>0</v>
      </c>
      <c r="LY29" s="109">
        <v>0</v>
      </c>
      <c r="LZ29" s="109">
        <v>0</v>
      </c>
      <c r="MA29" s="109">
        <v>0</v>
      </c>
      <c r="MB29" s="109">
        <v>0</v>
      </c>
      <c r="MC29" s="109">
        <v>0</v>
      </c>
      <c r="MD29" s="110">
        <v>0</v>
      </c>
      <c r="ME29" s="111">
        <v>0</v>
      </c>
      <c r="MF29" s="129">
        <v>0</v>
      </c>
      <c r="MG29" s="109">
        <v>0</v>
      </c>
      <c r="MH29" s="110">
        <v>0</v>
      </c>
      <c r="MI29" s="470">
        <v>0</v>
      </c>
      <c r="MJ29" s="109">
        <v>0</v>
      </c>
      <c r="MK29" s="109">
        <v>0</v>
      </c>
      <c r="ML29" s="109">
        <v>748659</v>
      </c>
      <c r="MM29" s="109">
        <v>1010434</v>
      </c>
      <c r="MN29" s="109">
        <v>361671</v>
      </c>
      <c r="MO29" s="110">
        <v>2120764</v>
      </c>
      <c r="MP29" s="130">
        <v>2120764</v>
      </c>
      <c r="MQ29" s="129">
        <v>0</v>
      </c>
      <c r="MR29" s="109">
        <v>0</v>
      </c>
      <c r="MS29" s="110">
        <v>0</v>
      </c>
      <c r="MT29" s="470">
        <v>0</v>
      </c>
      <c r="MU29" s="109">
        <v>0</v>
      </c>
      <c r="MV29" s="109">
        <v>0</v>
      </c>
      <c r="MW29" s="109">
        <v>166166</v>
      </c>
      <c r="MX29" s="109">
        <v>1010434</v>
      </c>
      <c r="MY29" s="109">
        <v>361671</v>
      </c>
      <c r="MZ29" s="110">
        <v>1538271</v>
      </c>
      <c r="NA29" s="130">
        <v>1538271</v>
      </c>
      <c r="NB29" s="129">
        <v>0</v>
      </c>
      <c r="NC29" s="109">
        <v>0</v>
      </c>
      <c r="ND29" s="110">
        <v>0</v>
      </c>
      <c r="NE29" s="470">
        <v>0</v>
      </c>
      <c r="NF29" s="109">
        <v>0</v>
      </c>
      <c r="NG29" s="109">
        <v>0</v>
      </c>
      <c r="NH29" s="109">
        <v>582493</v>
      </c>
      <c r="NI29" s="109">
        <v>0</v>
      </c>
      <c r="NJ29" s="109">
        <v>0</v>
      </c>
      <c r="NK29" s="110">
        <v>582493</v>
      </c>
      <c r="NL29" s="292">
        <v>582493</v>
      </c>
      <c r="NM29" s="129">
        <v>0</v>
      </c>
      <c r="NN29" s="109">
        <v>0</v>
      </c>
      <c r="NO29" s="110">
        <v>0</v>
      </c>
      <c r="NP29" s="470">
        <v>0</v>
      </c>
      <c r="NQ29" s="109">
        <v>0</v>
      </c>
      <c r="NR29" s="109">
        <v>0</v>
      </c>
      <c r="NS29" s="109">
        <v>0</v>
      </c>
      <c r="NT29" s="109">
        <v>0</v>
      </c>
      <c r="NU29" s="109">
        <v>0</v>
      </c>
      <c r="NV29" s="110">
        <v>0</v>
      </c>
      <c r="NW29" s="111">
        <v>0</v>
      </c>
      <c r="NX29" s="129">
        <v>0</v>
      </c>
      <c r="NY29" s="109">
        <v>0</v>
      </c>
      <c r="NZ29" s="110">
        <v>0</v>
      </c>
      <c r="OA29" s="470">
        <v>0</v>
      </c>
      <c r="OB29" s="109">
        <v>0</v>
      </c>
      <c r="OC29" s="109">
        <v>0</v>
      </c>
      <c r="OD29" s="109">
        <v>0</v>
      </c>
      <c r="OE29" s="109">
        <v>0</v>
      </c>
      <c r="OF29" s="109">
        <v>0</v>
      </c>
      <c r="OG29" s="110">
        <v>0</v>
      </c>
      <c r="OH29" s="111">
        <v>0</v>
      </c>
      <c r="OI29" s="129">
        <v>256386</v>
      </c>
      <c r="OJ29" s="109">
        <v>366843</v>
      </c>
      <c r="OK29" s="128">
        <v>623229</v>
      </c>
      <c r="OL29" s="108">
        <v>0</v>
      </c>
      <c r="OM29" s="109">
        <v>2578654</v>
      </c>
      <c r="ON29" s="109">
        <v>2302935</v>
      </c>
      <c r="OO29" s="109">
        <v>2485090</v>
      </c>
      <c r="OP29" s="109">
        <v>3252709</v>
      </c>
      <c r="OQ29" s="109">
        <v>2898317</v>
      </c>
      <c r="OR29" s="110">
        <v>13517705</v>
      </c>
      <c r="OS29" s="130">
        <v>14140934</v>
      </c>
    </row>
    <row r="30" spans="2:409" ht="21" customHeight="1" x14ac:dyDescent="0.2">
      <c r="B30" s="437" t="s">
        <v>25</v>
      </c>
      <c r="C30" s="100">
        <v>67477</v>
      </c>
      <c r="D30" s="104">
        <v>112114</v>
      </c>
      <c r="E30" s="103">
        <v>179591</v>
      </c>
      <c r="F30" s="99">
        <v>0</v>
      </c>
      <c r="G30" s="104">
        <v>811255</v>
      </c>
      <c r="H30" s="104">
        <v>834369</v>
      </c>
      <c r="I30" s="104">
        <v>749023</v>
      </c>
      <c r="J30" s="104">
        <v>787638</v>
      </c>
      <c r="K30" s="104">
        <v>450474</v>
      </c>
      <c r="L30" s="156">
        <v>3632759</v>
      </c>
      <c r="M30" s="106">
        <v>3812350</v>
      </c>
      <c r="N30" s="100">
        <v>38626</v>
      </c>
      <c r="O30" s="104">
        <v>74622</v>
      </c>
      <c r="P30" s="103">
        <v>113248</v>
      </c>
      <c r="Q30" s="100">
        <v>0</v>
      </c>
      <c r="R30" s="104">
        <v>274006</v>
      </c>
      <c r="S30" s="104">
        <v>130374</v>
      </c>
      <c r="T30" s="104">
        <v>45721</v>
      </c>
      <c r="U30" s="104">
        <v>365320</v>
      </c>
      <c r="V30" s="104">
        <v>151849</v>
      </c>
      <c r="W30" s="103">
        <v>967270</v>
      </c>
      <c r="X30" s="106">
        <v>1080518</v>
      </c>
      <c r="Y30" s="100">
        <v>0</v>
      </c>
      <c r="Z30" s="104">
        <v>0</v>
      </c>
      <c r="AA30" s="103">
        <v>0</v>
      </c>
      <c r="AB30" s="100">
        <v>0</v>
      </c>
      <c r="AC30" s="104">
        <v>85863</v>
      </c>
      <c r="AD30" s="104">
        <v>95279</v>
      </c>
      <c r="AE30" s="104">
        <v>28543</v>
      </c>
      <c r="AF30" s="104">
        <v>339420</v>
      </c>
      <c r="AG30" s="104">
        <v>0</v>
      </c>
      <c r="AH30" s="103">
        <v>549105</v>
      </c>
      <c r="AI30" s="106">
        <v>549105</v>
      </c>
      <c r="AJ30" s="100">
        <v>0</v>
      </c>
      <c r="AK30" s="104">
        <v>0</v>
      </c>
      <c r="AL30" s="103">
        <v>0</v>
      </c>
      <c r="AM30" s="100">
        <v>0</v>
      </c>
      <c r="AN30" s="104">
        <v>32319</v>
      </c>
      <c r="AO30" s="104">
        <v>0</v>
      </c>
      <c r="AP30" s="104">
        <v>0</v>
      </c>
      <c r="AQ30" s="104">
        <v>0</v>
      </c>
      <c r="AR30" s="104">
        <v>71611</v>
      </c>
      <c r="AS30" s="103">
        <v>103930</v>
      </c>
      <c r="AT30" s="106">
        <v>103930</v>
      </c>
      <c r="AU30" s="100">
        <v>24087</v>
      </c>
      <c r="AV30" s="104">
        <v>69190</v>
      </c>
      <c r="AW30" s="103">
        <v>93277</v>
      </c>
      <c r="AX30" s="100">
        <v>0</v>
      </c>
      <c r="AY30" s="104">
        <v>138240</v>
      </c>
      <c r="AZ30" s="104">
        <v>23069</v>
      </c>
      <c r="BA30" s="104">
        <v>0</v>
      </c>
      <c r="BB30" s="104">
        <v>0</v>
      </c>
      <c r="BC30" s="104">
        <v>62248</v>
      </c>
      <c r="BD30" s="103">
        <v>223557</v>
      </c>
      <c r="BE30" s="106">
        <v>316834</v>
      </c>
      <c r="BF30" s="100">
        <v>0</v>
      </c>
      <c r="BG30" s="104">
        <v>0</v>
      </c>
      <c r="BH30" s="102">
        <v>0</v>
      </c>
      <c r="BI30" s="101">
        <v>0</v>
      </c>
      <c r="BJ30" s="104">
        <v>0</v>
      </c>
      <c r="BK30" s="104">
        <v>0</v>
      </c>
      <c r="BL30" s="104">
        <v>0</v>
      </c>
      <c r="BM30" s="104">
        <v>0</v>
      </c>
      <c r="BN30" s="104">
        <v>0</v>
      </c>
      <c r="BO30" s="103">
        <v>0</v>
      </c>
      <c r="BP30" s="106">
        <v>0</v>
      </c>
      <c r="BQ30" s="100">
        <v>14539</v>
      </c>
      <c r="BR30" s="104">
        <v>5432</v>
      </c>
      <c r="BS30" s="103">
        <v>19971</v>
      </c>
      <c r="BT30" s="100">
        <v>0</v>
      </c>
      <c r="BU30" s="104">
        <v>17584</v>
      </c>
      <c r="BV30" s="104">
        <v>12026</v>
      </c>
      <c r="BW30" s="104">
        <v>17178</v>
      </c>
      <c r="BX30" s="104">
        <v>25900</v>
      </c>
      <c r="BY30" s="104">
        <v>17990</v>
      </c>
      <c r="BZ30" s="103">
        <v>90678</v>
      </c>
      <c r="CA30" s="106">
        <v>110649</v>
      </c>
      <c r="CB30" s="100">
        <v>17028</v>
      </c>
      <c r="CC30" s="104">
        <v>0</v>
      </c>
      <c r="CD30" s="103">
        <v>17028</v>
      </c>
      <c r="CE30" s="100">
        <v>0</v>
      </c>
      <c r="CF30" s="104">
        <v>286271</v>
      </c>
      <c r="CG30" s="104">
        <v>295519</v>
      </c>
      <c r="CH30" s="104">
        <v>102316</v>
      </c>
      <c r="CI30" s="104">
        <v>0</v>
      </c>
      <c r="CJ30" s="104">
        <v>83162</v>
      </c>
      <c r="CK30" s="103">
        <v>767268</v>
      </c>
      <c r="CL30" s="106">
        <v>784296</v>
      </c>
      <c r="CM30" s="100">
        <v>0</v>
      </c>
      <c r="CN30" s="104">
        <v>0</v>
      </c>
      <c r="CO30" s="103">
        <v>0</v>
      </c>
      <c r="CP30" s="101">
        <v>0</v>
      </c>
      <c r="CQ30" s="104">
        <v>79745</v>
      </c>
      <c r="CR30" s="104">
        <v>238064</v>
      </c>
      <c r="CS30" s="104">
        <v>31805</v>
      </c>
      <c r="CT30" s="104">
        <v>0</v>
      </c>
      <c r="CU30" s="104">
        <v>0</v>
      </c>
      <c r="CV30" s="103">
        <v>349614</v>
      </c>
      <c r="CW30" s="106">
        <v>349614</v>
      </c>
      <c r="CX30" s="100">
        <v>17028</v>
      </c>
      <c r="CY30" s="104">
        <v>0</v>
      </c>
      <c r="CZ30" s="103">
        <v>17028</v>
      </c>
      <c r="DA30" s="100">
        <v>0</v>
      </c>
      <c r="DB30" s="104">
        <v>206526</v>
      </c>
      <c r="DC30" s="104">
        <v>57455</v>
      </c>
      <c r="DD30" s="104">
        <v>70511</v>
      </c>
      <c r="DE30" s="104">
        <v>0</v>
      </c>
      <c r="DF30" s="104">
        <v>83162</v>
      </c>
      <c r="DG30" s="103">
        <v>417654</v>
      </c>
      <c r="DH30" s="106">
        <v>434682</v>
      </c>
      <c r="DI30" s="100">
        <v>0</v>
      </c>
      <c r="DJ30" s="104">
        <v>0</v>
      </c>
      <c r="DK30" s="102">
        <v>0</v>
      </c>
      <c r="DL30" s="101">
        <v>0</v>
      </c>
      <c r="DM30" s="104">
        <v>64330</v>
      </c>
      <c r="DN30" s="104">
        <v>0</v>
      </c>
      <c r="DO30" s="104">
        <v>230366</v>
      </c>
      <c r="DP30" s="104">
        <v>205472</v>
      </c>
      <c r="DQ30" s="104">
        <v>0</v>
      </c>
      <c r="DR30" s="103">
        <v>500168</v>
      </c>
      <c r="DS30" s="106">
        <v>500168</v>
      </c>
      <c r="DT30" s="100">
        <v>0</v>
      </c>
      <c r="DU30" s="104">
        <v>0</v>
      </c>
      <c r="DV30" s="103">
        <v>0</v>
      </c>
      <c r="DW30" s="100">
        <v>0</v>
      </c>
      <c r="DX30" s="104">
        <v>64330</v>
      </c>
      <c r="DY30" s="104">
        <v>0</v>
      </c>
      <c r="DZ30" s="104">
        <v>230366</v>
      </c>
      <c r="EA30" s="104">
        <v>205472</v>
      </c>
      <c r="EB30" s="104">
        <v>0</v>
      </c>
      <c r="EC30" s="103">
        <v>500168</v>
      </c>
      <c r="ED30" s="106">
        <v>500168</v>
      </c>
      <c r="EE30" s="100">
        <v>0</v>
      </c>
      <c r="EF30" s="102">
        <v>0</v>
      </c>
      <c r="EG30" s="103">
        <v>0</v>
      </c>
      <c r="EH30" s="100">
        <v>0</v>
      </c>
      <c r="EI30" s="104">
        <v>0</v>
      </c>
      <c r="EJ30" s="104">
        <v>0</v>
      </c>
      <c r="EK30" s="104">
        <v>0</v>
      </c>
      <c r="EL30" s="104">
        <v>0</v>
      </c>
      <c r="EM30" s="104">
        <v>0</v>
      </c>
      <c r="EN30" s="102">
        <v>0</v>
      </c>
      <c r="EO30" s="106">
        <v>0</v>
      </c>
      <c r="EP30" s="100">
        <v>0</v>
      </c>
      <c r="EQ30" s="104">
        <v>0</v>
      </c>
      <c r="ER30" s="102">
        <v>0</v>
      </c>
      <c r="ES30" s="101">
        <v>0</v>
      </c>
      <c r="ET30" s="104">
        <v>0</v>
      </c>
      <c r="EU30" s="104">
        <v>0</v>
      </c>
      <c r="EV30" s="104">
        <v>0</v>
      </c>
      <c r="EW30" s="104">
        <v>0</v>
      </c>
      <c r="EX30" s="104">
        <v>0</v>
      </c>
      <c r="EY30" s="103">
        <v>0</v>
      </c>
      <c r="EZ30" s="106">
        <v>0</v>
      </c>
      <c r="FA30" s="100">
        <v>0</v>
      </c>
      <c r="FB30" s="104">
        <v>0</v>
      </c>
      <c r="FC30" s="102">
        <v>0</v>
      </c>
      <c r="FD30" s="470">
        <v>0</v>
      </c>
      <c r="FE30" s="104">
        <v>0</v>
      </c>
      <c r="FF30" s="104">
        <v>0</v>
      </c>
      <c r="FG30" s="104">
        <v>0</v>
      </c>
      <c r="FH30" s="104">
        <v>0</v>
      </c>
      <c r="FI30" s="104">
        <v>0</v>
      </c>
      <c r="FJ30" s="103">
        <v>0</v>
      </c>
      <c r="FK30" s="106">
        <v>0</v>
      </c>
      <c r="FL30" s="100">
        <v>11823</v>
      </c>
      <c r="FM30" s="104">
        <v>37492</v>
      </c>
      <c r="FN30" s="103">
        <v>49315</v>
      </c>
      <c r="FO30" s="100">
        <v>0</v>
      </c>
      <c r="FP30" s="104">
        <v>186648</v>
      </c>
      <c r="FQ30" s="104">
        <v>82873</v>
      </c>
      <c r="FR30" s="104">
        <v>27314</v>
      </c>
      <c r="FS30" s="104">
        <v>30044</v>
      </c>
      <c r="FT30" s="104">
        <v>69720</v>
      </c>
      <c r="FU30" s="103">
        <v>396599</v>
      </c>
      <c r="FV30" s="106">
        <v>445914</v>
      </c>
      <c r="FW30" s="105">
        <v>11823</v>
      </c>
      <c r="FX30" s="104">
        <v>37492</v>
      </c>
      <c r="FY30" s="102">
        <v>49315</v>
      </c>
      <c r="FZ30" s="101">
        <v>0</v>
      </c>
      <c r="GA30" s="104">
        <v>46648</v>
      </c>
      <c r="GB30" s="104">
        <v>82873</v>
      </c>
      <c r="GC30" s="104">
        <v>27314</v>
      </c>
      <c r="GD30" s="104">
        <v>30044</v>
      </c>
      <c r="GE30" s="104">
        <v>50120</v>
      </c>
      <c r="GF30" s="103">
        <v>236999</v>
      </c>
      <c r="GG30" s="290">
        <v>286314</v>
      </c>
      <c r="GH30" s="105">
        <v>0</v>
      </c>
      <c r="GI30" s="104">
        <v>0</v>
      </c>
      <c r="GJ30" s="102">
        <v>0</v>
      </c>
      <c r="GK30" s="101">
        <v>0</v>
      </c>
      <c r="GL30" s="104">
        <v>0</v>
      </c>
      <c r="GM30" s="104">
        <v>0</v>
      </c>
      <c r="GN30" s="104">
        <v>0</v>
      </c>
      <c r="GO30" s="104">
        <v>0</v>
      </c>
      <c r="GP30" s="104">
        <v>19600</v>
      </c>
      <c r="GQ30" s="103">
        <v>19600</v>
      </c>
      <c r="GR30" s="106">
        <v>19600</v>
      </c>
      <c r="GS30" s="100">
        <v>0</v>
      </c>
      <c r="GT30" s="104">
        <v>0</v>
      </c>
      <c r="GU30" s="103">
        <v>0</v>
      </c>
      <c r="GV30" s="100">
        <v>0</v>
      </c>
      <c r="GW30" s="104">
        <v>140000</v>
      </c>
      <c r="GX30" s="104">
        <v>0</v>
      </c>
      <c r="GY30" s="104">
        <v>0</v>
      </c>
      <c r="GZ30" s="104">
        <v>0</v>
      </c>
      <c r="HA30" s="104">
        <v>0</v>
      </c>
      <c r="HB30" s="102">
        <v>140000</v>
      </c>
      <c r="HC30" s="106">
        <v>140000</v>
      </c>
      <c r="HD30" s="100">
        <v>0</v>
      </c>
      <c r="HE30" s="104">
        <v>0</v>
      </c>
      <c r="HF30" s="102">
        <v>0</v>
      </c>
      <c r="HG30" s="101">
        <v>0</v>
      </c>
      <c r="HH30" s="104">
        <v>0</v>
      </c>
      <c r="HI30" s="104">
        <v>325603</v>
      </c>
      <c r="HJ30" s="104">
        <v>343306</v>
      </c>
      <c r="HK30" s="104">
        <v>186802</v>
      </c>
      <c r="HL30" s="104">
        <v>145743</v>
      </c>
      <c r="HM30" s="103">
        <v>1001454</v>
      </c>
      <c r="HN30" s="99">
        <v>1001454</v>
      </c>
      <c r="HO30" s="456">
        <v>0</v>
      </c>
      <c r="HP30" s="457">
        <v>0</v>
      </c>
      <c r="HQ30" s="458">
        <v>0</v>
      </c>
      <c r="HR30" s="459">
        <v>0</v>
      </c>
      <c r="HS30" s="457">
        <v>0</v>
      </c>
      <c r="HT30" s="457">
        <v>0</v>
      </c>
      <c r="HU30" s="457">
        <v>0</v>
      </c>
      <c r="HV30" s="457">
        <v>0</v>
      </c>
      <c r="HW30" s="457">
        <v>0</v>
      </c>
      <c r="HX30" s="460">
        <v>0</v>
      </c>
      <c r="HY30" s="461">
        <v>0</v>
      </c>
      <c r="HZ30" s="135">
        <v>0</v>
      </c>
      <c r="IA30" s="122">
        <v>0</v>
      </c>
      <c r="IB30" s="135">
        <v>0</v>
      </c>
      <c r="IC30" s="121">
        <v>0</v>
      </c>
      <c r="ID30" s="122">
        <v>330677</v>
      </c>
      <c r="IE30" s="123">
        <v>65555</v>
      </c>
      <c r="IF30" s="124">
        <v>0</v>
      </c>
      <c r="IG30" s="122">
        <v>0</v>
      </c>
      <c r="IH30" s="124">
        <v>0</v>
      </c>
      <c r="II30" s="125">
        <v>396232</v>
      </c>
      <c r="IJ30" s="135">
        <v>396232</v>
      </c>
      <c r="IK30" s="215">
        <v>0</v>
      </c>
      <c r="IL30" s="219">
        <v>0</v>
      </c>
      <c r="IM30" s="220">
        <v>0</v>
      </c>
      <c r="IN30" s="470">
        <v>0</v>
      </c>
      <c r="IO30" s="109">
        <v>0</v>
      </c>
      <c r="IP30" s="109">
        <v>0</v>
      </c>
      <c r="IQ30" s="109">
        <v>0</v>
      </c>
      <c r="IR30" s="109">
        <v>0</v>
      </c>
      <c r="IS30" s="109">
        <v>0</v>
      </c>
      <c r="IT30" s="128">
        <v>0</v>
      </c>
      <c r="IU30" s="292">
        <v>0</v>
      </c>
      <c r="IV30" s="129">
        <v>0</v>
      </c>
      <c r="IW30" s="109">
        <v>0</v>
      </c>
      <c r="IX30" s="110">
        <v>0</v>
      </c>
      <c r="IY30" s="470">
        <v>0</v>
      </c>
      <c r="IZ30" s="109">
        <v>0</v>
      </c>
      <c r="JA30" s="109">
        <v>0</v>
      </c>
      <c r="JB30" s="109">
        <v>0</v>
      </c>
      <c r="JC30" s="109">
        <v>0</v>
      </c>
      <c r="JD30" s="109">
        <v>0</v>
      </c>
      <c r="JE30" s="110">
        <v>0</v>
      </c>
      <c r="JF30" s="111">
        <v>0</v>
      </c>
      <c r="JG30" s="129">
        <v>0</v>
      </c>
      <c r="JH30" s="109">
        <v>0</v>
      </c>
      <c r="JI30" s="128">
        <v>0</v>
      </c>
      <c r="JJ30" s="108">
        <v>0</v>
      </c>
      <c r="JK30" s="109">
        <v>131395</v>
      </c>
      <c r="JL30" s="109">
        <v>65555</v>
      </c>
      <c r="JM30" s="109">
        <v>0</v>
      </c>
      <c r="JN30" s="109">
        <v>0</v>
      </c>
      <c r="JO30" s="109">
        <v>0</v>
      </c>
      <c r="JP30" s="110">
        <v>196950</v>
      </c>
      <c r="JQ30" s="292">
        <v>196950</v>
      </c>
      <c r="JR30" s="129">
        <v>0</v>
      </c>
      <c r="JS30" s="109">
        <v>0</v>
      </c>
      <c r="JT30" s="128">
        <v>0</v>
      </c>
      <c r="JU30" s="108">
        <v>0</v>
      </c>
      <c r="JV30" s="109">
        <v>0</v>
      </c>
      <c r="JW30" s="109">
        <v>0</v>
      </c>
      <c r="JX30" s="109">
        <v>0</v>
      </c>
      <c r="JY30" s="109">
        <v>0</v>
      </c>
      <c r="JZ30" s="109">
        <v>0</v>
      </c>
      <c r="KA30" s="110">
        <v>0</v>
      </c>
      <c r="KB30" s="292">
        <v>0</v>
      </c>
      <c r="KC30" s="217">
        <v>0</v>
      </c>
      <c r="KD30" s="213">
        <v>0</v>
      </c>
      <c r="KE30" s="110">
        <v>0</v>
      </c>
      <c r="KF30" s="108">
        <v>0</v>
      </c>
      <c r="KG30" s="109">
        <v>0</v>
      </c>
      <c r="KH30" s="109">
        <v>0</v>
      </c>
      <c r="KI30" s="109">
        <v>0</v>
      </c>
      <c r="KJ30" s="109">
        <v>0</v>
      </c>
      <c r="KK30" s="109">
        <v>0</v>
      </c>
      <c r="KL30" s="110">
        <v>0</v>
      </c>
      <c r="KM30" s="130">
        <v>0</v>
      </c>
      <c r="KN30" s="215">
        <v>0</v>
      </c>
      <c r="KO30" s="219">
        <v>0</v>
      </c>
      <c r="KP30" s="220">
        <v>0</v>
      </c>
      <c r="KQ30" s="470">
        <v>0</v>
      </c>
      <c r="KR30" s="109">
        <v>199282</v>
      </c>
      <c r="KS30" s="109">
        <v>0</v>
      </c>
      <c r="KT30" s="109">
        <v>0</v>
      </c>
      <c r="KU30" s="109">
        <v>0</v>
      </c>
      <c r="KV30" s="109">
        <v>0</v>
      </c>
      <c r="KW30" s="110">
        <v>199282</v>
      </c>
      <c r="KX30" s="292">
        <v>199282</v>
      </c>
      <c r="KY30" s="129">
        <v>0</v>
      </c>
      <c r="KZ30" s="109">
        <v>0</v>
      </c>
      <c r="LA30" s="110">
        <v>0</v>
      </c>
      <c r="LB30" s="470">
        <v>0</v>
      </c>
      <c r="LC30" s="109">
        <v>0</v>
      </c>
      <c r="LD30" s="109">
        <v>0</v>
      </c>
      <c r="LE30" s="109">
        <v>0</v>
      </c>
      <c r="LF30" s="109">
        <v>0</v>
      </c>
      <c r="LG30" s="109">
        <v>0</v>
      </c>
      <c r="LH30" s="110">
        <v>0</v>
      </c>
      <c r="LI30" s="111">
        <v>0</v>
      </c>
      <c r="LJ30" s="129">
        <v>0</v>
      </c>
      <c r="LK30" s="109">
        <v>0</v>
      </c>
      <c r="LL30" s="110">
        <v>0</v>
      </c>
      <c r="LM30" s="470">
        <v>0</v>
      </c>
      <c r="LN30" s="109">
        <v>0</v>
      </c>
      <c r="LO30" s="109">
        <v>0</v>
      </c>
      <c r="LP30" s="109">
        <v>0</v>
      </c>
      <c r="LQ30" s="109">
        <v>0</v>
      </c>
      <c r="LR30" s="109">
        <v>0</v>
      </c>
      <c r="LS30" s="110">
        <v>0</v>
      </c>
      <c r="LT30" s="292">
        <v>0</v>
      </c>
      <c r="LU30" s="129">
        <v>0</v>
      </c>
      <c r="LV30" s="109">
        <v>0</v>
      </c>
      <c r="LW30" s="110">
        <v>0</v>
      </c>
      <c r="LX30" s="470">
        <v>0</v>
      </c>
      <c r="LY30" s="109">
        <v>0</v>
      </c>
      <c r="LZ30" s="109">
        <v>0</v>
      </c>
      <c r="MA30" s="109">
        <v>0</v>
      </c>
      <c r="MB30" s="109">
        <v>0</v>
      </c>
      <c r="MC30" s="109">
        <v>0</v>
      </c>
      <c r="MD30" s="110">
        <v>0</v>
      </c>
      <c r="ME30" s="111">
        <v>0</v>
      </c>
      <c r="MF30" s="129">
        <v>0</v>
      </c>
      <c r="MG30" s="109">
        <v>0</v>
      </c>
      <c r="MH30" s="110">
        <v>0</v>
      </c>
      <c r="MI30" s="470">
        <v>0</v>
      </c>
      <c r="MJ30" s="109">
        <v>231256</v>
      </c>
      <c r="MK30" s="109">
        <v>736098</v>
      </c>
      <c r="ML30" s="109">
        <v>396955</v>
      </c>
      <c r="MM30" s="109">
        <v>912109</v>
      </c>
      <c r="MN30" s="109">
        <v>235074</v>
      </c>
      <c r="MO30" s="110">
        <v>2511492</v>
      </c>
      <c r="MP30" s="130">
        <v>2511492</v>
      </c>
      <c r="MQ30" s="129">
        <v>0</v>
      </c>
      <c r="MR30" s="109">
        <v>0</v>
      </c>
      <c r="MS30" s="110">
        <v>0</v>
      </c>
      <c r="MT30" s="470">
        <v>0</v>
      </c>
      <c r="MU30" s="109">
        <v>0</v>
      </c>
      <c r="MV30" s="109">
        <v>0</v>
      </c>
      <c r="MW30" s="109">
        <v>396955</v>
      </c>
      <c r="MX30" s="109">
        <v>434596</v>
      </c>
      <c r="MY30" s="109">
        <v>235074</v>
      </c>
      <c r="MZ30" s="110">
        <v>1066625</v>
      </c>
      <c r="NA30" s="130">
        <v>1066625</v>
      </c>
      <c r="NB30" s="129">
        <v>0</v>
      </c>
      <c r="NC30" s="109">
        <v>0</v>
      </c>
      <c r="ND30" s="110">
        <v>0</v>
      </c>
      <c r="NE30" s="470">
        <v>0</v>
      </c>
      <c r="NF30" s="109">
        <v>231256</v>
      </c>
      <c r="NG30" s="109">
        <v>736098</v>
      </c>
      <c r="NH30" s="109">
        <v>0</v>
      </c>
      <c r="NI30" s="109">
        <v>477513</v>
      </c>
      <c r="NJ30" s="109">
        <v>0</v>
      </c>
      <c r="NK30" s="110">
        <v>1444867</v>
      </c>
      <c r="NL30" s="292">
        <v>1444867</v>
      </c>
      <c r="NM30" s="129">
        <v>0</v>
      </c>
      <c r="NN30" s="109">
        <v>0</v>
      </c>
      <c r="NO30" s="110">
        <v>0</v>
      </c>
      <c r="NP30" s="470">
        <v>0</v>
      </c>
      <c r="NQ30" s="109">
        <v>0</v>
      </c>
      <c r="NR30" s="109">
        <v>0</v>
      </c>
      <c r="NS30" s="109">
        <v>0</v>
      </c>
      <c r="NT30" s="109">
        <v>0</v>
      </c>
      <c r="NU30" s="109">
        <v>0</v>
      </c>
      <c r="NV30" s="110">
        <v>0</v>
      </c>
      <c r="NW30" s="111">
        <v>0</v>
      </c>
      <c r="NX30" s="129">
        <v>0</v>
      </c>
      <c r="NY30" s="109">
        <v>0</v>
      </c>
      <c r="NZ30" s="110">
        <v>0</v>
      </c>
      <c r="OA30" s="470">
        <v>0</v>
      </c>
      <c r="OB30" s="109">
        <v>0</v>
      </c>
      <c r="OC30" s="109">
        <v>0</v>
      </c>
      <c r="OD30" s="109">
        <v>0</v>
      </c>
      <c r="OE30" s="109">
        <v>0</v>
      </c>
      <c r="OF30" s="109">
        <v>0</v>
      </c>
      <c r="OG30" s="110">
        <v>0</v>
      </c>
      <c r="OH30" s="111">
        <v>0</v>
      </c>
      <c r="OI30" s="129">
        <v>67477</v>
      </c>
      <c r="OJ30" s="109">
        <v>112114</v>
      </c>
      <c r="OK30" s="128">
        <v>179591</v>
      </c>
      <c r="OL30" s="108">
        <v>0</v>
      </c>
      <c r="OM30" s="109">
        <v>1373188</v>
      </c>
      <c r="ON30" s="109">
        <v>1636022</v>
      </c>
      <c r="OO30" s="109">
        <v>1145978</v>
      </c>
      <c r="OP30" s="109">
        <v>1699747</v>
      </c>
      <c r="OQ30" s="109">
        <v>685548</v>
      </c>
      <c r="OR30" s="110">
        <v>6540483</v>
      </c>
      <c r="OS30" s="130">
        <v>6720074</v>
      </c>
    </row>
    <row r="31" spans="2:409" ht="21" customHeight="1" x14ac:dyDescent="0.2">
      <c r="B31" s="437" t="s">
        <v>26</v>
      </c>
      <c r="C31" s="100">
        <v>144210</v>
      </c>
      <c r="D31" s="104">
        <v>109623</v>
      </c>
      <c r="E31" s="103">
        <v>253833</v>
      </c>
      <c r="F31" s="99">
        <v>0</v>
      </c>
      <c r="G31" s="104">
        <v>1325833</v>
      </c>
      <c r="H31" s="104">
        <v>1556239</v>
      </c>
      <c r="I31" s="104">
        <v>896941</v>
      </c>
      <c r="J31" s="104">
        <v>838641</v>
      </c>
      <c r="K31" s="104">
        <v>1297684</v>
      </c>
      <c r="L31" s="156">
        <v>5915338</v>
      </c>
      <c r="M31" s="106">
        <v>6169171</v>
      </c>
      <c r="N31" s="100">
        <v>45514</v>
      </c>
      <c r="O31" s="104">
        <v>54318</v>
      </c>
      <c r="P31" s="103">
        <v>99832</v>
      </c>
      <c r="Q31" s="100">
        <v>0</v>
      </c>
      <c r="R31" s="104">
        <v>340196</v>
      </c>
      <c r="S31" s="104">
        <v>502549</v>
      </c>
      <c r="T31" s="104">
        <v>116991</v>
      </c>
      <c r="U31" s="104">
        <v>307458</v>
      </c>
      <c r="V31" s="104">
        <v>1106013</v>
      </c>
      <c r="W31" s="103">
        <v>2373207</v>
      </c>
      <c r="X31" s="106">
        <v>2473039</v>
      </c>
      <c r="Y31" s="100">
        <v>0</v>
      </c>
      <c r="Z31" s="104">
        <v>0</v>
      </c>
      <c r="AA31" s="103">
        <v>0</v>
      </c>
      <c r="AB31" s="100">
        <v>0</v>
      </c>
      <c r="AC31" s="104">
        <v>95388</v>
      </c>
      <c r="AD31" s="104">
        <v>203556</v>
      </c>
      <c r="AE31" s="104">
        <v>51121</v>
      </c>
      <c r="AF31" s="104">
        <v>105271</v>
      </c>
      <c r="AG31" s="104">
        <v>506145</v>
      </c>
      <c r="AH31" s="103">
        <v>961481</v>
      </c>
      <c r="AI31" s="106">
        <v>961481</v>
      </c>
      <c r="AJ31" s="100">
        <v>0</v>
      </c>
      <c r="AK31" s="104">
        <v>0</v>
      </c>
      <c r="AL31" s="103">
        <v>0</v>
      </c>
      <c r="AM31" s="100">
        <v>0</v>
      </c>
      <c r="AN31" s="104">
        <v>0</v>
      </c>
      <c r="AO31" s="104">
        <v>0</v>
      </c>
      <c r="AP31" s="104">
        <v>0</v>
      </c>
      <c r="AQ31" s="104">
        <v>0</v>
      </c>
      <c r="AR31" s="104">
        <v>138399</v>
      </c>
      <c r="AS31" s="103">
        <v>138399</v>
      </c>
      <c r="AT31" s="106">
        <v>138399</v>
      </c>
      <c r="AU31" s="100">
        <v>0</v>
      </c>
      <c r="AV31" s="104">
        <v>0</v>
      </c>
      <c r="AW31" s="103">
        <v>0</v>
      </c>
      <c r="AX31" s="100">
        <v>0</v>
      </c>
      <c r="AY31" s="104">
        <v>183460</v>
      </c>
      <c r="AZ31" s="104">
        <v>263223</v>
      </c>
      <c r="BA31" s="104">
        <v>0</v>
      </c>
      <c r="BB31" s="104">
        <v>138095</v>
      </c>
      <c r="BC31" s="104">
        <v>430781</v>
      </c>
      <c r="BD31" s="103">
        <v>1015559</v>
      </c>
      <c r="BE31" s="106">
        <v>1015559</v>
      </c>
      <c r="BF31" s="100">
        <v>0</v>
      </c>
      <c r="BG31" s="104">
        <v>54318</v>
      </c>
      <c r="BH31" s="102">
        <v>54318</v>
      </c>
      <c r="BI31" s="101">
        <v>0</v>
      </c>
      <c r="BJ31" s="104">
        <v>0</v>
      </c>
      <c r="BK31" s="104">
        <v>0</v>
      </c>
      <c r="BL31" s="104">
        <v>0</v>
      </c>
      <c r="BM31" s="104">
        <v>0</v>
      </c>
      <c r="BN31" s="104">
        <v>0</v>
      </c>
      <c r="BO31" s="103">
        <v>0</v>
      </c>
      <c r="BP31" s="106">
        <v>54318</v>
      </c>
      <c r="BQ31" s="100">
        <v>45514</v>
      </c>
      <c r="BR31" s="104">
        <v>0</v>
      </c>
      <c r="BS31" s="103">
        <v>45514</v>
      </c>
      <c r="BT31" s="100">
        <v>0</v>
      </c>
      <c r="BU31" s="104">
        <v>61348</v>
      </c>
      <c r="BV31" s="104">
        <v>35770</v>
      </c>
      <c r="BW31" s="104">
        <v>65870</v>
      </c>
      <c r="BX31" s="104">
        <v>64092</v>
      </c>
      <c r="BY31" s="104">
        <v>30688</v>
      </c>
      <c r="BZ31" s="103">
        <v>257768</v>
      </c>
      <c r="CA31" s="106">
        <v>303282</v>
      </c>
      <c r="CB31" s="100">
        <v>0</v>
      </c>
      <c r="CC31" s="104">
        <v>0</v>
      </c>
      <c r="CD31" s="103">
        <v>0</v>
      </c>
      <c r="CE31" s="100">
        <v>0</v>
      </c>
      <c r="CF31" s="104">
        <v>463477</v>
      </c>
      <c r="CG31" s="104">
        <v>240611</v>
      </c>
      <c r="CH31" s="104">
        <v>8871</v>
      </c>
      <c r="CI31" s="104">
        <v>73749</v>
      </c>
      <c r="CJ31" s="104">
        <v>0</v>
      </c>
      <c r="CK31" s="103">
        <v>786708</v>
      </c>
      <c r="CL31" s="106">
        <v>786708</v>
      </c>
      <c r="CM31" s="100">
        <v>0</v>
      </c>
      <c r="CN31" s="104">
        <v>0</v>
      </c>
      <c r="CO31" s="103">
        <v>0</v>
      </c>
      <c r="CP31" s="101">
        <v>0</v>
      </c>
      <c r="CQ31" s="104">
        <v>273390</v>
      </c>
      <c r="CR31" s="104">
        <v>126479</v>
      </c>
      <c r="CS31" s="104">
        <v>8871</v>
      </c>
      <c r="CT31" s="104">
        <v>73749</v>
      </c>
      <c r="CU31" s="104">
        <v>0</v>
      </c>
      <c r="CV31" s="103">
        <v>482489</v>
      </c>
      <c r="CW31" s="106">
        <v>482489</v>
      </c>
      <c r="CX31" s="100">
        <v>0</v>
      </c>
      <c r="CY31" s="104">
        <v>0</v>
      </c>
      <c r="CZ31" s="103">
        <v>0</v>
      </c>
      <c r="DA31" s="100">
        <v>0</v>
      </c>
      <c r="DB31" s="104">
        <v>190087</v>
      </c>
      <c r="DC31" s="104">
        <v>114132</v>
      </c>
      <c r="DD31" s="104">
        <v>0</v>
      </c>
      <c r="DE31" s="104">
        <v>0</v>
      </c>
      <c r="DF31" s="104">
        <v>0</v>
      </c>
      <c r="DG31" s="103">
        <v>304219</v>
      </c>
      <c r="DH31" s="106">
        <v>304219</v>
      </c>
      <c r="DI31" s="100">
        <v>0</v>
      </c>
      <c r="DJ31" s="104">
        <v>0</v>
      </c>
      <c r="DK31" s="102">
        <v>0</v>
      </c>
      <c r="DL31" s="101">
        <v>0</v>
      </c>
      <c r="DM31" s="104">
        <v>104328</v>
      </c>
      <c r="DN31" s="104">
        <v>16261</v>
      </c>
      <c r="DO31" s="104">
        <v>63857</v>
      </c>
      <c r="DP31" s="104">
        <v>8511</v>
      </c>
      <c r="DQ31" s="104">
        <v>0</v>
      </c>
      <c r="DR31" s="103">
        <v>192957</v>
      </c>
      <c r="DS31" s="106">
        <v>192957</v>
      </c>
      <c r="DT31" s="100">
        <v>0</v>
      </c>
      <c r="DU31" s="104">
        <v>0</v>
      </c>
      <c r="DV31" s="103">
        <v>0</v>
      </c>
      <c r="DW31" s="100">
        <v>0</v>
      </c>
      <c r="DX31" s="104">
        <v>104328</v>
      </c>
      <c r="DY31" s="104">
        <v>16261</v>
      </c>
      <c r="DZ31" s="104">
        <v>63857</v>
      </c>
      <c r="EA31" s="104">
        <v>0</v>
      </c>
      <c r="EB31" s="104">
        <v>0</v>
      </c>
      <c r="EC31" s="103">
        <v>184446</v>
      </c>
      <c r="ED31" s="106">
        <v>184446</v>
      </c>
      <c r="EE31" s="100">
        <v>0</v>
      </c>
      <c r="EF31" s="102">
        <v>0</v>
      </c>
      <c r="EG31" s="103">
        <v>0</v>
      </c>
      <c r="EH31" s="100">
        <v>0</v>
      </c>
      <c r="EI31" s="104">
        <v>0</v>
      </c>
      <c r="EJ31" s="104">
        <v>0</v>
      </c>
      <c r="EK31" s="104">
        <v>0</v>
      </c>
      <c r="EL31" s="104">
        <v>8511</v>
      </c>
      <c r="EM31" s="104">
        <v>0</v>
      </c>
      <c r="EN31" s="102">
        <v>8511</v>
      </c>
      <c r="EO31" s="106">
        <v>8511</v>
      </c>
      <c r="EP31" s="100">
        <v>0</v>
      </c>
      <c r="EQ31" s="104">
        <v>0</v>
      </c>
      <c r="ER31" s="102">
        <v>0</v>
      </c>
      <c r="ES31" s="101">
        <v>0</v>
      </c>
      <c r="ET31" s="104">
        <v>0</v>
      </c>
      <c r="EU31" s="104">
        <v>0</v>
      </c>
      <c r="EV31" s="104">
        <v>0</v>
      </c>
      <c r="EW31" s="104">
        <v>0</v>
      </c>
      <c r="EX31" s="104">
        <v>0</v>
      </c>
      <c r="EY31" s="103">
        <v>0</v>
      </c>
      <c r="EZ31" s="106">
        <v>0</v>
      </c>
      <c r="FA31" s="100">
        <v>0</v>
      </c>
      <c r="FB31" s="104">
        <v>0</v>
      </c>
      <c r="FC31" s="102">
        <v>0</v>
      </c>
      <c r="FD31" s="470">
        <v>0</v>
      </c>
      <c r="FE31" s="104">
        <v>0</v>
      </c>
      <c r="FF31" s="104">
        <v>0</v>
      </c>
      <c r="FG31" s="104">
        <v>0</v>
      </c>
      <c r="FH31" s="104">
        <v>0</v>
      </c>
      <c r="FI31" s="104">
        <v>0</v>
      </c>
      <c r="FJ31" s="103">
        <v>0</v>
      </c>
      <c r="FK31" s="106">
        <v>0</v>
      </c>
      <c r="FL31" s="100">
        <v>3500</v>
      </c>
      <c r="FM31" s="104">
        <v>11116</v>
      </c>
      <c r="FN31" s="103">
        <v>14616</v>
      </c>
      <c r="FO31" s="100">
        <v>0</v>
      </c>
      <c r="FP31" s="104">
        <v>50820</v>
      </c>
      <c r="FQ31" s="104">
        <v>114114</v>
      </c>
      <c r="FR31" s="104">
        <v>27020</v>
      </c>
      <c r="FS31" s="104">
        <v>20125</v>
      </c>
      <c r="FT31" s="104">
        <v>112952</v>
      </c>
      <c r="FU31" s="103">
        <v>325031</v>
      </c>
      <c r="FV31" s="106">
        <v>339647</v>
      </c>
      <c r="FW31" s="105">
        <v>3500</v>
      </c>
      <c r="FX31" s="104">
        <v>11116</v>
      </c>
      <c r="FY31" s="102">
        <v>14616</v>
      </c>
      <c r="FZ31" s="101">
        <v>0</v>
      </c>
      <c r="GA31" s="104">
        <v>50820</v>
      </c>
      <c r="GB31" s="104">
        <v>114114</v>
      </c>
      <c r="GC31" s="104">
        <v>27020</v>
      </c>
      <c r="GD31" s="104">
        <v>20125</v>
      </c>
      <c r="GE31" s="104">
        <v>112952</v>
      </c>
      <c r="GF31" s="103">
        <v>325031</v>
      </c>
      <c r="GG31" s="290">
        <v>339647</v>
      </c>
      <c r="GH31" s="105">
        <v>0</v>
      </c>
      <c r="GI31" s="104">
        <v>0</v>
      </c>
      <c r="GJ31" s="102">
        <v>0</v>
      </c>
      <c r="GK31" s="101">
        <v>0</v>
      </c>
      <c r="GL31" s="104">
        <v>0</v>
      </c>
      <c r="GM31" s="104">
        <v>0</v>
      </c>
      <c r="GN31" s="104">
        <v>0</v>
      </c>
      <c r="GO31" s="104">
        <v>0</v>
      </c>
      <c r="GP31" s="104">
        <v>0</v>
      </c>
      <c r="GQ31" s="103">
        <v>0</v>
      </c>
      <c r="GR31" s="106">
        <v>0</v>
      </c>
      <c r="GS31" s="100">
        <v>0</v>
      </c>
      <c r="GT31" s="104">
        <v>0</v>
      </c>
      <c r="GU31" s="103">
        <v>0</v>
      </c>
      <c r="GV31" s="100">
        <v>0</v>
      </c>
      <c r="GW31" s="104">
        <v>0</v>
      </c>
      <c r="GX31" s="104">
        <v>0</v>
      </c>
      <c r="GY31" s="104">
        <v>0</v>
      </c>
      <c r="GZ31" s="104">
        <v>0</v>
      </c>
      <c r="HA31" s="104">
        <v>0</v>
      </c>
      <c r="HB31" s="102">
        <v>0</v>
      </c>
      <c r="HC31" s="106">
        <v>0</v>
      </c>
      <c r="HD31" s="100">
        <v>95196</v>
      </c>
      <c r="HE31" s="104">
        <v>44189</v>
      </c>
      <c r="HF31" s="102">
        <v>139385</v>
      </c>
      <c r="HG31" s="101">
        <v>0</v>
      </c>
      <c r="HH31" s="104">
        <v>367012</v>
      </c>
      <c r="HI31" s="104">
        <v>682704</v>
      </c>
      <c r="HJ31" s="104">
        <v>680202</v>
      </c>
      <c r="HK31" s="104">
        <v>428798</v>
      </c>
      <c r="HL31" s="104">
        <v>78719</v>
      </c>
      <c r="HM31" s="103">
        <v>2237435</v>
      </c>
      <c r="HN31" s="99">
        <v>2376820</v>
      </c>
      <c r="HO31" s="456">
        <v>0</v>
      </c>
      <c r="HP31" s="457">
        <v>0</v>
      </c>
      <c r="HQ31" s="458">
        <v>0</v>
      </c>
      <c r="HR31" s="459">
        <v>0</v>
      </c>
      <c r="HS31" s="457">
        <v>0</v>
      </c>
      <c r="HT31" s="457">
        <v>0</v>
      </c>
      <c r="HU31" s="457">
        <v>0</v>
      </c>
      <c r="HV31" s="457">
        <v>0</v>
      </c>
      <c r="HW31" s="457">
        <v>0</v>
      </c>
      <c r="HX31" s="460">
        <v>0</v>
      </c>
      <c r="HY31" s="461">
        <v>0</v>
      </c>
      <c r="HZ31" s="118">
        <v>0</v>
      </c>
      <c r="IA31" s="119">
        <v>0</v>
      </c>
      <c r="IB31" s="120">
        <v>0</v>
      </c>
      <c r="IC31" s="131">
        <v>0</v>
      </c>
      <c r="ID31" s="119">
        <v>25484</v>
      </c>
      <c r="IE31" s="132">
        <v>428092</v>
      </c>
      <c r="IF31" s="120">
        <v>626231</v>
      </c>
      <c r="IG31" s="119">
        <v>221133</v>
      </c>
      <c r="IH31" s="120">
        <v>22077</v>
      </c>
      <c r="II31" s="133">
        <v>1323017</v>
      </c>
      <c r="IJ31" s="126">
        <v>1323017</v>
      </c>
      <c r="IK31" s="215">
        <v>0</v>
      </c>
      <c r="IL31" s="219">
        <v>0</v>
      </c>
      <c r="IM31" s="220">
        <v>0</v>
      </c>
      <c r="IN31" s="470">
        <v>0</v>
      </c>
      <c r="IO31" s="109">
        <v>0</v>
      </c>
      <c r="IP31" s="109">
        <v>0</v>
      </c>
      <c r="IQ31" s="109">
        <v>0</v>
      </c>
      <c r="IR31" s="109">
        <v>0</v>
      </c>
      <c r="IS31" s="109">
        <v>0</v>
      </c>
      <c r="IT31" s="128">
        <v>0</v>
      </c>
      <c r="IU31" s="292">
        <v>0</v>
      </c>
      <c r="IV31" s="129">
        <v>0</v>
      </c>
      <c r="IW31" s="109">
        <v>0</v>
      </c>
      <c r="IX31" s="110">
        <v>0</v>
      </c>
      <c r="IY31" s="470">
        <v>0</v>
      </c>
      <c r="IZ31" s="109">
        <v>0</v>
      </c>
      <c r="JA31" s="109">
        <v>0</v>
      </c>
      <c r="JB31" s="109">
        <v>0</v>
      </c>
      <c r="JC31" s="109">
        <v>0</v>
      </c>
      <c r="JD31" s="109">
        <v>0</v>
      </c>
      <c r="JE31" s="110">
        <v>0</v>
      </c>
      <c r="JF31" s="111">
        <v>0</v>
      </c>
      <c r="JG31" s="129">
        <v>0</v>
      </c>
      <c r="JH31" s="109">
        <v>0</v>
      </c>
      <c r="JI31" s="128">
        <v>0</v>
      </c>
      <c r="JJ31" s="108">
        <v>0</v>
      </c>
      <c r="JK31" s="109">
        <v>25484</v>
      </c>
      <c r="JL31" s="109">
        <v>59236</v>
      </c>
      <c r="JM31" s="109">
        <v>189644</v>
      </c>
      <c r="JN31" s="109">
        <v>0</v>
      </c>
      <c r="JO31" s="109">
        <v>22077</v>
      </c>
      <c r="JP31" s="110">
        <v>296441</v>
      </c>
      <c r="JQ31" s="292">
        <v>296441</v>
      </c>
      <c r="JR31" s="129">
        <v>0</v>
      </c>
      <c r="JS31" s="109">
        <v>0</v>
      </c>
      <c r="JT31" s="128">
        <v>0</v>
      </c>
      <c r="JU31" s="108">
        <v>0</v>
      </c>
      <c r="JV31" s="109">
        <v>0</v>
      </c>
      <c r="JW31" s="109">
        <v>0</v>
      </c>
      <c r="JX31" s="109">
        <v>0</v>
      </c>
      <c r="JY31" s="109">
        <v>0</v>
      </c>
      <c r="JZ31" s="109">
        <v>0</v>
      </c>
      <c r="KA31" s="110">
        <v>0</v>
      </c>
      <c r="KB31" s="292">
        <v>0</v>
      </c>
      <c r="KC31" s="217">
        <v>0</v>
      </c>
      <c r="KD31" s="213">
        <v>0</v>
      </c>
      <c r="KE31" s="110">
        <v>0</v>
      </c>
      <c r="KF31" s="108">
        <v>0</v>
      </c>
      <c r="KG31" s="109">
        <v>0</v>
      </c>
      <c r="KH31" s="109">
        <v>155538</v>
      </c>
      <c r="KI31" s="109">
        <v>0</v>
      </c>
      <c r="KJ31" s="109">
        <v>0</v>
      </c>
      <c r="KK31" s="109">
        <v>0</v>
      </c>
      <c r="KL31" s="110">
        <v>155538</v>
      </c>
      <c r="KM31" s="130">
        <v>155538</v>
      </c>
      <c r="KN31" s="215">
        <v>0</v>
      </c>
      <c r="KO31" s="219">
        <v>0</v>
      </c>
      <c r="KP31" s="220">
        <v>0</v>
      </c>
      <c r="KQ31" s="470">
        <v>0</v>
      </c>
      <c r="KR31" s="109">
        <v>0</v>
      </c>
      <c r="KS31" s="109">
        <v>213318</v>
      </c>
      <c r="KT31" s="109">
        <v>436587</v>
      </c>
      <c r="KU31" s="109">
        <v>221133</v>
      </c>
      <c r="KV31" s="109">
        <v>0</v>
      </c>
      <c r="KW31" s="110">
        <v>871038</v>
      </c>
      <c r="KX31" s="292">
        <v>871038</v>
      </c>
      <c r="KY31" s="129">
        <v>0</v>
      </c>
      <c r="KZ31" s="109">
        <v>0</v>
      </c>
      <c r="LA31" s="110">
        <v>0</v>
      </c>
      <c r="LB31" s="470">
        <v>0</v>
      </c>
      <c r="LC31" s="109">
        <v>0</v>
      </c>
      <c r="LD31" s="109">
        <v>0</v>
      </c>
      <c r="LE31" s="109">
        <v>0</v>
      </c>
      <c r="LF31" s="109">
        <v>0</v>
      </c>
      <c r="LG31" s="109">
        <v>0</v>
      </c>
      <c r="LH31" s="110">
        <v>0</v>
      </c>
      <c r="LI31" s="111">
        <v>0</v>
      </c>
      <c r="LJ31" s="129">
        <v>0</v>
      </c>
      <c r="LK31" s="109">
        <v>0</v>
      </c>
      <c r="LL31" s="110">
        <v>0</v>
      </c>
      <c r="LM31" s="470">
        <v>0</v>
      </c>
      <c r="LN31" s="109">
        <v>0</v>
      </c>
      <c r="LO31" s="109">
        <v>0</v>
      </c>
      <c r="LP31" s="109">
        <v>0</v>
      </c>
      <c r="LQ31" s="109">
        <v>0</v>
      </c>
      <c r="LR31" s="109">
        <v>0</v>
      </c>
      <c r="LS31" s="110">
        <v>0</v>
      </c>
      <c r="LT31" s="292">
        <v>0</v>
      </c>
      <c r="LU31" s="129">
        <v>0</v>
      </c>
      <c r="LV31" s="109">
        <v>0</v>
      </c>
      <c r="LW31" s="110">
        <v>0</v>
      </c>
      <c r="LX31" s="470">
        <v>0</v>
      </c>
      <c r="LY31" s="109">
        <v>0</v>
      </c>
      <c r="LZ31" s="109">
        <v>0</v>
      </c>
      <c r="MA31" s="109">
        <v>0</v>
      </c>
      <c r="MB31" s="109">
        <v>0</v>
      </c>
      <c r="MC31" s="109">
        <v>0</v>
      </c>
      <c r="MD31" s="110">
        <v>0</v>
      </c>
      <c r="ME31" s="111">
        <v>0</v>
      </c>
      <c r="MF31" s="129">
        <v>0</v>
      </c>
      <c r="MG31" s="109">
        <v>0</v>
      </c>
      <c r="MH31" s="110">
        <v>0</v>
      </c>
      <c r="MI31" s="470">
        <v>0</v>
      </c>
      <c r="MJ31" s="109">
        <v>0</v>
      </c>
      <c r="MK31" s="109">
        <v>589582</v>
      </c>
      <c r="ML31" s="109">
        <v>510842</v>
      </c>
      <c r="MM31" s="109">
        <v>706095</v>
      </c>
      <c r="MN31" s="109">
        <v>232376</v>
      </c>
      <c r="MO31" s="110">
        <v>2038895</v>
      </c>
      <c r="MP31" s="130">
        <v>2038895</v>
      </c>
      <c r="MQ31" s="129">
        <v>0</v>
      </c>
      <c r="MR31" s="109">
        <v>0</v>
      </c>
      <c r="MS31" s="110">
        <v>0</v>
      </c>
      <c r="MT31" s="470">
        <v>0</v>
      </c>
      <c r="MU31" s="109">
        <v>0</v>
      </c>
      <c r="MV31" s="109">
        <v>0</v>
      </c>
      <c r="MW31" s="109">
        <v>208821</v>
      </c>
      <c r="MX31" s="109">
        <v>221018</v>
      </c>
      <c r="MY31" s="109">
        <v>232376</v>
      </c>
      <c r="MZ31" s="110">
        <v>662215</v>
      </c>
      <c r="NA31" s="130">
        <v>662215</v>
      </c>
      <c r="NB31" s="129">
        <v>0</v>
      </c>
      <c r="NC31" s="109">
        <v>0</v>
      </c>
      <c r="ND31" s="110">
        <v>0</v>
      </c>
      <c r="NE31" s="470">
        <v>0</v>
      </c>
      <c r="NF31" s="109">
        <v>0</v>
      </c>
      <c r="NG31" s="109">
        <v>589582</v>
      </c>
      <c r="NH31" s="109">
        <v>302021</v>
      </c>
      <c r="NI31" s="109">
        <v>485077</v>
      </c>
      <c r="NJ31" s="109">
        <v>0</v>
      </c>
      <c r="NK31" s="110">
        <v>1376680</v>
      </c>
      <c r="NL31" s="292">
        <v>1376680</v>
      </c>
      <c r="NM31" s="129">
        <v>0</v>
      </c>
      <c r="NN31" s="109">
        <v>0</v>
      </c>
      <c r="NO31" s="110">
        <v>0</v>
      </c>
      <c r="NP31" s="470">
        <v>0</v>
      </c>
      <c r="NQ31" s="109">
        <v>0</v>
      </c>
      <c r="NR31" s="109">
        <v>0</v>
      </c>
      <c r="NS31" s="109">
        <v>0</v>
      </c>
      <c r="NT31" s="109">
        <v>0</v>
      </c>
      <c r="NU31" s="109">
        <v>0</v>
      </c>
      <c r="NV31" s="110">
        <v>0</v>
      </c>
      <c r="NW31" s="111">
        <v>0</v>
      </c>
      <c r="NX31" s="129">
        <v>0</v>
      </c>
      <c r="NY31" s="109">
        <v>0</v>
      </c>
      <c r="NZ31" s="110">
        <v>0</v>
      </c>
      <c r="OA31" s="470">
        <v>0</v>
      </c>
      <c r="OB31" s="109">
        <v>0</v>
      </c>
      <c r="OC31" s="109">
        <v>0</v>
      </c>
      <c r="OD31" s="109">
        <v>0</v>
      </c>
      <c r="OE31" s="109">
        <v>0</v>
      </c>
      <c r="OF31" s="109">
        <v>0</v>
      </c>
      <c r="OG31" s="110">
        <v>0</v>
      </c>
      <c r="OH31" s="111">
        <v>0</v>
      </c>
      <c r="OI31" s="129">
        <v>144210</v>
      </c>
      <c r="OJ31" s="109">
        <v>109623</v>
      </c>
      <c r="OK31" s="128">
        <v>253833</v>
      </c>
      <c r="OL31" s="108">
        <v>0</v>
      </c>
      <c r="OM31" s="109">
        <v>1351317</v>
      </c>
      <c r="ON31" s="109">
        <v>2573913</v>
      </c>
      <c r="OO31" s="109">
        <v>2034014</v>
      </c>
      <c r="OP31" s="109">
        <v>1765869</v>
      </c>
      <c r="OQ31" s="109">
        <v>1552137</v>
      </c>
      <c r="OR31" s="110">
        <v>9277250</v>
      </c>
      <c r="OS31" s="130">
        <v>9531083</v>
      </c>
    </row>
    <row r="32" spans="2:409" ht="21" customHeight="1" x14ac:dyDescent="0.2">
      <c r="B32" s="437" t="s">
        <v>27</v>
      </c>
      <c r="C32" s="100">
        <v>52028</v>
      </c>
      <c r="D32" s="104">
        <v>91419</v>
      </c>
      <c r="E32" s="103">
        <v>143447</v>
      </c>
      <c r="F32" s="99">
        <v>0</v>
      </c>
      <c r="G32" s="104">
        <v>708869</v>
      </c>
      <c r="H32" s="104">
        <v>952801</v>
      </c>
      <c r="I32" s="104">
        <v>1831762</v>
      </c>
      <c r="J32" s="104">
        <v>953687</v>
      </c>
      <c r="K32" s="104">
        <v>458215</v>
      </c>
      <c r="L32" s="156">
        <v>4905334</v>
      </c>
      <c r="M32" s="106">
        <v>5048781</v>
      </c>
      <c r="N32" s="100">
        <v>0</v>
      </c>
      <c r="O32" s="104">
        <v>39689</v>
      </c>
      <c r="P32" s="103">
        <v>39689</v>
      </c>
      <c r="Q32" s="100">
        <v>0</v>
      </c>
      <c r="R32" s="104">
        <v>49162</v>
      </c>
      <c r="S32" s="104">
        <v>284633</v>
      </c>
      <c r="T32" s="104">
        <v>610800</v>
      </c>
      <c r="U32" s="104">
        <v>114429</v>
      </c>
      <c r="V32" s="104">
        <v>46914</v>
      </c>
      <c r="W32" s="103">
        <v>1105938</v>
      </c>
      <c r="X32" s="106">
        <v>1145627</v>
      </c>
      <c r="Y32" s="100">
        <v>0</v>
      </c>
      <c r="Z32" s="104">
        <v>0</v>
      </c>
      <c r="AA32" s="103">
        <v>0</v>
      </c>
      <c r="AB32" s="100">
        <v>0</v>
      </c>
      <c r="AC32" s="104">
        <v>23087</v>
      </c>
      <c r="AD32" s="104">
        <v>49256</v>
      </c>
      <c r="AE32" s="104">
        <v>332458</v>
      </c>
      <c r="AF32" s="104">
        <v>0</v>
      </c>
      <c r="AG32" s="104">
        <v>0</v>
      </c>
      <c r="AH32" s="103">
        <v>404801</v>
      </c>
      <c r="AI32" s="106">
        <v>404801</v>
      </c>
      <c r="AJ32" s="100">
        <v>0</v>
      </c>
      <c r="AK32" s="104">
        <v>0</v>
      </c>
      <c r="AL32" s="103">
        <v>0</v>
      </c>
      <c r="AM32" s="100">
        <v>0</v>
      </c>
      <c r="AN32" s="104">
        <v>0</v>
      </c>
      <c r="AO32" s="104">
        <v>0</v>
      </c>
      <c r="AP32" s="104">
        <v>21509</v>
      </c>
      <c r="AQ32" s="104">
        <v>53230</v>
      </c>
      <c r="AR32" s="104">
        <v>0</v>
      </c>
      <c r="AS32" s="103">
        <v>74739</v>
      </c>
      <c r="AT32" s="106">
        <v>74739</v>
      </c>
      <c r="AU32" s="100">
        <v>0</v>
      </c>
      <c r="AV32" s="104">
        <v>33550</v>
      </c>
      <c r="AW32" s="103">
        <v>33550</v>
      </c>
      <c r="AX32" s="100">
        <v>0</v>
      </c>
      <c r="AY32" s="104">
        <v>0</v>
      </c>
      <c r="AZ32" s="104">
        <v>200587</v>
      </c>
      <c r="BA32" s="104">
        <v>107103</v>
      </c>
      <c r="BB32" s="104">
        <v>38001</v>
      </c>
      <c r="BC32" s="104">
        <v>0</v>
      </c>
      <c r="BD32" s="103">
        <v>345691</v>
      </c>
      <c r="BE32" s="106">
        <v>379241</v>
      </c>
      <c r="BF32" s="100">
        <v>0</v>
      </c>
      <c r="BG32" s="104">
        <v>0</v>
      </c>
      <c r="BH32" s="102">
        <v>0</v>
      </c>
      <c r="BI32" s="101">
        <v>0</v>
      </c>
      <c r="BJ32" s="104">
        <v>0</v>
      </c>
      <c r="BK32" s="104">
        <v>0</v>
      </c>
      <c r="BL32" s="104">
        <v>0</v>
      </c>
      <c r="BM32" s="104">
        <v>0</v>
      </c>
      <c r="BN32" s="104">
        <v>0</v>
      </c>
      <c r="BO32" s="103">
        <v>0</v>
      </c>
      <c r="BP32" s="106">
        <v>0</v>
      </c>
      <c r="BQ32" s="100">
        <v>0</v>
      </c>
      <c r="BR32" s="104">
        <v>6139</v>
      </c>
      <c r="BS32" s="103">
        <v>6139</v>
      </c>
      <c r="BT32" s="100">
        <v>0</v>
      </c>
      <c r="BU32" s="104">
        <v>26075</v>
      </c>
      <c r="BV32" s="104">
        <v>34790</v>
      </c>
      <c r="BW32" s="104">
        <v>149730</v>
      </c>
      <c r="BX32" s="104">
        <v>23198</v>
      </c>
      <c r="BY32" s="104">
        <v>46914</v>
      </c>
      <c r="BZ32" s="103">
        <v>280707</v>
      </c>
      <c r="CA32" s="106">
        <v>286846</v>
      </c>
      <c r="CB32" s="100">
        <v>36628</v>
      </c>
      <c r="CC32" s="104">
        <v>0</v>
      </c>
      <c r="CD32" s="103">
        <v>36628</v>
      </c>
      <c r="CE32" s="100">
        <v>0</v>
      </c>
      <c r="CF32" s="104">
        <v>196661</v>
      </c>
      <c r="CG32" s="104">
        <v>252616</v>
      </c>
      <c r="CH32" s="104">
        <v>219342</v>
      </c>
      <c r="CI32" s="104">
        <v>138236</v>
      </c>
      <c r="CJ32" s="104">
        <v>0</v>
      </c>
      <c r="CK32" s="103">
        <v>806855</v>
      </c>
      <c r="CL32" s="106">
        <v>843483</v>
      </c>
      <c r="CM32" s="100">
        <v>0</v>
      </c>
      <c r="CN32" s="104">
        <v>0</v>
      </c>
      <c r="CO32" s="103">
        <v>0</v>
      </c>
      <c r="CP32" s="101">
        <v>0</v>
      </c>
      <c r="CQ32" s="104">
        <v>131582</v>
      </c>
      <c r="CR32" s="104">
        <v>189946</v>
      </c>
      <c r="CS32" s="104">
        <v>153555</v>
      </c>
      <c r="CT32" s="104">
        <v>138236</v>
      </c>
      <c r="CU32" s="104">
        <v>0</v>
      </c>
      <c r="CV32" s="103">
        <v>613319</v>
      </c>
      <c r="CW32" s="106">
        <v>613319</v>
      </c>
      <c r="CX32" s="100">
        <v>36628</v>
      </c>
      <c r="CY32" s="104">
        <v>0</v>
      </c>
      <c r="CZ32" s="103">
        <v>36628</v>
      </c>
      <c r="DA32" s="100">
        <v>0</v>
      </c>
      <c r="DB32" s="104">
        <v>65079</v>
      </c>
      <c r="DC32" s="104">
        <v>62670</v>
      </c>
      <c r="DD32" s="104">
        <v>65787</v>
      </c>
      <c r="DE32" s="104">
        <v>0</v>
      </c>
      <c r="DF32" s="104">
        <v>0</v>
      </c>
      <c r="DG32" s="103">
        <v>193536</v>
      </c>
      <c r="DH32" s="106">
        <v>230164</v>
      </c>
      <c r="DI32" s="100">
        <v>0</v>
      </c>
      <c r="DJ32" s="104">
        <v>0</v>
      </c>
      <c r="DK32" s="102">
        <v>0</v>
      </c>
      <c r="DL32" s="101">
        <v>0</v>
      </c>
      <c r="DM32" s="104">
        <v>35908</v>
      </c>
      <c r="DN32" s="104">
        <v>40761</v>
      </c>
      <c r="DO32" s="104">
        <v>0</v>
      </c>
      <c r="DP32" s="104">
        <v>111018</v>
      </c>
      <c r="DQ32" s="104">
        <v>0</v>
      </c>
      <c r="DR32" s="103">
        <v>187687</v>
      </c>
      <c r="DS32" s="106">
        <v>187687</v>
      </c>
      <c r="DT32" s="100">
        <v>0</v>
      </c>
      <c r="DU32" s="104">
        <v>0</v>
      </c>
      <c r="DV32" s="103">
        <v>0</v>
      </c>
      <c r="DW32" s="100">
        <v>0</v>
      </c>
      <c r="DX32" s="104">
        <v>35908</v>
      </c>
      <c r="DY32" s="104">
        <v>40761</v>
      </c>
      <c r="DZ32" s="104">
        <v>0</v>
      </c>
      <c r="EA32" s="104">
        <v>111018</v>
      </c>
      <c r="EB32" s="104">
        <v>0</v>
      </c>
      <c r="EC32" s="103">
        <v>187687</v>
      </c>
      <c r="ED32" s="106">
        <v>187687</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470">
        <v>0</v>
      </c>
      <c r="FE32" s="104">
        <v>0</v>
      </c>
      <c r="FF32" s="104">
        <v>0</v>
      </c>
      <c r="FG32" s="104">
        <v>0</v>
      </c>
      <c r="FH32" s="104">
        <v>0</v>
      </c>
      <c r="FI32" s="104">
        <v>0</v>
      </c>
      <c r="FJ32" s="103">
        <v>0</v>
      </c>
      <c r="FK32" s="106">
        <v>0</v>
      </c>
      <c r="FL32" s="100">
        <v>15400</v>
      </c>
      <c r="FM32" s="104">
        <v>51730</v>
      </c>
      <c r="FN32" s="103">
        <v>67130</v>
      </c>
      <c r="FO32" s="100">
        <v>0</v>
      </c>
      <c r="FP32" s="104">
        <v>10010</v>
      </c>
      <c r="FQ32" s="104">
        <v>68901</v>
      </c>
      <c r="FR32" s="104">
        <v>132846</v>
      </c>
      <c r="FS32" s="104">
        <v>43050</v>
      </c>
      <c r="FT32" s="104">
        <v>0</v>
      </c>
      <c r="FU32" s="103">
        <v>254807</v>
      </c>
      <c r="FV32" s="106">
        <v>321937</v>
      </c>
      <c r="FW32" s="105">
        <v>15400</v>
      </c>
      <c r="FX32" s="104">
        <v>51730</v>
      </c>
      <c r="FY32" s="102">
        <v>67130</v>
      </c>
      <c r="FZ32" s="101">
        <v>0</v>
      </c>
      <c r="GA32" s="104">
        <v>10010</v>
      </c>
      <c r="GB32" s="104">
        <v>68901</v>
      </c>
      <c r="GC32" s="104">
        <v>132846</v>
      </c>
      <c r="GD32" s="104">
        <v>43050</v>
      </c>
      <c r="GE32" s="104">
        <v>0</v>
      </c>
      <c r="GF32" s="103">
        <v>254807</v>
      </c>
      <c r="GG32" s="290">
        <v>321937</v>
      </c>
      <c r="GH32" s="105">
        <v>0</v>
      </c>
      <c r="GI32" s="104">
        <v>0</v>
      </c>
      <c r="GJ32" s="102">
        <v>0</v>
      </c>
      <c r="GK32" s="101">
        <v>0</v>
      </c>
      <c r="GL32" s="104">
        <v>0</v>
      </c>
      <c r="GM32" s="104">
        <v>0</v>
      </c>
      <c r="GN32" s="104">
        <v>0</v>
      </c>
      <c r="GO32" s="104">
        <v>0</v>
      </c>
      <c r="GP32" s="104">
        <v>0</v>
      </c>
      <c r="GQ32" s="103">
        <v>0</v>
      </c>
      <c r="GR32" s="106">
        <v>0</v>
      </c>
      <c r="GS32" s="100">
        <v>0</v>
      </c>
      <c r="GT32" s="104">
        <v>0</v>
      </c>
      <c r="GU32" s="103">
        <v>0</v>
      </c>
      <c r="GV32" s="100">
        <v>0</v>
      </c>
      <c r="GW32" s="104">
        <v>0</v>
      </c>
      <c r="GX32" s="104">
        <v>0</v>
      </c>
      <c r="GY32" s="104">
        <v>0</v>
      </c>
      <c r="GZ32" s="104">
        <v>0</v>
      </c>
      <c r="HA32" s="104">
        <v>0</v>
      </c>
      <c r="HB32" s="102">
        <v>0</v>
      </c>
      <c r="HC32" s="106">
        <v>0</v>
      </c>
      <c r="HD32" s="100">
        <v>0</v>
      </c>
      <c r="HE32" s="104">
        <v>0</v>
      </c>
      <c r="HF32" s="102">
        <v>0</v>
      </c>
      <c r="HG32" s="101">
        <v>0</v>
      </c>
      <c r="HH32" s="104">
        <v>417128</v>
      </c>
      <c r="HI32" s="104">
        <v>305890</v>
      </c>
      <c r="HJ32" s="104">
        <v>868774</v>
      </c>
      <c r="HK32" s="104">
        <v>546954</v>
      </c>
      <c r="HL32" s="104">
        <v>411301</v>
      </c>
      <c r="HM32" s="103">
        <v>2550047</v>
      </c>
      <c r="HN32" s="99">
        <v>2550047</v>
      </c>
      <c r="HO32" s="456">
        <v>0</v>
      </c>
      <c r="HP32" s="457">
        <v>0</v>
      </c>
      <c r="HQ32" s="458">
        <v>0</v>
      </c>
      <c r="HR32" s="459">
        <v>0</v>
      </c>
      <c r="HS32" s="457">
        <v>0</v>
      </c>
      <c r="HT32" s="457">
        <v>0</v>
      </c>
      <c r="HU32" s="457">
        <v>0</v>
      </c>
      <c r="HV32" s="457">
        <v>0</v>
      </c>
      <c r="HW32" s="457">
        <v>0</v>
      </c>
      <c r="HX32" s="460">
        <v>0</v>
      </c>
      <c r="HY32" s="461">
        <v>0</v>
      </c>
      <c r="HZ32" s="135">
        <v>0</v>
      </c>
      <c r="IA32" s="122">
        <v>0</v>
      </c>
      <c r="IB32" s="135">
        <v>0</v>
      </c>
      <c r="IC32" s="121">
        <v>0</v>
      </c>
      <c r="ID32" s="122">
        <v>136194</v>
      </c>
      <c r="IE32" s="123">
        <v>93273</v>
      </c>
      <c r="IF32" s="124">
        <v>92652</v>
      </c>
      <c r="IG32" s="122">
        <v>0</v>
      </c>
      <c r="IH32" s="124">
        <v>0</v>
      </c>
      <c r="II32" s="125">
        <v>322119</v>
      </c>
      <c r="IJ32" s="135">
        <v>322119</v>
      </c>
      <c r="IK32" s="215">
        <v>0</v>
      </c>
      <c r="IL32" s="219">
        <v>0</v>
      </c>
      <c r="IM32" s="220">
        <v>0</v>
      </c>
      <c r="IN32" s="470">
        <v>0</v>
      </c>
      <c r="IO32" s="109">
        <v>0</v>
      </c>
      <c r="IP32" s="109">
        <v>0</v>
      </c>
      <c r="IQ32" s="109">
        <v>0</v>
      </c>
      <c r="IR32" s="109">
        <v>0</v>
      </c>
      <c r="IS32" s="109">
        <v>0</v>
      </c>
      <c r="IT32" s="128">
        <v>0</v>
      </c>
      <c r="IU32" s="292">
        <v>0</v>
      </c>
      <c r="IV32" s="129">
        <v>0</v>
      </c>
      <c r="IW32" s="109">
        <v>0</v>
      </c>
      <c r="IX32" s="110">
        <v>0</v>
      </c>
      <c r="IY32" s="470">
        <v>0</v>
      </c>
      <c r="IZ32" s="109">
        <v>0</v>
      </c>
      <c r="JA32" s="109">
        <v>0</v>
      </c>
      <c r="JB32" s="109">
        <v>0</v>
      </c>
      <c r="JC32" s="109">
        <v>0</v>
      </c>
      <c r="JD32" s="109">
        <v>0</v>
      </c>
      <c r="JE32" s="110">
        <v>0</v>
      </c>
      <c r="JF32" s="111">
        <v>0</v>
      </c>
      <c r="JG32" s="129">
        <v>0</v>
      </c>
      <c r="JH32" s="109">
        <v>0</v>
      </c>
      <c r="JI32" s="128">
        <v>0</v>
      </c>
      <c r="JJ32" s="108">
        <v>0</v>
      </c>
      <c r="JK32" s="109">
        <v>136194</v>
      </c>
      <c r="JL32" s="109">
        <v>65014</v>
      </c>
      <c r="JM32" s="109">
        <v>0</v>
      </c>
      <c r="JN32" s="109">
        <v>0</v>
      </c>
      <c r="JO32" s="109">
        <v>0</v>
      </c>
      <c r="JP32" s="110">
        <v>201208</v>
      </c>
      <c r="JQ32" s="292">
        <v>201208</v>
      </c>
      <c r="JR32" s="129">
        <v>0</v>
      </c>
      <c r="JS32" s="109">
        <v>0</v>
      </c>
      <c r="JT32" s="128">
        <v>0</v>
      </c>
      <c r="JU32" s="108">
        <v>0</v>
      </c>
      <c r="JV32" s="109">
        <v>0</v>
      </c>
      <c r="JW32" s="109">
        <v>28259</v>
      </c>
      <c r="JX32" s="109">
        <v>92652</v>
      </c>
      <c r="JY32" s="109">
        <v>0</v>
      </c>
      <c r="JZ32" s="109">
        <v>0</v>
      </c>
      <c r="KA32" s="110">
        <v>120911</v>
      </c>
      <c r="KB32" s="292">
        <v>120911</v>
      </c>
      <c r="KC32" s="217">
        <v>0</v>
      </c>
      <c r="KD32" s="213">
        <v>0</v>
      </c>
      <c r="KE32" s="110">
        <v>0</v>
      </c>
      <c r="KF32" s="108">
        <v>0</v>
      </c>
      <c r="KG32" s="109">
        <v>0</v>
      </c>
      <c r="KH32" s="109">
        <v>0</v>
      </c>
      <c r="KI32" s="109">
        <v>0</v>
      </c>
      <c r="KJ32" s="109">
        <v>0</v>
      </c>
      <c r="KK32" s="109">
        <v>0</v>
      </c>
      <c r="KL32" s="110">
        <v>0</v>
      </c>
      <c r="KM32" s="130">
        <v>0</v>
      </c>
      <c r="KN32" s="215">
        <v>0</v>
      </c>
      <c r="KO32" s="219">
        <v>0</v>
      </c>
      <c r="KP32" s="220">
        <v>0</v>
      </c>
      <c r="KQ32" s="470">
        <v>0</v>
      </c>
      <c r="KR32" s="109">
        <v>0</v>
      </c>
      <c r="KS32" s="109">
        <v>0</v>
      </c>
      <c r="KT32" s="109">
        <v>0</v>
      </c>
      <c r="KU32" s="109">
        <v>0</v>
      </c>
      <c r="KV32" s="109">
        <v>0</v>
      </c>
      <c r="KW32" s="110">
        <v>0</v>
      </c>
      <c r="KX32" s="292">
        <v>0</v>
      </c>
      <c r="KY32" s="129">
        <v>0</v>
      </c>
      <c r="KZ32" s="109">
        <v>0</v>
      </c>
      <c r="LA32" s="110">
        <v>0</v>
      </c>
      <c r="LB32" s="470">
        <v>0</v>
      </c>
      <c r="LC32" s="109">
        <v>0</v>
      </c>
      <c r="LD32" s="109">
        <v>0</v>
      </c>
      <c r="LE32" s="109">
        <v>0</v>
      </c>
      <c r="LF32" s="109">
        <v>0</v>
      </c>
      <c r="LG32" s="109">
        <v>0</v>
      </c>
      <c r="LH32" s="110">
        <v>0</v>
      </c>
      <c r="LI32" s="111">
        <v>0</v>
      </c>
      <c r="LJ32" s="129">
        <v>0</v>
      </c>
      <c r="LK32" s="109">
        <v>0</v>
      </c>
      <c r="LL32" s="110">
        <v>0</v>
      </c>
      <c r="LM32" s="470">
        <v>0</v>
      </c>
      <c r="LN32" s="109">
        <v>0</v>
      </c>
      <c r="LO32" s="109">
        <v>0</v>
      </c>
      <c r="LP32" s="109">
        <v>0</v>
      </c>
      <c r="LQ32" s="109">
        <v>0</v>
      </c>
      <c r="LR32" s="109">
        <v>0</v>
      </c>
      <c r="LS32" s="110">
        <v>0</v>
      </c>
      <c r="LT32" s="292">
        <v>0</v>
      </c>
      <c r="LU32" s="129">
        <v>0</v>
      </c>
      <c r="LV32" s="109">
        <v>0</v>
      </c>
      <c r="LW32" s="110">
        <v>0</v>
      </c>
      <c r="LX32" s="470">
        <v>0</v>
      </c>
      <c r="LY32" s="109">
        <v>0</v>
      </c>
      <c r="LZ32" s="109">
        <v>0</v>
      </c>
      <c r="MA32" s="109">
        <v>0</v>
      </c>
      <c r="MB32" s="109">
        <v>0</v>
      </c>
      <c r="MC32" s="109">
        <v>0</v>
      </c>
      <c r="MD32" s="110">
        <v>0</v>
      </c>
      <c r="ME32" s="111">
        <v>0</v>
      </c>
      <c r="MF32" s="129">
        <v>0</v>
      </c>
      <c r="MG32" s="109">
        <v>0</v>
      </c>
      <c r="MH32" s="110">
        <v>0</v>
      </c>
      <c r="MI32" s="470">
        <v>0</v>
      </c>
      <c r="MJ32" s="109">
        <v>179928</v>
      </c>
      <c r="MK32" s="109">
        <v>0</v>
      </c>
      <c r="ML32" s="109">
        <v>198494</v>
      </c>
      <c r="MM32" s="109">
        <v>219616</v>
      </c>
      <c r="MN32" s="109">
        <v>486042</v>
      </c>
      <c r="MO32" s="110">
        <v>1084080</v>
      </c>
      <c r="MP32" s="130">
        <v>1084080</v>
      </c>
      <c r="MQ32" s="129">
        <v>0</v>
      </c>
      <c r="MR32" s="109">
        <v>0</v>
      </c>
      <c r="MS32" s="110">
        <v>0</v>
      </c>
      <c r="MT32" s="470">
        <v>0</v>
      </c>
      <c r="MU32" s="109">
        <v>0</v>
      </c>
      <c r="MV32" s="109">
        <v>0</v>
      </c>
      <c r="MW32" s="109">
        <v>198494</v>
      </c>
      <c r="MX32" s="109">
        <v>219616</v>
      </c>
      <c r="MY32" s="109">
        <v>232376</v>
      </c>
      <c r="MZ32" s="110">
        <v>650486</v>
      </c>
      <c r="NA32" s="130">
        <v>650486</v>
      </c>
      <c r="NB32" s="129">
        <v>0</v>
      </c>
      <c r="NC32" s="109">
        <v>0</v>
      </c>
      <c r="ND32" s="110">
        <v>0</v>
      </c>
      <c r="NE32" s="470">
        <v>0</v>
      </c>
      <c r="NF32" s="109">
        <v>179928</v>
      </c>
      <c r="NG32" s="109">
        <v>0</v>
      </c>
      <c r="NH32" s="109">
        <v>0</v>
      </c>
      <c r="NI32" s="109">
        <v>0</v>
      </c>
      <c r="NJ32" s="109">
        <v>253666</v>
      </c>
      <c r="NK32" s="110">
        <v>433594</v>
      </c>
      <c r="NL32" s="292">
        <v>433594</v>
      </c>
      <c r="NM32" s="129">
        <v>0</v>
      </c>
      <c r="NN32" s="109">
        <v>0</v>
      </c>
      <c r="NO32" s="110">
        <v>0</v>
      </c>
      <c r="NP32" s="470">
        <v>0</v>
      </c>
      <c r="NQ32" s="109">
        <v>0</v>
      </c>
      <c r="NR32" s="109">
        <v>0</v>
      </c>
      <c r="NS32" s="109">
        <v>0</v>
      </c>
      <c r="NT32" s="109">
        <v>0</v>
      </c>
      <c r="NU32" s="109">
        <v>0</v>
      </c>
      <c r="NV32" s="110">
        <v>0</v>
      </c>
      <c r="NW32" s="111">
        <v>0</v>
      </c>
      <c r="NX32" s="129">
        <v>0</v>
      </c>
      <c r="NY32" s="109">
        <v>0</v>
      </c>
      <c r="NZ32" s="110">
        <v>0</v>
      </c>
      <c r="OA32" s="470">
        <v>0</v>
      </c>
      <c r="OB32" s="109">
        <v>0</v>
      </c>
      <c r="OC32" s="109">
        <v>0</v>
      </c>
      <c r="OD32" s="109">
        <v>0</v>
      </c>
      <c r="OE32" s="109">
        <v>0</v>
      </c>
      <c r="OF32" s="109">
        <v>0</v>
      </c>
      <c r="OG32" s="110">
        <v>0</v>
      </c>
      <c r="OH32" s="111">
        <v>0</v>
      </c>
      <c r="OI32" s="129">
        <v>52028</v>
      </c>
      <c r="OJ32" s="109">
        <v>91419</v>
      </c>
      <c r="OK32" s="128">
        <v>143447</v>
      </c>
      <c r="OL32" s="108">
        <v>0</v>
      </c>
      <c r="OM32" s="109">
        <v>1024991</v>
      </c>
      <c r="ON32" s="109">
        <v>1046074</v>
      </c>
      <c r="OO32" s="109">
        <v>2122908</v>
      </c>
      <c r="OP32" s="109">
        <v>1173303</v>
      </c>
      <c r="OQ32" s="109">
        <v>944257</v>
      </c>
      <c r="OR32" s="110">
        <v>6311533</v>
      </c>
      <c r="OS32" s="130">
        <v>6454980</v>
      </c>
    </row>
    <row r="33" spans="2:409" ht="21" customHeight="1" x14ac:dyDescent="0.2">
      <c r="B33" s="437" t="s">
        <v>28</v>
      </c>
      <c r="C33" s="100">
        <v>0</v>
      </c>
      <c r="D33" s="104">
        <v>7700</v>
      </c>
      <c r="E33" s="103">
        <v>7700</v>
      </c>
      <c r="F33" s="99">
        <v>0</v>
      </c>
      <c r="G33" s="104">
        <v>51349</v>
      </c>
      <c r="H33" s="104">
        <v>195064</v>
      </c>
      <c r="I33" s="104">
        <v>432793</v>
      </c>
      <c r="J33" s="104">
        <v>398418</v>
      </c>
      <c r="K33" s="104">
        <v>0</v>
      </c>
      <c r="L33" s="156">
        <v>1077624</v>
      </c>
      <c r="M33" s="106">
        <v>1085324</v>
      </c>
      <c r="N33" s="100">
        <v>0</v>
      </c>
      <c r="O33" s="104">
        <v>0</v>
      </c>
      <c r="P33" s="103">
        <v>0</v>
      </c>
      <c r="Q33" s="100">
        <v>0</v>
      </c>
      <c r="R33" s="104">
        <v>45889</v>
      </c>
      <c r="S33" s="104">
        <v>110329</v>
      </c>
      <c r="T33" s="104">
        <v>38465</v>
      </c>
      <c r="U33" s="104">
        <v>87430</v>
      </c>
      <c r="V33" s="104">
        <v>0</v>
      </c>
      <c r="W33" s="103">
        <v>282113</v>
      </c>
      <c r="X33" s="106">
        <v>282113</v>
      </c>
      <c r="Y33" s="100">
        <v>0</v>
      </c>
      <c r="Z33" s="104">
        <v>0</v>
      </c>
      <c r="AA33" s="103">
        <v>0</v>
      </c>
      <c r="AB33" s="100">
        <v>0</v>
      </c>
      <c r="AC33" s="104">
        <v>35032</v>
      </c>
      <c r="AD33" s="104">
        <v>43617</v>
      </c>
      <c r="AE33" s="104">
        <v>0</v>
      </c>
      <c r="AF33" s="104">
        <v>67620</v>
      </c>
      <c r="AG33" s="104">
        <v>0</v>
      </c>
      <c r="AH33" s="103">
        <v>146269</v>
      </c>
      <c r="AI33" s="106">
        <v>146269</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49562</v>
      </c>
      <c r="BA33" s="104">
        <v>14532</v>
      </c>
      <c r="BB33" s="104">
        <v>0</v>
      </c>
      <c r="BC33" s="104">
        <v>0</v>
      </c>
      <c r="BD33" s="103">
        <v>64094</v>
      </c>
      <c r="BE33" s="106">
        <v>64094</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10857</v>
      </c>
      <c r="BV33" s="104">
        <v>17150</v>
      </c>
      <c r="BW33" s="104">
        <v>23933</v>
      </c>
      <c r="BX33" s="104">
        <v>19810</v>
      </c>
      <c r="BY33" s="104">
        <v>0</v>
      </c>
      <c r="BZ33" s="103">
        <v>71750</v>
      </c>
      <c r="CA33" s="106">
        <v>71750</v>
      </c>
      <c r="CB33" s="100">
        <v>0</v>
      </c>
      <c r="CC33" s="104">
        <v>0</v>
      </c>
      <c r="CD33" s="103">
        <v>0</v>
      </c>
      <c r="CE33" s="100">
        <v>0</v>
      </c>
      <c r="CF33" s="104">
        <v>0</v>
      </c>
      <c r="CG33" s="104">
        <v>57099</v>
      </c>
      <c r="CH33" s="104">
        <v>178832</v>
      </c>
      <c r="CI33" s="104">
        <v>99127</v>
      </c>
      <c r="CJ33" s="104">
        <v>0</v>
      </c>
      <c r="CK33" s="103">
        <v>335058</v>
      </c>
      <c r="CL33" s="106">
        <v>335058</v>
      </c>
      <c r="CM33" s="100">
        <v>0</v>
      </c>
      <c r="CN33" s="104">
        <v>0</v>
      </c>
      <c r="CO33" s="103">
        <v>0</v>
      </c>
      <c r="CP33" s="101">
        <v>0</v>
      </c>
      <c r="CQ33" s="104">
        <v>0</v>
      </c>
      <c r="CR33" s="104">
        <v>57099</v>
      </c>
      <c r="CS33" s="104">
        <v>116826</v>
      </c>
      <c r="CT33" s="104">
        <v>99127</v>
      </c>
      <c r="CU33" s="104">
        <v>0</v>
      </c>
      <c r="CV33" s="103">
        <v>273052</v>
      </c>
      <c r="CW33" s="106">
        <v>273052</v>
      </c>
      <c r="CX33" s="100">
        <v>0</v>
      </c>
      <c r="CY33" s="104">
        <v>0</v>
      </c>
      <c r="CZ33" s="103">
        <v>0</v>
      </c>
      <c r="DA33" s="100">
        <v>0</v>
      </c>
      <c r="DB33" s="104">
        <v>0</v>
      </c>
      <c r="DC33" s="104">
        <v>0</v>
      </c>
      <c r="DD33" s="104">
        <v>62006</v>
      </c>
      <c r="DE33" s="104">
        <v>0</v>
      </c>
      <c r="DF33" s="104">
        <v>0</v>
      </c>
      <c r="DG33" s="103">
        <v>62006</v>
      </c>
      <c r="DH33" s="106">
        <v>62006</v>
      </c>
      <c r="DI33" s="100">
        <v>0</v>
      </c>
      <c r="DJ33" s="104">
        <v>0</v>
      </c>
      <c r="DK33" s="102">
        <v>0</v>
      </c>
      <c r="DL33" s="101">
        <v>0</v>
      </c>
      <c r="DM33" s="104">
        <v>0</v>
      </c>
      <c r="DN33" s="104">
        <v>0</v>
      </c>
      <c r="DO33" s="104">
        <v>36414</v>
      </c>
      <c r="DP33" s="104">
        <v>0</v>
      </c>
      <c r="DQ33" s="104">
        <v>0</v>
      </c>
      <c r="DR33" s="103">
        <v>36414</v>
      </c>
      <c r="DS33" s="106">
        <v>36414</v>
      </c>
      <c r="DT33" s="100">
        <v>0</v>
      </c>
      <c r="DU33" s="104">
        <v>0</v>
      </c>
      <c r="DV33" s="103">
        <v>0</v>
      </c>
      <c r="DW33" s="100">
        <v>0</v>
      </c>
      <c r="DX33" s="104">
        <v>0</v>
      </c>
      <c r="DY33" s="104">
        <v>0</v>
      </c>
      <c r="DZ33" s="104">
        <v>36414</v>
      </c>
      <c r="EA33" s="104">
        <v>0</v>
      </c>
      <c r="EB33" s="104">
        <v>0</v>
      </c>
      <c r="EC33" s="103">
        <v>36414</v>
      </c>
      <c r="ED33" s="106">
        <v>36414</v>
      </c>
      <c r="EE33" s="100">
        <v>0</v>
      </c>
      <c r="EF33" s="102">
        <v>0</v>
      </c>
      <c r="EG33" s="103">
        <v>0</v>
      </c>
      <c r="EH33" s="100">
        <v>0</v>
      </c>
      <c r="EI33" s="104">
        <v>0</v>
      </c>
      <c r="EJ33" s="104">
        <v>0</v>
      </c>
      <c r="EK33" s="104">
        <v>0</v>
      </c>
      <c r="EL33" s="104">
        <v>0</v>
      </c>
      <c r="EM33" s="104">
        <v>0</v>
      </c>
      <c r="EN33" s="102">
        <v>0</v>
      </c>
      <c r="EO33" s="106">
        <v>0</v>
      </c>
      <c r="EP33" s="100">
        <v>0</v>
      </c>
      <c r="EQ33" s="104">
        <v>0</v>
      </c>
      <c r="ER33" s="102">
        <v>0</v>
      </c>
      <c r="ES33" s="101">
        <v>0</v>
      </c>
      <c r="ET33" s="104">
        <v>0</v>
      </c>
      <c r="EU33" s="104">
        <v>0</v>
      </c>
      <c r="EV33" s="104">
        <v>0</v>
      </c>
      <c r="EW33" s="104">
        <v>0</v>
      </c>
      <c r="EX33" s="104">
        <v>0</v>
      </c>
      <c r="EY33" s="103">
        <v>0</v>
      </c>
      <c r="EZ33" s="106">
        <v>0</v>
      </c>
      <c r="FA33" s="100">
        <v>0</v>
      </c>
      <c r="FB33" s="104">
        <v>0</v>
      </c>
      <c r="FC33" s="102">
        <v>0</v>
      </c>
      <c r="FD33" s="470">
        <v>0</v>
      </c>
      <c r="FE33" s="104">
        <v>0</v>
      </c>
      <c r="FF33" s="104">
        <v>0</v>
      </c>
      <c r="FG33" s="104">
        <v>0</v>
      </c>
      <c r="FH33" s="104">
        <v>0</v>
      </c>
      <c r="FI33" s="104">
        <v>0</v>
      </c>
      <c r="FJ33" s="103">
        <v>0</v>
      </c>
      <c r="FK33" s="106">
        <v>0</v>
      </c>
      <c r="FL33" s="100">
        <v>0</v>
      </c>
      <c r="FM33" s="104">
        <v>7700</v>
      </c>
      <c r="FN33" s="103">
        <v>7700</v>
      </c>
      <c r="FO33" s="100">
        <v>0</v>
      </c>
      <c r="FP33" s="104">
        <v>5460</v>
      </c>
      <c r="FQ33" s="104">
        <v>27636</v>
      </c>
      <c r="FR33" s="104">
        <v>11550</v>
      </c>
      <c r="FS33" s="104">
        <v>21350</v>
      </c>
      <c r="FT33" s="104">
        <v>0</v>
      </c>
      <c r="FU33" s="103">
        <v>65996</v>
      </c>
      <c r="FV33" s="106">
        <v>73696</v>
      </c>
      <c r="FW33" s="105">
        <v>0</v>
      </c>
      <c r="FX33" s="104">
        <v>7700</v>
      </c>
      <c r="FY33" s="102">
        <v>7700</v>
      </c>
      <c r="FZ33" s="101">
        <v>0</v>
      </c>
      <c r="GA33" s="104">
        <v>5460</v>
      </c>
      <c r="GB33" s="104">
        <v>27636</v>
      </c>
      <c r="GC33" s="104">
        <v>11550</v>
      </c>
      <c r="GD33" s="104">
        <v>21350</v>
      </c>
      <c r="GE33" s="104">
        <v>0</v>
      </c>
      <c r="GF33" s="103">
        <v>65996</v>
      </c>
      <c r="GG33" s="290">
        <v>73696</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0</v>
      </c>
      <c r="HI33" s="104">
        <v>0</v>
      </c>
      <c r="HJ33" s="104">
        <v>167532</v>
      </c>
      <c r="HK33" s="104">
        <v>190511</v>
      </c>
      <c r="HL33" s="104">
        <v>0</v>
      </c>
      <c r="HM33" s="103">
        <v>358043</v>
      </c>
      <c r="HN33" s="99">
        <v>358043</v>
      </c>
      <c r="HO33" s="456">
        <v>0</v>
      </c>
      <c r="HP33" s="457">
        <v>0</v>
      </c>
      <c r="HQ33" s="458">
        <v>0</v>
      </c>
      <c r="HR33" s="459">
        <v>0</v>
      </c>
      <c r="HS33" s="457">
        <v>0</v>
      </c>
      <c r="HT33" s="457">
        <v>0</v>
      </c>
      <c r="HU33" s="457">
        <v>0</v>
      </c>
      <c r="HV33" s="457">
        <v>0</v>
      </c>
      <c r="HW33" s="457">
        <v>0</v>
      </c>
      <c r="HX33" s="460">
        <v>0</v>
      </c>
      <c r="HY33" s="461">
        <v>0</v>
      </c>
      <c r="HZ33" s="118">
        <v>0</v>
      </c>
      <c r="IA33" s="119">
        <v>0</v>
      </c>
      <c r="IB33" s="120">
        <v>0</v>
      </c>
      <c r="IC33" s="131">
        <v>0</v>
      </c>
      <c r="ID33" s="119">
        <v>143185</v>
      </c>
      <c r="IE33" s="132">
        <v>214382</v>
      </c>
      <c r="IF33" s="120">
        <v>161826</v>
      </c>
      <c r="IG33" s="119">
        <v>0</v>
      </c>
      <c r="IH33" s="120">
        <v>0</v>
      </c>
      <c r="II33" s="133">
        <v>519393</v>
      </c>
      <c r="IJ33" s="126">
        <v>519393</v>
      </c>
      <c r="IK33" s="215">
        <v>0</v>
      </c>
      <c r="IL33" s="219">
        <v>0</v>
      </c>
      <c r="IM33" s="220">
        <v>0</v>
      </c>
      <c r="IN33" s="470">
        <v>0</v>
      </c>
      <c r="IO33" s="109">
        <v>0</v>
      </c>
      <c r="IP33" s="109">
        <v>0</v>
      </c>
      <c r="IQ33" s="109">
        <v>0</v>
      </c>
      <c r="IR33" s="109">
        <v>0</v>
      </c>
      <c r="IS33" s="109">
        <v>0</v>
      </c>
      <c r="IT33" s="128">
        <v>0</v>
      </c>
      <c r="IU33" s="292">
        <v>0</v>
      </c>
      <c r="IV33" s="129">
        <v>0</v>
      </c>
      <c r="IW33" s="109">
        <v>0</v>
      </c>
      <c r="IX33" s="110">
        <v>0</v>
      </c>
      <c r="IY33" s="470">
        <v>0</v>
      </c>
      <c r="IZ33" s="109">
        <v>0</v>
      </c>
      <c r="JA33" s="109">
        <v>0</v>
      </c>
      <c r="JB33" s="109">
        <v>0</v>
      </c>
      <c r="JC33" s="109">
        <v>0</v>
      </c>
      <c r="JD33" s="109">
        <v>0</v>
      </c>
      <c r="JE33" s="110">
        <v>0</v>
      </c>
      <c r="JF33" s="111">
        <v>0</v>
      </c>
      <c r="JG33" s="129">
        <v>0</v>
      </c>
      <c r="JH33" s="109">
        <v>0</v>
      </c>
      <c r="JI33" s="128">
        <v>0</v>
      </c>
      <c r="JJ33" s="108">
        <v>0</v>
      </c>
      <c r="JK33" s="109">
        <v>143185</v>
      </c>
      <c r="JL33" s="109">
        <v>0</v>
      </c>
      <c r="JM33" s="109">
        <v>0</v>
      </c>
      <c r="JN33" s="109">
        <v>0</v>
      </c>
      <c r="JO33" s="109">
        <v>0</v>
      </c>
      <c r="JP33" s="110">
        <v>143185</v>
      </c>
      <c r="JQ33" s="292">
        <v>143185</v>
      </c>
      <c r="JR33" s="129">
        <v>0</v>
      </c>
      <c r="JS33" s="109">
        <v>0</v>
      </c>
      <c r="JT33" s="128">
        <v>0</v>
      </c>
      <c r="JU33" s="108">
        <v>0</v>
      </c>
      <c r="JV33" s="109">
        <v>0</v>
      </c>
      <c r="JW33" s="109">
        <v>0</v>
      </c>
      <c r="JX33" s="109">
        <v>0</v>
      </c>
      <c r="JY33" s="109">
        <v>0</v>
      </c>
      <c r="JZ33" s="109">
        <v>0</v>
      </c>
      <c r="KA33" s="110">
        <v>0</v>
      </c>
      <c r="KB33" s="292">
        <v>0</v>
      </c>
      <c r="KC33" s="217">
        <v>0</v>
      </c>
      <c r="KD33" s="213">
        <v>0</v>
      </c>
      <c r="KE33" s="110">
        <v>0</v>
      </c>
      <c r="KF33" s="108">
        <v>0</v>
      </c>
      <c r="KG33" s="109">
        <v>0</v>
      </c>
      <c r="KH33" s="109">
        <v>0</v>
      </c>
      <c r="KI33" s="109">
        <v>0</v>
      </c>
      <c r="KJ33" s="109">
        <v>0</v>
      </c>
      <c r="KK33" s="109">
        <v>0</v>
      </c>
      <c r="KL33" s="110">
        <v>0</v>
      </c>
      <c r="KM33" s="130">
        <v>0</v>
      </c>
      <c r="KN33" s="215">
        <v>0</v>
      </c>
      <c r="KO33" s="219">
        <v>0</v>
      </c>
      <c r="KP33" s="220">
        <v>0</v>
      </c>
      <c r="KQ33" s="470">
        <v>0</v>
      </c>
      <c r="KR33" s="109">
        <v>0</v>
      </c>
      <c r="KS33" s="109">
        <v>214382</v>
      </c>
      <c r="KT33" s="109">
        <v>161826</v>
      </c>
      <c r="KU33" s="109">
        <v>0</v>
      </c>
      <c r="KV33" s="109">
        <v>0</v>
      </c>
      <c r="KW33" s="110">
        <v>376208</v>
      </c>
      <c r="KX33" s="292">
        <v>376208</v>
      </c>
      <c r="KY33" s="129">
        <v>0</v>
      </c>
      <c r="KZ33" s="109">
        <v>0</v>
      </c>
      <c r="LA33" s="110">
        <v>0</v>
      </c>
      <c r="LB33" s="470">
        <v>0</v>
      </c>
      <c r="LC33" s="109">
        <v>0</v>
      </c>
      <c r="LD33" s="109">
        <v>0</v>
      </c>
      <c r="LE33" s="109">
        <v>0</v>
      </c>
      <c r="LF33" s="109">
        <v>0</v>
      </c>
      <c r="LG33" s="109">
        <v>0</v>
      </c>
      <c r="LH33" s="110">
        <v>0</v>
      </c>
      <c r="LI33" s="111">
        <v>0</v>
      </c>
      <c r="LJ33" s="129">
        <v>0</v>
      </c>
      <c r="LK33" s="109">
        <v>0</v>
      </c>
      <c r="LL33" s="110">
        <v>0</v>
      </c>
      <c r="LM33" s="470">
        <v>0</v>
      </c>
      <c r="LN33" s="109">
        <v>0</v>
      </c>
      <c r="LO33" s="109">
        <v>0</v>
      </c>
      <c r="LP33" s="109">
        <v>0</v>
      </c>
      <c r="LQ33" s="109">
        <v>0</v>
      </c>
      <c r="LR33" s="109">
        <v>0</v>
      </c>
      <c r="LS33" s="110">
        <v>0</v>
      </c>
      <c r="LT33" s="292">
        <v>0</v>
      </c>
      <c r="LU33" s="129">
        <v>0</v>
      </c>
      <c r="LV33" s="109">
        <v>0</v>
      </c>
      <c r="LW33" s="110">
        <v>0</v>
      </c>
      <c r="LX33" s="470">
        <v>0</v>
      </c>
      <c r="LY33" s="109">
        <v>0</v>
      </c>
      <c r="LZ33" s="109">
        <v>0</v>
      </c>
      <c r="MA33" s="109">
        <v>0</v>
      </c>
      <c r="MB33" s="109">
        <v>0</v>
      </c>
      <c r="MC33" s="109">
        <v>0</v>
      </c>
      <c r="MD33" s="110">
        <v>0</v>
      </c>
      <c r="ME33" s="111">
        <v>0</v>
      </c>
      <c r="MF33" s="129">
        <v>0</v>
      </c>
      <c r="MG33" s="109">
        <v>0</v>
      </c>
      <c r="MH33" s="110">
        <v>0</v>
      </c>
      <c r="MI33" s="470">
        <v>0</v>
      </c>
      <c r="MJ33" s="109">
        <v>0</v>
      </c>
      <c r="MK33" s="109">
        <v>0</v>
      </c>
      <c r="ML33" s="109">
        <v>44521</v>
      </c>
      <c r="MM33" s="109">
        <v>0</v>
      </c>
      <c r="MN33" s="109">
        <v>0</v>
      </c>
      <c r="MO33" s="110">
        <v>44521</v>
      </c>
      <c r="MP33" s="130">
        <v>44521</v>
      </c>
      <c r="MQ33" s="129">
        <v>0</v>
      </c>
      <c r="MR33" s="109">
        <v>0</v>
      </c>
      <c r="MS33" s="110">
        <v>0</v>
      </c>
      <c r="MT33" s="470">
        <v>0</v>
      </c>
      <c r="MU33" s="109">
        <v>0</v>
      </c>
      <c r="MV33" s="109">
        <v>0</v>
      </c>
      <c r="MW33" s="109">
        <v>0</v>
      </c>
      <c r="MX33" s="109">
        <v>0</v>
      </c>
      <c r="MY33" s="109">
        <v>0</v>
      </c>
      <c r="MZ33" s="110">
        <v>0</v>
      </c>
      <c r="NA33" s="130">
        <v>0</v>
      </c>
      <c r="NB33" s="129">
        <v>0</v>
      </c>
      <c r="NC33" s="109">
        <v>0</v>
      </c>
      <c r="ND33" s="110">
        <v>0</v>
      </c>
      <c r="NE33" s="470">
        <v>0</v>
      </c>
      <c r="NF33" s="109">
        <v>0</v>
      </c>
      <c r="NG33" s="109">
        <v>0</v>
      </c>
      <c r="NH33" s="109">
        <v>44521</v>
      </c>
      <c r="NI33" s="109">
        <v>0</v>
      </c>
      <c r="NJ33" s="109">
        <v>0</v>
      </c>
      <c r="NK33" s="110">
        <v>44521</v>
      </c>
      <c r="NL33" s="292">
        <v>44521</v>
      </c>
      <c r="NM33" s="129">
        <v>0</v>
      </c>
      <c r="NN33" s="109">
        <v>0</v>
      </c>
      <c r="NO33" s="110">
        <v>0</v>
      </c>
      <c r="NP33" s="470">
        <v>0</v>
      </c>
      <c r="NQ33" s="109">
        <v>0</v>
      </c>
      <c r="NR33" s="109">
        <v>0</v>
      </c>
      <c r="NS33" s="109">
        <v>0</v>
      </c>
      <c r="NT33" s="109">
        <v>0</v>
      </c>
      <c r="NU33" s="109">
        <v>0</v>
      </c>
      <c r="NV33" s="110">
        <v>0</v>
      </c>
      <c r="NW33" s="111">
        <v>0</v>
      </c>
      <c r="NX33" s="129">
        <v>0</v>
      </c>
      <c r="NY33" s="109">
        <v>0</v>
      </c>
      <c r="NZ33" s="110">
        <v>0</v>
      </c>
      <c r="OA33" s="470">
        <v>0</v>
      </c>
      <c r="OB33" s="109">
        <v>0</v>
      </c>
      <c r="OC33" s="109">
        <v>0</v>
      </c>
      <c r="OD33" s="109">
        <v>0</v>
      </c>
      <c r="OE33" s="109">
        <v>0</v>
      </c>
      <c r="OF33" s="109">
        <v>0</v>
      </c>
      <c r="OG33" s="110">
        <v>0</v>
      </c>
      <c r="OH33" s="111">
        <v>0</v>
      </c>
      <c r="OI33" s="129">
        <v>0</v>
      </c>
      <c r="OJ33" s="109">
        <v>7700</v>
      </c>
      <c r="OK33" s="128">
        <v>7700</v>
      </c>
      <c r="OL33" s="108">
        <v>0</v>
      </c>
      <c r="OM33" s="109">
        <v>194534</v>
      </c>
      <c r="ON33" s="109">
        <v>409446</v>
      </c>
      <c r="OO33" s="109">
        <v>639140</v>
      </c>
      <c r="OP33" s="109">
        <v>398418</v>
      </c>
      <c r="OQ33" s="109">
        <v>0</v>
      </c>
      <c r="OR33" s="110">
        <v>1641538</v>
      </c>
      <c r="OS33" s="130">
        <v>1649238</v>
      </c>
    </row>
    <row r="34" spans="2:409" ht="21" customHeight="1" x14ac:dyDescent="0.2">
      <c r="B34" s="437" t="s">
        <v>29</v>
      </c>
      <c r="C34" s="100">
        <v>0</v>
      </c>
      <c r="D34" s="104">
        <v>78246</v>
      </c>
      <c r="E34" s="103">
        <v>78246</v>
      </c>
      <c r="F34" s="99">
        <v>0</v>
      </c>
      <c r="G34" s="104">
        <v>584875</v>
      </c>
      <c r="H34" s="104">
        <v>376937</v>
      </c>
      <c r="I34" s="104">
        <v>202293</v>
      </c>
      <c r="J34" s="104">
        <v>423791</v>
      </c>
      <c r="K34" s="104">
        <v>0</v>
      </c>
      <c r="L34" s="156">
        <v>1587896</v>
      </c>
      <c r="M34" s="106">
        <v>1666142</v>
      </c>
      <c r="N34" s="100">
        <v>0</v>
      </c>
      <c r="O34" s="104">
        <v>65646</v>
      </c>
      <c r="P34" s="103">
        <v>65646</v>
      </c>
      <c r="Q34" s="100">
        <v>0</v>
      </c>
      <c r="R34" s="104">
        <v>199168</v>
      </c>
      <c r="S34" s="104">
        <v>139339</v>
      </c>
      <c r="T34" s="104">
        <v>83384</v>
      </c>
      <c r="U34" s="104">
        <v>144743</v>
      </c>
      <c r="V34" s="104">
        <v>0</v>
      </c>
      <c r="W34" s="103">
        <v>566634</v>
      </c>
      <c r="X34" s="106">
        <v>632280</v>
      </c>
      <c r="Y34" s="100">
        <v>0</v>
      </c>
      <c r="Z34" s="104">
        <v>0</v>
      </c>
      <c r="AA34" s="103">
        <v>0</v>
      </c>
      <c r="AB34" s="100">
        <v>0</v>
      </c>
      <c r="AC34" s="104">
        <v>92302</v>
      </c>
      <c r="AD34" s="104">
        <v>70963</v>
      </c>
      <c r="AE34" s="104">
        <v>0</v>
      </c>
      <c r="AF34" s="104">
        <v>109057</v>
      </c>
      <c r="AG34" s="104">
        <v>0</v>
      </c>
      <c r="AH34" s="103">
        <v>272322</v>
      </c>
      <c r="AI34" s="106">
        <v>272322</v>
      </c>
      <c r="AJ34" s="100">
        <v>0</v>
      </c>
      <c r="AK34" s="104">
        <v>0</v>
      </c>
      <c r="AL34" s="103">
        <v>0</v>
      </c>
      <c r="AM34" s="100">
        <v>0</v>
      </c>
      <c r="AN34" s="104">
        <v>0</v>
      </c>
      <c r="AO34" s="104">
        <v>0</v>
      </c>
      <c r="AP34" s="104">
        <v>0</v>
      </c>
      <c r="AQ34" s="104">
        <v>0</v>
      </c>
      <c r="AR34" s="104">
        <v>0</v>
      </c>
      <c r="AS34" s="103">
        <v>0</v>
      </c>
      <c r="AT34" s="106">
        <v>0</v>
      </c>
      <c r="AU34" s="100">
        <v>0</v>
      </c>
      <c r="AV34" s="104">
        <v>65646</v>
      </c>
      <c r="AW34" s="103">
        <v>65646</v>
      </c>
      <c r="AX34" s="100">
        <v>0</v>
      </c>
      <c r="AY34" s="104">
        <v>60288</v>
      </c>
      <c r="AZ34" s="104">
        <v>47600</v>
      </c>
      <c r="BA34" s="104">
        <v>83384</v>
      </c>
      <c r="BB34" s="104">
        <v>0</v>
      </c>
      <c r="BC34" s="104">
        <v>0</v>
      </c>
      <c r="BD34" s="103">
        <v>191272</v>
      </c>
      <c r="BE34" s="106">
        <v>256918</v>
      </c>
      <c r="BF34" s="100">
        <v>0</v>
      </c>
      <c r="BG34" s="104">
        <v>0</v>
      </c>
      <c r="BH34" s="102">
        <v>0</v>
      </c>
      <c r="BI34" s="101">
        <v>0</v>
      </c>
      <c r="BJ34" s="104">
        <v>26768</v>
      </c>
      <c r="BK34" s="104">
        <v>0</v>
      </c>
      <c r="BL34" s="104">
        <v>0</v>
      </c>
      <c r="BM34" s="104">
        <v>26768</v>
      </c>
      <c r="BN34" s="104">
        <v>0</v>
      </c>
      <c r="BO34" s="103">
        <v>53536</v>
      </c>
      <c r="BP34" s="106">
        <v>53536</v>
      </c>
      <c r="BQ34" s="100">
        <v>0</v>
      </c>
      <c r="BR34" s="104">
        <v>0</v>
      </c>
      <c r="BS34" s="103">
        <v>0</v>
      </c>
      <c r="BT34" s="100">
        <v>0</v>
      </c>
      <c r="BU34" s="104">
        <v>19810</v>
      </c>
      <c r="BV34" s="104">
        <v>20776</v>
      </c>
      <c r="BW34" s="104">
        <v>0</v>
      </c>
      <c r="BX34" s="104">
        <v>8918</v>
      </c>
      <c r="BY34" s="104">
        <v>0</v>
      </c>
      <c r="BZ34" s="103">
        <v>49504</v>
      </c>
      <c r="CA34" s="106">
        <v>49504</v>
      </c>
      <c r="CB34" s="100">
        <v>0</v>
      </c>
      <c r="CC34" s="104">
        <v>0</v>
      </c>
      <c r="CD34" s="103">
        <v>0</v>
      </c>
      <c r="CE34" s="100">
        <v>0</v>
      </c>
      <c r="CF34" s="104">
        <v>231313</v>
      </c>
      <c r="CG34" s="104">
        <v>77637</v>
      </c>
      <c r="CH34" s="104">
        <v>74879</v>
      </c>
      <c r="CI34" s="104">
        <v>50823</v>
      </c>
      <c r="CJ34" s="104">
        <v>0</v>
      </c>
      <c r="CK34" s="103">
        <v>434652</v>
      </c>
      <c r="CL34" s="106">
        <v>434652</v>
      </c>
      <c r="CM34" s="100">
        <v>0</v>
      </c>
      <c r="CN34" s="104">
        <v>0</v>
      </c>
      <c r="CO34" s="103">
        <v>0</v>
      </c>
      <c r="CP34" s="101">
        <v>0</v>
      </c>
      <c r="CQ34" s="104">
        <v>141876</v>
      </c>
      <c r="CR34" s="104">
        <v>77637</v>
      </c>
      <c r="CS34" s="104">
        <v>0</v>
      </c>
      <c r="CT34" s="104">
        <v>0</v>
      </c>
      <c r="CU34" s="104">
        <v>0</v>
      </c>
      <c r="CV34" s="103">
        <v>219513</v>
      </c>
      <c r="CW34" s="106">
        <v>219513</v>
      </c>
      <c r="CX34" s="100">
        <v>0</v>
      </c>
      <c r="CY34" s="104">
        <v>0</v>
      </c>
      <c r="CZ34" s="103">
        <v>0</v>
      </c>
      <c r="DA34" s="100">
        <v>0</v>
      </c>
      <c r="DB34" s="104">
        <v>89437</v>
      </c>
      <c r="DC34" s="104">
        <v>0</v>
      </c>
      <c r="DD34" s="104">
        <v>74879</v>
      </c>
      <c r="DE34" s="104">
        <v>50823</v>
      </c>
      <c r="DF34" s="104">
        <v>0</v>
      </c>
      <c r="DG34" s="103">
        <v>215139</v>
      </c>
      <c r="DH34" s="106">
        <v>215139</v>
      </c>
      <c r="DI34" s="100">
        <v>0</v>
      </c>
      <c r="DJ34" s="104">
        <v>0</v>
      </c>
      <c r="DK34" s="102">
        <v>0</v>
      </c>
      <c r="DL34" s="101">
        <v>0</v>
      </c>
      <c r="DM34" s="104">
        <v>14896</v>
      </c>
      <c r="DN34" s="104">
        <v>0</v>
      </c>
      <c r="DO34" s="104">
        <v>0</v>
      </c>
      <c r="DP34" s="104">
        <v>0</v>
      </c>
      <c r="DQ34" s="104">
        <v>0</v>
      </c>
      <c r="DR34" s="103">
        <v>14896</v>
      </c>
      <c r="DS34" s="106">
        <v>14896</v>
      </c>
      <c r="DT34" s="100">
        <v>0</v>
      </c>
      <c r="DU34" s="104">
        <v>0</v>
      </c>
      <c r="DV34" s="103">
        <v>0</v>
      </c>
      <c r="DW34" s="100">
        <v>0</v>
      </c>
      <c r="DX34" s="104">
        <v>0</v>
      </c>
      <c r="DY34" s="104">
        <v>0</v>
      </c>
      <c r="DZ34" s="104">
        <v>0</v>
      </c>
      <c r="EA34" s="104">
        <v>0</v>
      </c>
      <c r="EB34" s="104">
        <v>0</v>
      </c>
      <c r="EC34" s="103">
        <v>0</v>
      </c>
      <c r="ED34" s="106">
        <v>0</v>
      </c>
      <c r="EE34" s="100">
        <v>0</v>
      </c>
      <c r="EF34" s="102">
        <v>0</v>
      </c>
      <c r="EG34" s="103">
        <v>0</v>
      </c>
      <c r="EH34" s="100">
        <v>0</v>
      </c>
      <c r="EI34" s="104">
        <v>14896</v>
      </c>
      <c r="EJ34" s="104">
        <v>0</v>
      </c>
      <c r="EK34" s="104">
        <v>0</v>
      </c>
      <c r="EL34" s="104">
        <v>0</v>
      </c>
      <c r="EM34" s="104">
        <v>0</v>
      </c>
      <c r="EN34" s="102">
        <v>14896</v>
      </c>
      <c r="EO34" s="106">
        <v>14896</v>
      </c>
      <c r="EP34" s="100">
        <v>0</v>
      </c>
      <c r="EQ34" s="104">
        <v>0</v>
      </c>
      <c r="ER34" s="102">
        <v>0</v>
      </c>
      <c r="ES34" s="101">
        <v>0</v>
      </c>
      <c r="ET34" s="104">
        <v>0</v>
      </c>
      <c r="EU34" s="104">
        <v>0</v>
      </c>
      <c r="EV34" s="104">
        <v>0</v>
      </c>
      <c r="EW34" s="104">
        <v>0</v>
      </c>
      <c r="EX34" s="104">
        <v>0</v>
      </c>
      <c r="EY34" s="103">
        <v>0</v>
      </c>
      <c r="EZ34" s="106">
        <v>0</v>
      </c>
      <c r="FA34" s="100">
        <v>0</v>
      </c>
      <c r="FB34" s="104">
        <v>0</v>
      </c>
      <c r="FC34" s="102">
        <v>0</v>
      </c>
      <c r="FD34" s="470">
        <v>0</v>
      </c>
      <c r="FE34" s="104">
        <v>0</v>
      </c>
      <c r="FF34" s="104">
        <v>0</v>
      </c>
      <c r="FG34" s="104">
        <v>0</v>
      </c>
      <c r="FH34" s="104">
        <v>0</v>
      </c>
      <c r="FI34" s="104">
        <v>0</v>
      </c>
      <c r="FJ34" s="103">
        <v>0</v>
      </c>
      <c r="FK34" s="106">
        <v>0</v>
      </c>
      <c r="FL34" s="100">
        <v>0</v>
      </c>
      <c r="FM34" s="104">
        <v>12600</v>
      </c>
      <c r="FN34" s="103">
        <v>12600</v>
      </c>
      <c r="FO34" s="100">
        <v>0</v>
      </c>
      <c r="FP34" s="104">
        <v>4200</v>
      </c>
      <c r="FQ34" s="104">
        <v>3150</v>
      </c>
      <c r="FR34" s="104">
        <v>44030</v>
      </c>
      <c r="FS34" s="104">
        <v>42308</v>
      </c>
      <c r="FT34" s="104">
        <v>0</v>
      </c>
      <c r="FU34" s="103">
        <v>93688</v>
      </c>
      <c r="FV34" s="106">
        <v>106288</v>
      </c>
      <c r="FW34" s="105">
        <v>0</v>
      </c>
      <c r="FX34" s="104">
        <v>12600</v>
      </c>
      <c r="FY34" s="102">
        <v>12600</v>
      </c>
      <c r="FZ34" s="101">
        <v>0</v>
      </c>
      <c r="GA34" s="104">
        <v>4200</v>
      </c>
      <c r="GB34" s="104">
        <v>3150</v>
      </c>
      <c r="GC34" s="104">
        <v>44030</v>
      </c>
      <c r="GD34" s="104">
        <v>42308</v>
      </c>
      <c r="GE34" s="104">
        <v>0</v>
      </c>
      <c r="GF34" s="103">
        <v>93688</v>
      </c>
      <c r="GG34" s="290">
        <v>106288</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0</v>
      </c>
      <c r="GZ34" s="104">
        <v>0</v>
      </c>
      <c r="HA34" s="104">
        <v>0</v>
      </c>
      <c r="HB34" s="102">
        <v>0</v>
      </c>
      <c r="HC34" s="106">
        <v>0</v>
      </c>
      <c r="HD34" s="100">
        <v>0</v>
      </c>
      <c r="HE34" s="104">
        <v>0</v>
      </c>
      <c r="HF34" s="102">
        <v>0</v>
      </c>
      <c r="HG34" s="101">
        <v>0</v>
      </c>
      <c r="HH34" s="104">
        <v>135298</v>
      </c>
      <c r="HI34" s="104">
        <v>156811</v>
      </c>
      <c r="HJ34" s="104">
        <v>0</v>
      </c>
      <c r="HK34" s="104">
        <v>185917</v>
      </c>
      <c r="HL34" s="104">
        <v>0</v>
      </c>
      <c r="HM34" s="103">
        <v>478026</v>
      </c>
      <c r="HN34" s="99">
        <v>478026</v>
      </c>
      <c r="HO34" s="456">
        <v>0</v>
      </c>
      <c r="HP34" s="457">
        <v>0</v>
      </c>
      <c r="HQ34" s="458">
        <v>0</v>
      </c>
      <c r="HR34" s="459">
        <v>0</v>
      </c>
      <c r="HS34" s="457">
        <v>0</v>
      </c>
      <c r="HT34" s="457">
        <v>0</v>
      </c>
      <c r="HU34" s="457">
        <v>0</v>
      </c>
      <c r="HV34" s="457">
        <v>0</v>
      </c>
      <c r="HW34" s="457">
        <v>0</v>
      </c>
      <c r="HX34" s="460">
        <v>0</v>
      </c>
      <c r="HY34" s="461">
        <v>0</v>
      </c>
      <c r="HZ34" s="135">
        <v>0</v>
      </c>
      <c r="IA34" s="122">
        <v>0</v>
      </c>
      <c r="IB34" s="135">
        <v>0</v>
      </c>
      <c r="IC34" s="121">
        <v>0</v>
      </c>
      <c r="ID34" s="122">
        <v>335038</v>
      </c>
      <c r="IE34" s="123">
        <v>306369</v>
      </c>
      <c r="IF34" s="124">
        <v>0</v>
      </c>
      <c r="IG34" s="122">
        <v>237442</v>
      </c>
      <c r="IH34" s="124">
        <v>0</v>
      </c>
      <c r="II34" s="125">
        <v>878849</v>
      </c>
      <c r="IJ34" s="135">
        <v>878849</v>
      </c>
      <c r="IK34" s="215">
        <v>0</v>
      </c>
      <c r="IL34" s="219">
        <v>0</v>
      </c>
      <c r="IM34" s="220">
        <v>0</v>
      </c>
      <c r="IN34" s="470">
        <v>0</v>
      </c>
      <c r="IO34" s="109">
        <v>54005</v>
      </c>
      <c r="IP34" s="109">
        <v>0</v>
      </c>
      <c r="IQ34" s="109">
        <v>0</v>
      </c>
      <c r="IR34" s="109">
        <v>0</v>
      </c>
      <c r="IS34" s="109">
        <v>0</v>
      </c>
      <c r="IT34" s="128">
        <v>54005</v>
      </c>
      <c r="IU34" s="292">
        <v>54005</v>
      </c>
      <c r="IV34" s="129">
        <v>0</v>
      </c>
      <c r="IW34" s="109">
        <v>0</v>
      </c>
      <c r="IX34" s="110">
        <v>0</v>
      </c>
      <c r="IY34" s="470">
        <v>0</v>
      </c>
      <c r="IZ34" s="109">
        <v>0</v>
      </c>
      <c r="JA34" s="109">
        <v>0</v>
      </c>
      <c r="JB34" s="109">
        <v>0</v>
      </c>
      <c r="JC34" s="109">
        <v>0</v>
      </c>
      <c r="JD34" s="109">
        <v>0</v>
      </c>
      <c r="JE34" s="110">
        <v>0</v>
      </c>
      <c r="JF34" s="111">
        <v>0</v>
      </c>
      <c r="JG34" s="129">
        <v>0</v>
      </c>
      <c r="JH34" s="109">
        <v>0</v>
      </c>
      <c r="JI34" s="128">
        <v>0</v>
      </c>
      <c r="JJ34" s="108">
        <v>0</v>
      </c>
      <c r="JK34" s="109">
        <v>52371</v>
      </c>
      <c r="JL34" s="109">
        <v>0</v>
      </c>
      <c r="JM34" s="109">
        <v>0</v>
      </c>
      <c r="JN34" s="109">
        <v>10131</v>
      </c>
      <c r="JO34" s="109">
        <v>0</v>
      </c>
      <c r="JP34" s="110">
        <v>62502</v>
      </c>
      <c r="JQ34" s="292">
        <v>62502</v>
      </c>
      <c r="JR34" s="129">
        <v>0</v>
      </c>
      <c r="JS34" s="109">
        <v>0</v>
      </c>
      <c r="JT34" s="128">
        <v>0</v>
      </c>
      <c r="JU34" s="108">
        <v>0</v>
      </c>
      <c r="JV34" s="109">
        <v>0</v>
      </c>
      <c r="JW34" s="109">
        <v>0</v>
      </c>
      <c r="JX34" s="109">
        <v>0</v>
      </c>
      <c r="JY34" s="109">
        <v>0</v>
      </c>
      <c r="JZ34" s="109">
        <v>0</v>
      </c>
      <c r="KA34" s="110">
        <v>0</v>
      </c>
      <c r="KB34" s="292">
        <v>0</v>
      </c>
      <c r="KC34" s="217">
        <v>0</v>
      </c>
      <c r="KD34" s="213">
        <v>0</v>
      </c>
      <c r="KE34" s="110">
        <v>0</v>
      </c>
      <c r="KF34" s="108">
        <v>0</v>
      </c>
      <c r="KG34" s="109">
        <v>228662</v>
      </c>
      <c r="KH34" s="109">
        <v>306369</v>
      </c>
      <c r="KI34" s="109">
        <v>0</v>
      </c>
      <c r="KJ34" s="109">
        <v>0</v>
      </c>
      <c r="KK34" s="109">
        <v>0</v>
      </c>
      <c r="KL34" s="110">
        <v>535031</v>
      </c>
      <c r="KM34" s="130">
        <v>535031</v>
      </c>
      <c r="KN34" s="215">
        <v>0</v>
      </c>
      <c r="KO34" s="219">
        <v>0</v>
      </c>
      <c r="KP34" s="220">
        <v>0</v>
      </c>
      <c r="KQ34" s="470">
        <v>0</v>
      </c>
      <c r="KR34" s="109">
        <v>0</v>
      </c>
      <c r="KS34" s="109">
        <v>0</v>
      </c>
      <c r="KT34" s="109">
        <v>0</v>
      </c>
      <c r="KU34" s="109">
        <v>0</v>
      </c>
      <c r="KV34" s="109">
        <v>0</v>
      </c>
      <c r="KW34" s="110">
        <v>0</v>
      </c>
      <c r="KX34" s="292">
        <v>0</v>
      </c>
      <c r="KY34" s="129">
        <v>0</v>
      </c>
      <c r="KZ34" s="109">
        <v>0</v>
      </c>
      <c r="LA34" s="110">
        <v>0</v>
      </c>
      <c r="LB34" s="470">
        <v>0</v>
      </c>
      <c r="LC34" s="109">
        <v>0</v>
      </c>
      <c r="LD34" s="109">
        <v>0</v>
      </c>
      <c r="LE34" s="109">
        <v>0</v>
      </c>
      <c r="LF34" s="109">
        <v>0</v>
      </c>
      <c r="LG34" s="109">
        <v>0</v>
      </c>
      <c r="LH34" s="110">
        <v>0</v>
      </c>
      <c r="LI34" s="111">
        <v>0</v>
      </c>
      <c r="LJ34" s="129">
        <v>0</v>
      </c>
      <c r="LK34" s="109">
        <v>0</v>
      </c>
      <c r="LL34" s="110">
        <v>0</v>
      </c>
      <c r="LM34" s="470">
        <v>0</v>
      </c>
      <c r="LN34" s="109">
        <v>0</v>
      </c>
      <c r="LO34" s="109">
        <v>0</v>
      </c>
      <c r="LP34" s="109">
        <v>0</v>
      </c>
      <c r="LQ34" s="109">
        <v>227311</v>
      </c>
      <c r="LR34" s="109">
        <v>0</v>
      </c>
      <c r="LS34" s="110">
        <v>227311</v>
      </c>
      <c r="LT34" s="292">
        <v>227311</v>
      </c>
      <c r="LU34" s="129">
        <v>0</v>
      </c>
      <c r="LV34" s="109">
        <v>0</v>
      </c>
      <c r="LW34" s="110">
        <v>0</v>
      </c>
      <c r="LX34" s="470">
        <v>0</v>
      </c>
      <c r="LY34" s="109">
        <v>0</v>
      </c>
      <c r="LZ34" s="109">
        <v>0</v>
      </c>
      <c r="MA34" s="109">
        <v>0</v>
      </c>
      <c r="MB34" s="109">
        <v>0</v>
      </c>
      <c r="MC34" s="109">
        <v>0</v>
      </c>
      <c r="MD34" s="110">
        <v>0</v>
      </c>
      <c r="ME34" s="111">
        <v>0</v>
      </c>
      <c r="MF34" s="129">
        <v>0</v>
      </c>
      <c r="MG34" s="109">
        <v>0</v>
      </c>
      <c r="MH34" s="110">
        <v>0</v>
      </c>
      <c r="MI34" s="470">
        <v>0</v>
      </c>
      <c r="MJ34" s="109">
        <v>0</v>
      </c>
      <c r="MK34" s="109">
        <v>0</v>
      </c>
      <c r="ML34" s="109">
        <v>0</v>
      </c>
      <c r="MM34" s="109">
        <v>488202</v>
      </c>
      <c r="MN34" s="109">
        <v>260386</v>
      </c>
      <c r="MO34" s="110">
        <v>748588</v>
      </c>
      <c r="MP34" s="130">
        <v>748588</v>
      </c>
      <c r="MQ34" s="129">
        <v>0</v>
      </c>
      <c r="MR34" s="109">
        <v>0</v>
      </c>
      <c r="MS34" s="110">
        <v>0</v>
      </c>
      <c r="MT34" s="470">
        <v>0</v>
      </c>
      <c r="MU34" s="109">
        <v>0</v>
      </c>
      <c r="MV34" s="109">
        <v>0</v>
      </c>
      <c r="MW34" s="109">
        <v>0</v>
      </c>
      <c r="MX34" s="109">
        <v>241548</v>
      </c>
      <c r="MY34" s="109">
        <v>0</v>
      </c>
      <c r="MZ34" s="110">
        <v>241548</v>
      </c>
      <c r="NA34" s="130">
        <v>241548</v>
      </c>
      <c r="NB34" s="129">
        <v>0</v>
      </c>
      <c r="NC34" s="109">
        <v>0</v>
      </c>
      <c r="ND34" s="110">
        <v>0</v>
      </c>
      <c r="NE34" s="470">
        <v>0</v>
      </c>
      <c r="NF34" s="109">
        <v>0</v>
      </c>
      <c r="NG34" s="109">
        <v>0</v>
      </c>
      <c r="NH34" s="109">
        <v>0</v>
      </c>
      <c r="NI34" s="109">
        <v>246654</v>
      </c>
      <c r="NJ34" s="109">
        <v>260386</v>
      </c>
      <c r="NK34" s="110">
        <v>507040</v>
      </c>
      <c r="NL34" s="292">
        <v>507040</v>
      </c>
      <c r="NM34" s="129">
        <v>0</v>
      </c>
      <c r="NN34" s="109">
        <v>0</v>
      </c>
      <c r="NO34" s="110">
        <v>0</v>
      </c>
      <c r="NP34" s="470">
        <v>0</v>
      </c>
      <c r="NQ34" s="109">
        <v>0</v>
      </c>
      <c r="NR34" s="109">
        <v>0</v>
      </c>
      <c r="NS34" s="109">
        <v>0</v>
      </c>
      <c r="NT34" s="109">
        <v>0</v>
      </c>
      <c r="NU34" s="109">
        <v>0</v>
      </c>
      <c r="NV34" s="110">
        <v>0</v>
      </c>
      <c r="NW34" s="111">
        <v>0</v>
      </c>
      <c r="NX34" s="129">
        <v>0</v>
      </c>
      <c r="NY34" s="109">
        <v>0</v>
      </c>
      <c r="NZ34" s="110">
        <v>0</v>
      </c>
      <c r="OA34" s="470">
        <v>0</v>
      </c>
      <c r="OB34" s="109">
        <v>0</v>
      </c>
      <c r="OC34" s="109">
        <v>0</v>
      </c>
      <c r="OD34" s="109">
        <v>0</v>
      </c>
      <c r="OE34" s="109">
        <v>0</v>
      </c>
      <c r="OF34" s="109">
        <v>0</v>
      </c>
      <c r="OG34" s="110">
        <v>0</v>
      </c>
      <c r="OH34" s="111">
        <v>0</v>
      </c>
      <c r="OI34" s="129">
        <v>0</v>
      </c>
      <c r="OJ34" s="109">
        <v>78246</v>
      </c>
      <c r="OK34" s="128">
        <v>78246</v>
      </c>
      <c r="OL34" s="108">
        <v>0</v>
      </c>
      <c r="OM34" s="109">
        <v>919913</v>
      </c>
      <c r="ON34" s="109">
        <v>683306</v>
      </c>
      <c r="OO34" s="109">
        <v>202293</v>
      </c>
      <c r="OP34" s="109">
        <v>1149435</v>
      </c>
      <c r="OQ34" s="109">
        <v>260386</v>
      </c>
      <c r="OR34" s="110">
        <v>3215333</v>
      </c>
      <c r="OS34" s="130">
        <v>3293579</v>
      </c>
    </row>
    <row r="35" spans="2:409" ht="21" customHeight="1" x14ac:dyDescent="0.2">
      <c r="B35" s="437" t="s">
        <v>30</v>
      </c>
      <c r="C35" s="100">
        <v>8190</v>
      </c>
      <c r="D35" s="104">
        <v>0</v>
      </c>
      <c r="E35" s="157">
        <v>8190</v>
      </c>
      <c r="F35" s="158">
        <v>0</v>
      </c>
      <c r="G35" s="159">
        <v>619273</v>
      </c>
      <c r="H35" s="159">
        <v>360164</v>
      </c>
      <c r="I35" s="159">
        <v>588441</v>
      </c>
      <c r="J35" s="159">
        <v>248121</v>
      </c>
      <c r="K35" s="159">
        <v>0</v>
      </c>
      <c r="L35" s="160">
        <v>1815999</v>
      </c>
      <c r="M35" s="106">
        <v>1824189</v>
      </c>
      <c r="N35" s="100">
        <v>0</v>
      </c>
      <c r="O35" s="104">
        <v>0</v>
      </c>
      <c r="P35" s="103">
        <v>0</v>
      </c>
      <c r="Q35" s="100">
        <v>0</v>
      </c>
      <c r="R35" s="104">
        <v>180617</v>
      </c>
      <c r="S35" s="104">
        <v>82207</v>
      </c>
      <c r="T35" s="104">
        <v>81585</v>
      </c>
      <c r="U35" s="104">
        <v>70441</v>
      </c>
      <c r="V35" s="104">
        <v>0</v>
      </c>
      <c r="W35" s="103">
        <v>414850</v>
      </c>
      <c r="X35" s="106">
        <v>414850</v>
      </c>
      <c r="Y35" s="100">
        <v>0</v>
      </c>
      <c r="Z35" s="104">
        <v>0</v>
      </c>
      <c r="AA35" s="103">
        <v>0</v>
      </c>
      <c r="AB35" s="100">
        <v>0</v>
      </c>
      <c r="AC35" s="104">
        <v>68537</v>
      </c>
      <c r="AD35" s="104">
        <v>26763</v>
      </c>
      <c r="AE35" s="104">
        <v>0</v>
      </c>
      <c r="AF35" s="104">
        <v>70441</v>
      </c>
      <c r="AG35" s="104">
        <v>0</v>
      </c>
      <c r="AH35" s="103">
        <v>165741</v>
      </c>
      <c r="AI35" s="106">
        <v>165741</v>
      </c>
      <c r="AJ35" s="100">
        <v>0</v>
      </c>
      <c r="AK35" s="104">
        <v>0</v>
      </c>
      <c r="AL35" s="103">
        <v>0</v>
      </c>
      <c r="AM35" s="100">
        <v>0</v>
      </c>
      <c r="AN35" s="104">
        <v>39846</v>
      </c>
      <c r="AO35" s="104">
        <v>0</v>
      </c>
      <c r="AP35" s="104">
        <v>39802</v>
      </c>
      <c r="AQ35" s="104">
        <v>0</v>
      </c>
      <c r="AR35" s="104">
        <v>0</v>
      </c>
      <c r="AS35" s="103">
        <v>79648</v>
      </c>
      <c r="AT35" s="106">
        <v>79648</v>
      </c>
      <c r="AU35" s="100">
        <v>0</v>
      </c>
      <c r="AV35" s="104">
        <v>0</v>
      </c>
      <c r="AW35" s="103">
        <v>0</v>
      </c>
      <c r="AX35" s="100">
        <v>0</v>
      </c>
      <c r="AY35" s="104">
        <v>50338</v>
      </c>
      <c r="AZ35" s="104">
        <v>0</v>
      </c>
      <c r="BA35" s="104">
        <v>28924</v>
      </c>
      <c r="BB35" s="104">
        <v>0</v>
      </c>
      <c r="BC35" s="104">
        <v>0</v>
      </c>
      <c r="BD35" s="103">
        <v>79262</v>
      </c>
      <c r="BE35" s="106">
        <v>79262</v>
      </c>
      <c r="BF35" s="100">
        <v>0</v>
      </c>
      <c r="BG35" s="104">
        <v>0</v>
      </c>
      <c r="BH35" s="102">
        <v>0</v>
      </c>
      <c r="BI35" s="101">
        <v>0</v>
      </c>
      <c r="BJ35" s="104">
        <v>0</v>
      </c>
      <c r="BK35" s="104">
        <v>41892</v>
      </c>
      <c r="BL35" s="104">
        <v>0</v>
      </c>
      <c r="BM35" s="104">
        <v>0</v>
      </c>
      <c r="BN35" s="104">
        <v>0</v>
      </c>
      <c r="BO35" s="103">
        <v>41892</v>
      </c>
      <c r="BP35" s="106">
        <v>41892</v>
      </c>
      <c r="BQ35" s="100">
        <v>0</v>
      </c>
      <c r="BR35" s="104">
        <v>0</v>
      </c>
      <c r="BS35" s="103">
        <v>0</v>
      </c>
      <c r="BT35" s="100">
        <v>0</v>
      </c>
      <c r="BU35" s="104">
        <v>21896</v>
      </c>
      <c r="BV35" s="104">
        <v>13552</v>
      </c>
      <c r="BW35" s="104">
        <v>12859</v>
      </c>
      <c r="BX35" s="104">
        <v>0</v>
      </c>
      <c r="BY35" s="104">
        <v>0</v>
      </c>
      <c r="BZ35" s="103">
        <v>48307</v>
      </c>
      <c r="CA35" s="106">
        <v>48307</v>
      </c>
      <c r="CB35" s="100">
        <v>0</v>
      </c>
      <c r="CC35" s="104">
        <v>0</v>
      </c>
      <c r="CD35" s="103">
        <v>0</v>
      </c>
      <c r="CE35" s="100">
        <v>0</v>
      </c>
      <c r="CF35" s="104">
        <v>205476</v>
      </c>
      <c r="CG35" s="104">
        <v>21896</v>
      </c>
      <c r="CH35" s="104">
        <v>20258</v>
      </c>
      <c r="CI35" s="104">
        <v>83605</v>
      </c>
      <c r="CJ35" s="104">
        <v>0</v>
      </c>
      <c r="CK35" s="103">
        <v>331235</v>
      </c>
      <c r="CL35" s="106">
        <v>331235</v>
      </c>
      <c r="CM35" s="100">
        <v>0</v>
      </c>
      <c r="CN35" s="104">
        <v>0</v>
      </c>
      <c r="CO35" s="103">
        <v>0</v>
      </c>
      <c r="CP35" s="101">
        <v>0</v>
      </c>
      <c r="CQ35" s="104">
        <v>159936</v>
      </c>
      <c r="CR35" s="104">
        <v>21896</v>
      </c>
      <c r="CS35" s="104">
        <v>20258</v>
      </c>
      <c r="CT35" s="104">
        <v>0</v>
      </c>
      <c r="CU35" s="104">
        <v>0</v>
      </c>
      <c r="CV35" s="103">
        <v>202090</v>
      </c>
      <c r="CW35" s="106">
        <v>202090</v>
      </c>
      <c r="CX35" s="100">
        <v>0</v>
      </c>
      <c r="CY35" s="104">
        <v>0</v>
      </c>
      <c r="CZ35" s="103">
        <v>0</v>
      </c>
      <c r="DA35" s="100">
        <v>0</v>
      </c>
      <c r="DB35" s="104">
        <v>45540</v>
      </c>
      <c r="DC35" s="104">
        <v>0</v>
      </c>
      <c r="DD35" s="104">
        <v>0</v>
      </c>
      <c r="DE35" s="104">
        <v>83605</v>
      </c>
      <c r="DF35" s="104">
        <v>0</v>
      </c>
      <c r="DG35" s="103">
        <v>129145</v>
      </c>
      <c r="DH35" s="106">
        <v>129145</v>
      </c>
      <c r="DI35" s="100">
        <v>0</v>
      </c>
      <c r="DJ35" s="104">
        <v>0</v>
      </c>
      <c r="DK35" s="102">
        <v>0</v>
      </c>
      <c r="DL35" s="101">
        <v>0</v>
      </c>
      <c r="DM35" s="104">
        <v>0</v>
      </c>
      <c r="DN35" s="104">
        <v>62113</v>
      </c>
      <c r="DO35" s="104">
        <v>22316</v>
      </c>
      <c r="DP35" s="104">
        <v>71745</v>
      </c>
      <c r="DQ35" s="104">
        <v>0</v>
      </c>
      <c r="DR35" s="103">
        <v>156174</v>
      </c>
      <c r="DS35" s="106">
        <v>156174</v>
      </c>
      <c r="DT35" s="100">
        <v>0</v>
      </c>
      <c r="DU35" s="104">
        <v>0</v>
      </c>
      <c r="DV35" s="103">
        <v>0</v>
      </c>
      <c r="DW35" s="100">
        <v>0</v>
      </c>
      <c r="DX35" s="104">
        <v>0</v>
      </c>
      <c r="DY35" s="104">
        <v>62113</v>
      </c>
      <c r="DZ35" s="104">
        <v>22316</v>
      </c>
      <c r="EA35" s="104">
        <v>71745</v>
      </c>
      <c r="EB35" s="104">
        <v>0</v>
      </c>
      <c r="EC35" s="103">
        <v>156174</v>
      </c>
      <c r="ED35" s="106">
        <v>156174</v>
      </c>
      <c r="EE35" s="100">
        <v>0</v>
      </c>
      <c r="EF35" s="102">
        <v>0</v>
      </c>
      <c r="EG35" s="103">
        <v>0</v>
      </c>
      <c r="EH35" s="100">
        <v>0</v>
      </c>
      <c r="EI35" s="104">
        <v>0</v>
      </c>
      <c r="EJ35" s="104">
        <v>0</v>
      </c>
      <c r="EK35" s="104">
        <v>0</v>
      </c>
      <c r="EL35" s="104">
        <v>0</v>
      </c>
      <c r="EM35" s="104">
        <v>0</v>
      </c>
      <c r="EN35" s="102">
        <v>0</v>
      </c>
      <c r="EO35" s="106">
        <v>0</v>
      </c>
      <c r="EP35" s="100">
        <v>0</v>
      </c>
      <c r="EQ35" s="104">
        <v>0</v>
      </c>
      <c r="ER35" s="102">
        <v>0</v>
      </c>
      <c r="ES35" s="101">
        <v>0</v>
      </c>
      <c r="ET35" s="104">
        <v>0</v>
      </c>
      <c r="EU35" s="104">
        <v>0</v>
      </c>
      <c r="EV35" s="104">
        <v>0</v>
      </c>
      <c r="EW35" s="104">
        <v>0</v>
      </c>
      <c r="EX35" s="104">
        <v>0</v>
      </c>
      <c r="EY35" s="103">
        <v>0</v>
      </c>
      <c r="EZ35" s="106">
        <v>0</v>
      </c>
      <c r="FA35" s="100">
        <v>0</v>
      </c>
      <c r="FB35" s="104">
        <v>0</v>
      </c>
      <c r="FC35" s="102">
        <v>0</v>
      </c>
      <c r="FD35" s="470">
        <v>0</v>
      </c>
      <c r="FE35" s="104">
        <v>0</v>
      </c>
      <c r="FF35" s="104">
        <v>0</v>
      </c>
      <c r="FG35" s="104">
        <v>0</v>
      </c>
      <c r="FH35" s="104">
        <v>0</v>
      </c>
      <c r="FI35" s="104">
        <v>0</v>
      </c>
      <c r="FJ35" s="103">
        <v>0</v>
      </c>
      <c r="FK35" s="106">
        <v>0</v>
      </c>
      <c r="FL35" s="100">
        <v>8190</v>
      </c>
      <c r="FM35" s="104">
        <v>0</v>
      </c>
      <c r="FN35" s="103">
        <v>8190</v>
      </c>
      <c r="FO35" s="100">
        <v>0</v>
      </c>
      <c r="FP35" s="104">
        <v>3500</v>
      </c>
      <c r="FQ35" s="104">
        <v>28476</v>
      </c>
      <c r="FR35" s="104">
        <v>27090</v>
      </c>
      <c r="FS35" s="104">
        <v>22330</v>
      </c>
      <c r="FT35" s="104">
        <v>0</v>
      </c>
      <c r="FU35" s="103">
        <v>81396</v>
      </c>
      <c r="FV35" s="106">
        <v>89586</v>
      </c>
      <c r="FW35" s="105">
        <v>8190</v>
      </c>
      <c r="FX35" s="104">
        <v>0</v>
      </c>
      <c r="FY35" s="102">
        <v>8190</v>
      </c>
      <c r="FZ35" s="101">
        <v>0</v>
      </c>
      <c r="GA35" s="104">
        <v>3500</v>
      </c>
      <c r="GB35" s="104">
        <v>28476</v>
      </c>
      <c r="GC35" s="104">
        <v>27090</v>
      </c>
      <c r="GD35" s="104">
        <v>22330</v>
      </c>
      <c r="GE35" s="104">
        <v>0</v>
      </c>
      <c r="GF35" s="103">
        <v>81396</v>
      </c>
      <c r="GG35" s="290">
        <v>89586</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229680</v>
      </c>
      <c r="HI35" s="104">
        <v>165472</v>
      </c>
      <c r="HJ35" s="104">
        <v>437192</v>
      </c>
      <c r="HK35" s="104">
        <v>0</v>
      </c>
      <c r="HL35" s="104">
        <v>0</v>
      </c>
      <c r="HM35" s="103">
        <v>832344</v>
      </c>
      <c r="HN35" s="99">
        <v>832344</v>
      </c>
      <c r="HO35" s="456">
        <v>0</v>
      </c>
      <c r="HP35" s="457">
        <v>0</v>
      </c>
      <c r="HQ35" s="458">
        <v>0</v>
      </c>
      <c r="HR35" s="459">
        <v>0</v>
      </c>
      <c r="HS35" s="457">
        <v>0</v>
      </c>
      <c r="HT35" s="457">
        <v>0</v>
      </c>
      <c r="HU35" s="457">
        <v>0</v>
      </c>
      <c r="HV35" s="457">
        <v>0</v>
      </c>
      <c r="HW35" s="457">
        <v>0</v>
      </c>
      <c r="HX35" s="460">
        <v>0</v>
      </c>
      <c r="HY35" s="461">
        <v>0</v>
      </c>
      <c r="HZ35" s="118">
        <v>0</v>
      </c>
      <c r="IA35" s="119">
        <v>0</v>
      </c>
      <c r="IB35" s="120">
        <v>0</v>
      </c>
      <c r="IC35" s="131">
        <v>0</v>
      </c>
      <c r="ID35" s="119">
        <v>48748</v>
      </c>
      <c r="IE35" s="132">
        <v>47096</v>
      </c>
      <c r="IF35" s="120">
        <v>0</v>
      </c>
      <c r="IG35" s="119">
        <v>0</v>
      </c>
      <c r="IH35" s="120">
        <v>0</v>
      </c>
      <c r="II35" s="133">
        <v>95844</v>
      </c>
      <c r="IJ35" s="126">
        <v>95844</v>
      </c>
      <c r="IK35" s="215">
        <v>0</v>
      </c>
      <c r="IL35" s="219">
        <v>0</v>
      </c>
      <c r="IM35" s="220">
        <v>0</v>
      </c>
      <c r="IN35" s="470">
        <v>0</v>
      </c>
      <c r="IO35" s="109">
        <v>0</v>
      </c>
      <c r="IP35" s="109">
        <v>0</v>
      </c>
      <c r="IQ35" s="109">
        <v>0</v>
      </c>
      <c r="IR35" s="109">
        <v>0</v>
      </c>
      <c r="IS35" s="109">
        <v>0</v>
      </c>
      <c r="IT35" s="128">
        <v>0</v>
      </c>
      <c r="IU35" s="292">
        <v>0</v>
      </c>
      <c r="IV35" s="129">
        <v>0</v>
      </c>
      <c r="IW35" s="109">
        <v>0</v>
      </c>
      <c r="IX35" s="110">
        <v>0</v>
      </c>
      <c r="IY35" s="470">
        <v>0</v>
      </c>
      <c r="IZ35" s="109">
        <v>0</v>
      </c>
      <c r="JA35" s="109">
        <v>0</v>
      </c>
      <c r="JB35" s="109">
        <v>0</v>
      </c>
      <c r="JC35" s="109">
        <v>0</v>
      </c>
      <c r="JD35" s="109">
        <v>0</v>
      </c>
      <c r="JE35" s="110">
        <v>0</v>
      </c>
      <c r="JF35" s="111">
        <v>0</v>
      </c>
      <c r="JG35" s="129">
        <v>0</v>
      </c>
      <c r="JH35" s="109">
        <v>0</v>
      </c>
      <c r="JI35" s="128">
        <v>0</v>
      </c>
      <c r="JJ35" s="108">
        <v>0</v>
      </c>
      <c r="JK35" s="109">
        <v>48748</v>
      </c>
      <c r="JL35" s="109">
        <v>0</v>
      </c>
      <c r="JM35" s="109">
        <v>0</v>
      </c>
      <c r="JN35" s="109">
        <v>0</v>
      </c>
      <c r="JO35" s="109">
        <v>0</v>
      </c>
      <c r="JP35" s="110">
        <v>48748</v>
      </c>
      <c r="JQ35" s="292">
        <v>48748</v>
      </c>
      <c r="JR35" s="129">
        <v>0</v>
      </c>
      <c r="JS35" s="109">
        <v>0</v>
      </c>
      <c r="JT35" s="128">
        <v>0</v>
      </c>
      <c r="JU35" s="108">
        <v>0</v>
      </c>
      <c r="JV35" s="109">
        <v>0</v>
      </c>
      <c r="JW35" s="109">
        <v>47096</v>
      </c>
      <c r="JX35" s="109">
        <v>0</v>
      </c>
      <c r="JY35" s="109">
        <v>0</v>
      </c>
      <c r="JZ35" s="109">
        <v>0</v>
      </c>
      <c r="KA35" s="110">
        <v>47096</v>
      </c>
      <c r="KB35" s="292">
        <v>47096</v>
      </c>
      <c r="KC35" s="217">
        <v>0</v>
      </c>
      <c r="KD35" s="213">
        <v>0</v>
      </c>
      <c r="KE35" s="110">
        <v>0</v>
      </c>
      <c r="KF35" s="108">
        <v>0</v>
      </c>
      <c r="KG35" s="109">
        <v>0</v>
      </c>
      <c r="KH35" s="109">
        <v>0</v>
      </c>
      <c r="KI35" s="109">
        <v>0</v>
      </c>
      <c r="KJ35" s="109">
        <v>0</v>
      </c>
      <c r="KK35" s="109">
        <v>0</v>
      </c>
      <c r="KL35" s="110">
        <v>0</v>
      </c>
      <c r="KM35" s="130">
        <v>0</v>
      </c>
      <c r="KN35" s="215">
        <v>0</v>
      </c>
      <c r="KO35" s="219">
        <v>0</v>
      </c>
      <c r="KP35" s="220">
        <v>0</v>
      </c>
      <c r="KQ35" s="470">
        <v>0</v>
      </c>
      <c r="KR35" s="109">
        <v>0</v>
      </c>
      <c r="KS35" s="109">
        <v>0</v>
      </c>
      <c r="KT35" s="109">
        <v>0</v>
      </c>
      <c r="KU35" s="109">
        <v>0</v>
      </c>
      <c r="KV35" s="109">
        <v>0</v>
      </c>
      <c r="KW35" s="110">
        <v>0</v>
      </c>
      <c r="KX35" s="292">
        <v>0</v>
      </c>
      <c r="KY35" s="129">
        <v>0</v>
      </c>
      <c r="KZ35" s="109">
        <v>0</v>
      </c>
      <c r="LA35" s="110">
        <v>0</v>
      </c>
      <c r="LB35" s="470">
        <v>0</v>
      </c>
      <c r="LC35" s="109">
        <v>0</v>
      </c>
      <c r="LD35" s="109">
        <v>0</v>
      </c>
      <c r="LE35" s="109">
        <v>0</v>
      </c>
      <c r="LF35" s="109">
        <v>0</v>
      </c>
      <c r="LG35" s="109">
        <v>0</v>
      </c>
      <c r="LH35" s="110">
        <v>0</v>
      </c>
      <c r="LI35" s="111">
        <v>0</v>
      </c>
      <c r="LJ35" s="129">
        <v>0</v>
      </c>
      <c r="LK35" s="109">
        <v>0</v>
      </c>
      <c r="LL35" s="110">
        <v>0</v>
      </c>
      <c r="LM35" s="470">
        <v>0</v>
      </c>
      <c r="LN35" s="109">
        <v>0</v>
      </c>
      <c r="LO35" s="109">
        <v>0</v>
      </c>
      <c r="LP35" s="109">
        <v>0</v>
      </c>
      <c r="LQ35" s="109">
        <v>0</v>
      </c>
      <c r="LR35" s="109">
        <v>0</v>
      </c>
      <c r="LS35" s="110">
        <v>0</v>
      </c>
      <c r="LT35" s="292">
        <v>0</v>
      </c>
      <c r="LU35" s="129">
        <v>0</v>
      </c>
      <c r="LV35" s="109">
        <v>0</v>
      </c>
      <c r="LW35" s="110">
        <v>0</v>
      </c>
      <c r="LX35" s="470">
        <v>0</v>
      </c>
      <c r="LY35" s="109">
        <v>0</v>
      </c>
      <c r="LZ35" s="109">
        <v>0</v>
      </c>
      <c r="MA35" s="109">
        <v>0</v>
      </c>
      <c r="MB35" s="109">
        <v>0</v>
      </c>
      <c r="MC35" s="109">
        <v>0</v>
      </c>
      <c r="MD35" s="110">
        <v>0</v>
      </c>
      <c r="ME35" s="111">
        <v>0</v>
      </c>
      <c r="MF35" s="129">
        <v>0</v>
      </c>
      <c r="MG35" s="109">
        <v>0</v>
      </c>
      <c r="MH35" s="110">
        <v>0</v>
      </c>
      <c r="MI35" s="470">
        <v>0</v>
      </c>
      <c r="MJ35" s="109">
        <v>0</v>
      </c>
      <c r="MK35" s="109">
        <v>0</v>
      </c>
      <c r="ML35" s="109">
        <v>213563</v>
      </c>
      <c r="MM35" s="109">
        <v>432299</v>
      </c>
      <c r="MN35" s="109">
        <v>224182</v>
      </c>
      <c r="MO35" s="110">
        <v>870044</v>
      </c>
      <c r="MP35" s="130">
        <v>870044</v>
      </c>
      <c r="MQ35" s="129">
        <v>0</v>
      </c>
      <c r="MR35" s="109">
        <v>0</v>
      </c>
      <c r="MS35" s="110">
        <v>0</v>
      </c>
      <c r="MT35" s="470">
        <v>0</v>
      </c>
      <c r="MU35" s="109">
        <v>0</v>
      </c>
      <c r="MV35" s="109">
        <v>0</v>
      </c>
      <c r="MW35" s="109">
        <v>213563</v>
      </c>
      <c r="MX35" s="109">
        <v>432299</v>
      </c>
      <c r="MY35" s="109">
        <v>0</v>
      </c>
      <c r="MZ35" s="110">
        <v>645862</v>
      </c>
      <c r="NA35" s="130">
        <v>645862</v>
      </c>
      <c r="NB35" s="129">
        <v>0</v>
      </c>
      <c r="NC35" s="109">
        <v>0</v>
      </c>
      <c r="ND35" s="110">
        <v>0</v>
      </c>
      <c r="NE35" s="470">
        <v>0</v>
      </c>
      <c r="NF35" s="109">
        <v>0</v>
      </c>
      <c r="NG35" s="109">
        <v>0</v>
      </c>
      <c r="NH35" s="109">
        <v>0</v>
      </c>
      <c r="NI35" s="109">
        <v>0</v>
      </c>
      <c r="NJ35" s="109">
        <v>224182</v>
      </c>
      <c r="NK35" s="110">
        <v>224182</v>
      </c>
      <c r="NL35" s="292">
        <v>224182</v>
      </c>
      <c r="NM35" s="129">
        <v>0</v>
      </c>
      <c r="NN35" s="109">
        <v>0</v>
      </c>
      <c r="NO35" s="110">
        <v>0</v>
      </c>
      <c r="NP35" s="470">
        <v>0</v>
      </c>
      <c r="NQ35" s="109">
        <v>0</v>
      </c>
      <c r="NR35" s="109">
        <v>0</v>
      </c>
      <c r="NS35" s="109">
        <v>0</v>
      </c>
      <c r="NT35" s="109">
        <v>0</v>
      </c>
      <c r="NU35" s="109">
        <v>0</v>
      </c>
      <c r="NV35" s="110">
        <v>0</v>
      </c>
      <c r="NW35" s="111">
        <v>0</v>
      </c>
      <c r="NX35" s="129">
        <v>0</v>
      </c>
      <c r="NY35" s="109">
        <v>0</v>
      </c>
      <c r="NZ35" s="110">
        <v>0</v>
      </c>
      <c r="OA35" s="470">
        <v>0</v>
      </c>
      <c r="OB35" s="109">
        <v>0</v>
      </c>
      <c r="OC35" s="109">
        <v>0</v>
      </c>
      <c r="OD35" s="109">
        <v>0</v>
      </c>
      <c r="OE35" s="109">
        <v>0</v>
      </c>
      <c r="OF35" s="109">
        <v>0</v>
      </c>
      <c r="OG35" s="110">
        <v>0</v>
      </c>
      <c r="OH35" s="111">
        <v>0</v>
      </c>
      <c r="OI35" s="129">
        <v>8190</v>
      </c>
      <c r="OJ35" s="109">
        <v>0</v>
      </c>
      <c r="OK35" s="128">
        <v>8190</v>
      </c>
      <c r="OL35" s="108">
        <v>0</v>
      </c>
      <c r="OM35" s="109">
        <v>668021</v>
      </c>
      <c r="ON35" s="109">
        <v>407260</v>
      </c>
      <c r="OO35" s="109">
        <v>802004</v>
      </c>
      <c r="OP35" s="109">
        <v>680420</v>
      </c>
      <c r="OQ35" s="109">
        <v>224182</v>
      </c>
      <c r="OR35" s="110">
        <v>2781887</v>
      </c>
      <c r="OS35" s="130">
        <v>2790077</v>
      </c>
    </row>
    <row r="36" spans="2:409" ht="21" customHeight="1" x14ac:dyDescent="0.2">
      <c r="B36" s="437" t="s">
        <v>31</v>
      </c>
      <c r="C36" s="100">
        <v>2380</v>
      </c>
      <c r="D36" s="104">
        <v>2100</v>
      </c>
      <c r="E36" s="103">
        <v>4480</v>
      </c>
      <c r="F36" s="99">
        <v>0</v>
      </c>
      <c r="G36" s="104">
        <v>332411</v>
      </c>
      <c r="H36" s="104">
        <v>451228</v>
      </c>
      <c r="I36" s="104">
        <v>539819</v>
      </c>
      <c r="J36" s="104">
        <v>35203</v>
      </c>
      <c r="K36" s="104">
        <v>0</v>
      </c>
      <c r="L36" s="156">
        <v>1358661</v>
      </c>
      <c r="M36" s="106">
        <v>1363141</v>
      </c>
      <c r="N36" s="100">
        <v>0</v>
      </c>
      <c r="O36" s="104">
        <v>0</v>
      </c>
      <c r="P36" s="103">
        <v>0</v>
      </c>
      <c r="Q36" s="100">
        <v>0</v>
      </c>
      <c r="R36" s="104">
        <v>153962</v>
      </c>
      <c r="S36" s="104">
        <v>65870</v>
      </c>
      <c r="T36" s="104">
        <v>86548</v>
      </c>
      <c r="U36" s="104">
        <v>25767</v>
      </c>
      <c r="V36" s="104">
        <v>0</v>
      </c>
      <c r="W36" s="103">
        <v>332147</v>
      </c>
      <c r="X36" s="106">
        <v>332147</v>
      </c>
      <c r="Y36" s="100">
        <v>0</v>
      </c>
      <c r="Z36" s="104">
        <v>0</v>
      </c>
      <c r="AA36" s="103">
        <v>0</v>
      </c>
      <c r="AB36" s="100">
        <v>0</v>
      </c>
      <c r="AC36" s="104">
        <v>50428</v>
      </c>
      <c r="AD36" s="104">
        <v>0</v>
      </c>
      <c r="AE36" s="104">
        <v>0</v>
      </c>
      <c r="AF36" s="104">
        <v>0</v>
      </c>
      <c r="AG36" s="104">
        <v>0</v>
      </c>
      <c r="AH36" s="103">
        <v>50428</v>
      </c>
      <c r="AI36" s="106">
        <v>50428</v>
      </c>
      <c r="AJ36" s="100">
        <v>0</v>
      </c>
      <c r="AK36" s="104">
        <v>0</v>
      </c>
      <c r="AL36" s="103">
        <v>0</v>
      </c>
      <c r="AM36" s="100">
        <v>0</v>
      </c>
      <c r="AN36" s="104">
        <v>0</v>
      </c>
      <c r="AO36" s="104">
        <v>0</v>
      </c>
      <c r="AP36" s="104">
        <v>0</v>
      </c>
      <c r="AQ36" s="104">
        <v>0</v>
      </c>
      <c r="AR36" s="104">
        <v>0</v>
      </c>
      <c r="AS36" s="103">
        <v>0</v>
      </c>
      <c r="AT36" s="106">
        <v>0</v>
      </c>
      <c r="AU36" s="100">
        <v>0</v>
      </c>
      <c r="AV36" s="104">
        <v>0</v>
      </c>
      <c r="AW36" s="103">
        <v>0</v>
      </c>
      <c r="AX36" s="100">
        <v>0</v>
      </c>
      <c r="AY36" s="104">
        <v>103534</v>
      </c>
      <c r="AZ36" s="104">
        <v>57470</v>
      </c>
      <c r="BA36" s="104">
        <v>86548</v>
      </c>
      <c r="BB36" s="104">
        <v>0</v>
      </c>
      <c r="BC36" s="104">
        <v>0</v>
      </c>
      <c r="BD36" s="103">
        <v>247552</v>
      </c>
      <c r="BE36" s="106">
        <v>247552</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8400</v>
      </c>
      <c r="BW36" s="104">
        <v>0</v>
      </c>
      <c r="BX36" s="104">
        <v>25767</v>
      </c>
      <c r="BY36" s="104">
        <v>0</v>
      </c>
      <c r="BZ36" s="103">
        <v>34167</v>
      </c>
      <c r="CA36" s="106">
        <v>34167</v>
      </c>
      <c r="CB36" s="100">
        <v>0</v>
      </c>
      <c r="CC36" s="104">
        <v>0</v>
      </c>
      <c r="CD36" s="103">
        <v>0</v>
      </c>
      <c r="CE36" s="100">
        <v>0</v>
      </c>
      <c r="CF36" s="104">
        <v>122497</v>
      </c>
      <c r="CG36" s="104">
        <v>301442</v>
      </c>
      <c r="CH36" s="104">
        <v>200386</v>
      </c>
      <c r="CI36" s="104">
        <v>0</v>
      </c>
      <c r="CJ36" s="104">
        <v>0</v>
      </c>
      <c r="CK36" s="103">
        <v>624325</v>
      </c>
      <c r="CL36" s="106">
        <v>624325</v>
      </c>
      <c r="CM36" s="100">
        <v>0</v>
      </c>
      <c r="CN36" s="104">
        <v>0</v>
      </c>
      <c r="CO36" s="103">
        <v>0</v>
      </c>
      <c r="CP36" s="101">
        <v>0</v>
      </c>
      <c r="CQ36" s="104">
        <v>75551</v>
      </c>
      <c r="CR36" s="104">
        <v>194183</v>
      </c>
      <c r="CS36" s="104">
        <v>200386</v>
      </c>
      <c r="CT36" s="104">
        <v>0</v>
      </c>
      <c r="CU36" s="104">
        <v>0</v>
      </c>
      <c r="CV36" s="103">
        <v>470120</v>
      </c>
      <c r="CW36" s="106">
        <v>470120</v>
      </c>
      <c r="CX36" s="100">
        <v>0</v>
      </c>
      <c r="CY36" s="104">
        <v>0</v>
      </c>
      <c r="CZ36" s="103">
        <v>0</v>
      </c>
      <c r="DA36" s="100">
        <v>0</v>
      </c>
      <c r="DB36" s="104">
        <v>46946</v>
      </c>
      <c r="DC36" s="104">
        <v>107259</v>
      </c>
      <c r="DD36" s="104">
        <v>0</v>
      </c>
      <c r="DE36" s="104">
        <v>0</v>
      </c>
      <c r="DF36" s="104">
        <v>0</v>
      </c>
      <c r="DG36" s="103">
        <v>154205</v>
      </c>
      <c r="DH36" s="106">
        <v>154205</v>
      </c>
      <c r="DI36" s="100">
        <v>0</v>
      </c>
      <c r="DJ36" s="104">
        <v>0</v>
      </c>
      <c r="DK36" s="102">
        <v>0</v>
      </c>
      <c r="DL36" s="101">
        <v>0</v>
      </c>
      <c r="DM36" s="104">
        <v>46642</v>
      </c>
      <c r="DN36" s="104">
        <v>0</v>
      </c>
      <c r="DO36" s="104">
        <v>197480</v>
      </c>
      <c r="DP36" s="104">
        <v>0</v>
      </c>
      <c r="DQ36" s="104">
        <v>0</v>
      </c>
      <c r="DR36" s="103">
        <v>244122</v>
      </c>
      <c r="DS36" s="106">
        <v>244122</v>
      </c>
      <c r="DT36" s="100">
        <v>0</v>
      </c>
      <c r="DU36" s="104">
        <v>0</v>
      </c>
      <c r="DV36" s="103">
        <v>0</v>
      </c>
      <c r="DW36" s="100">
        <v>0</v>
      </c>
      <c r="DX36" s="104">
        <v>46642</v>
      </c>
      <c r="DY36" s="104">
        <v>0</v>
      </c>
      <c r="DZ36" s="104">
        <v>0</v>
      </c>
      <c r="EA36" s="104">
        <v>0</v>
      </c>
      <c r="EB36" s="104">
        <v>0</v>
      </c>
      <c r="EC36" s="103">
        <v>46642</v>
      </c>
      <c r="ED36" s="106">
        <v>46642</v>
      </c>
      <c r="EE36" s="100">
        <v>0</v>
      </c>
      <c r="EF36" s="102">
        <v>0</v>
      </c>
      <c r="EG36" s="103">
        <v>0</v>
      </c>
      <c r="EH36" s="100">
        <v>0</v>
      </c>
      <c r="EI36" s="104">
        <v>0</v>
      </c>
      <c r="EJ36" s="104">
        <v>0</v>
      </c>
      <c r="EK36" s="104">
        <v>197480</v>
      </c>
      <c r="EL36" s="104">
        <v>0</v>
      </c>
      <c r="EM36" s="104">
        <v>0</v>
      </c>
      <c r="EN36" s="102">
        <v>197480</v>
      </c>
      <c r="EO36" s="106">
        <v>19748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470">
        <v>0</v>
      </c>
      <c r="FE36" s="104">
        <v>0</v>
      </c>
      <c r="FF36" s="104">
        <v>0</v>
      </c>
      <c r="FG36" s="104">
        <v>0</v>
      </c>
      <c r="FH36" s="104">
        <v>0</v>
      </c>
      <c r="FI36" s="104">
        <v>0</v>
      </c>
      <c r="FJ36" s="103">
        <v>0</v>
      </c>
      <c r="FK36" s="106">
        <v>0</v>
      </c>
      <c r="FL36" s="100">
        <v>2380</v>
      </c>
      <c r="FM36" s="104">
        <v>2100</v>
      </c>
      <c r="FN36" s="103">
        <v>4480</v>
      </c>
      <c r="FO36" s="100">
        <v>0</v>
      </c>
      <c r="FP36" s="104">
        <v>9310</v>
      </c>
      <c r="FQ36" s="104">
        <v>83916</v>
      </c>
      <c r="FR36" s="104">
        <v>55405</v>
      </c>
      <c r="FS36" s="104">
        <v>9436</v>
      </c>
      <c r="FT36" s="104">
        <v>0</v>
      </c>
      <c r="FU36" s="103">
        <v>158067</v>
      </c>
      <c r="FV36" s="106">
        <v>162547</v>
      </c>
      <c r="FW36" s="105">
        <v>2380</v>
      </c>
      <c r="FX36" s="104">
        <v>2100</v>
      </c>
      <c r="FY36" s="102">
        <v>4480</v>
      </c>
      <c r="FZ36" s="101">
        <v>0</v>
      </c>
      <c r="GA36" s="104">
        <v>9310</v>
      </c>
      <c r="GB36" s="104">
        <v>38416</v>
      </c>
      <c r="GC36" s="104">
        <v>55405</v>
      </c>
      <c r="GD36" s="104">
        <v>9436</v>
      </c>
      <c r="GE36" s="104">
        <v>0</v>
      </c>
      <c r="GF36" s="103">
        <v>112567</v>
      </c>
      <c r="GG36" s="290">
        <v>117047</v>
      </c>
      <c r="GH36" s="105">
        <v>0</v>
      </c>
      <c r="GI36" s="104">
        <v>0</v>
      </c>
      <c r="GJ36" s="102">
        <v>0</v>
      </c>
      <c r="GK36" s="101">
        <v>0</v>
      </c>
      <c r="GL36" s="104">
        <v>0</v>
      </c>
      <c r="GM36" s="104">
        <v>45500</v>
      </c>
      <c r="GN36" s="104">
        <v>0</v>
      </c>
      <c r="GO36" s="104">
        <v>0</v>
      </c>
      <c r="GP36" s="104">
        <v>0</v>
      </c>
      <c r="GQ36" s="103">
        <v>45500</v>
      </c>
      <c r="GR36" s="106">
        <v>4550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0</v>
      </c>
      <c r="HK36" s="104">
        <v>0</v>
      </c>
      <c r="HL36" s="104">
        <v>0</v>
      </c>
      <c r="HM36" s="103">
        <v>0</v>
      </c>
      <c r="HN36" s="99">
        <v>0</v>
      </c>
      <c r="HO36" s="456">
        <v>0</v>
      </c>
      <c r="HP36" s="457">
        <v>0</v>
      </c>
      <c r="HQ36" s="458">
        <v>0</v>
      </c>
      <c r="HR36" s="459">
        <v>0</v>
      </c>
      <c r="HS36" s="457">
        <v>0</v>
      </c>
      <c r="HT36" s="457">
        <v>0</v>
      </c>
      <c r="HU36" s="457">
        <v>0</v>
      </c>
      <c r="HV36" s="457">
        <v>0</v>
      </c>
      <c r="HW36" s="457">
        <v>0</v>
      </c>
      <c r="HX36" s="460">
        <v>0</v>
      </c>
      <c r="HY36" s="461">
        <v>0</v>
      </c>
      <c r="HZ36" s="135">
        <v>0</v>
      </c>
      <c r="IA36" s="122">
        <v>0</v>
      </c>
      <c r="IB36" s="135">
        <v>0</v>
      </c>
      <c r="IC36" s="121">
        <v>0</v>
      </c>
      <c r="ID36" s="122">
        <v>49563</v>
      </c>
      <c r="IE36" s="123">
        <v>280013</v>
      </c>
      <c r="IF36" s="124">
        <v>78869</v>
      </c>
      <c r="IG36" s="122">
        <v>0</v>
      </c>
      <c r="IH36" s="124">
        <v>0</v>
      </c>
      <c r="II36" s="125">
        <v>408445</v>
      </c>
      <c r="IJ36" s="135">
        <v>408445</v>
      </c>
      <c r="IK36" s="215">
        <v>0</v>
      </c>
      <c r="IL36" s="219">
        <v>0</v>
      </c>
      <c r="IM36" s="220">
        <v>0</v>
      </c>
      <c r="IN36" s="470">
        <v>0</v>
      </c>
      <c r="IO36" s="109">
        <v>0</v>
      </c>
      <c r="IP36" s="109">
        <v>87472</v>
      </c>
      <c r="IQ36" s="109">
        <v>0</v>
      </c>
      <c r="IR36" s="109">
        <v>0</v>
      </c>
      <c r="IS36" s="109">
        <v>0</v>
      </c>
      <c r="IT36" s="128">
        <v>87472</v>
      </c>
      <c r="IU36" s="292">
        <v>87472</v>
      </c>
      <c r="IV36" s="129">
        <v>0</v>
      </c>
      <c r="IW36" s="109">
        <v>0</v>
      </c>
      <c r="IX36" s="110">
        <v>0</v>
      </c>
      <c r="IY36" s="470">
        <v>0</v>
      </c>
      <c r="IZ36" s="109">
        <v>0</v>
      </c>
      <c r="JA36" s="109">
        <v>0</v>
      </c>
      <c r="JB36" s="109">
        <v>0</v>
      </c>
      <c r="JC36" s="109">
        <v>0</v>
      </c>
      <c r="JD36" s="109">
        <v>0</v>
      </c>
      <c r="JE36" s="110">
        <v>0</v>
      </c>
      <c r="JF36" s="111">
        <v>0</v>
      </c>
      <c r="JG36" s="129">
        <v>0</v>
      </c>
      <c r="JH36" s="109">
        <v>0</v>
      </c>
      <c r="JI36" s="128">
        <v>0</v>
      </c>
      <c r="JJ36" s="108">
        <v>0</v>
      </c>
      <c r="JK36" s="109">
        <v>49563</v>
      </c>
      <c r="JL36" s="109">
        <v>39981</v>
      </c>
      <c r="JM36" s="109">
        <v>78869</v>
      </c>
      <c r="JN36" s="109">
        <v>0</v>
      </c>
      <c r="JO36" s="109">
        <v>0</v>
      </c>
      <c r="JP36" s="110">
        <v>168413</v>
      </c>
      <c r="JQ36" s="292">
        <v>168413</v>
      </c>
      <c r="JR36" s="129">
        <v>0</v>
      </c>
      <c r="JS36" s="109">
        <v>0</v>
      </c>
      <c r="JT36" s="128">
        <v>0</v>
      </c>
      <c r="JU36" s="108">
        <v>0</v>
      </c>
      <c r="JV36" s="109">
        <v>0</v>
      </c>
      <c r="JW36" s="109">
        <v>0</v>
      </c>
      <c r="JX36" s="109">
        <v>0</v>
      </c>
      <c r="JY36" s="109">
        <v>0</v>
      </c>
      <c r="JZ36" s="109">
        <v>0</v>
      </c>
      <c r="KA36" s="110">
        <v>0</v>
      </c>
      <c r="KB36" s="292">
        <v>0</v>
      </c>
      <c r="KC36" s="217">
        <v>0</v>
      </c>
      <c r="KD36" s="213">
        <v>0</v>
      </c>
      <c r="KE36" s="110">
        <v>0</v>
      </c>
      <c r="KF36" s="108">
        <v>0</v>
      </c>
      <c r="KG36" s="109">
        <v>0</v>
      </c>
      <c r="KH36" s="109">
        <v>152560</v>
      </c>
      <c r="KI36" s="109">
        <v>0</v>
      </c>
      <c r="KJ36" s="109">
        <v>0</v>
      </c>
      <c r="KK36" s="109">
        <v>0</v>
      </c>
      <c r="KL36" s="110">
        <v>152560</v>
      </c>
      <c r="KM36" s="130">
        <v>152560</v>
      </c>
      <c r="KN36" s="215">
        <v>0</v>
      </c>
      <c r="KO36" s="219">
        <v>0</v>
      </c>
      <c r="KP36" s="220">
        <v>0</v>
      </c>
      <c r="KQ36" s="470">
        <v>0</v>
      </c>
      <c r="KR36" s="109">
        <v>0</v>
      </c>
      <c r="KS36" s="109">
        <v>0</v>
      </c>
      <c r="KT36" s="109">
        <v>0</v>
      </c>
      <c r="KU36" s="109">
        <v>0</v>
      </c>
      <c r="KV36" s="109">
        <v>0</v>
      </c>
      <c r="KW36" s="110">
        <v>0</v>
      </c>
      <c r="KX36" s="292">
        <v>0</v>
      </c>
      <c r="KY36" s="129">
        <v>0</v>
      </c>
      <c r="KZ36" s="109">
        <v>0</v>
      </c>
      <c r="LA36" s="110">
        <v>0</v>
      </c>
      <c r="LB36" s="470">
        <v>0</v>
      </c>
      <c r="LC36" s="109">
        <v>0</v>
      </c>
      <c r="LD36" s="109">
        <v>0</v>
      </c>
      <c r="LE36" s="109">
        <v>0</v>
      </c>
      <c r="LF36" s="109">
        <v>0</v>
      </c>
      <c r="LG36" s="109">
        <v>0</v>
      </c>
      <c r="LH36" s="110">
        <v>0</v>
      </c>
      <c r="LI36" s="111">
        <v>0</v>
      </c>
      <c r="LJ36" s="129">
        <v>0</v>
      </c>
      <c r="LK36" s="109">
        <v>0</v>
      </c>
      <c r="LL36" s="110">
        <v>0</v>
      </c>
      <c r="LM36" s="470">
        <v>0</v>
      </c>
      <c r="LN36" s="109">
        <v>0</v>
      </c>
      <c r="LO36" s="109">
        <v>0</v>
      </c>
      <c r="LP36" s="109">
        <v>0</v>
      </c>
      <c r="LQ36" s="109">
        <v>0</v>
      </c>
      <c r="LR36" s="109">
        <v>0</v>
      </c>
      <c r="LS36" s="110">
        <v>0</v>
      </c>
      <c r="LT36" s="292">
        <v>0</v>
      </c>
      <c r="LU36" s="129">
        <v>0</v>
      </c>
      <c r="LV36" s="109">
        <v>0</v>
      </c>
      <c r="LW36" s="110">
        <v>0</v>
      </c>
      <c r="LX36" s="470">
        <v>0</v>
      </c>
      <c r="LY36" s="109">
        <v>0</v>
      </c>
      <c r="LZ36" s="109">
        <v>0</v>
      </c>
      <c r="MA36" s="109">
        <v>0</v>
      </c>
      <c r="MB36" s="109">
        <v>0</v>
      </c>
      <c r="MC36" s="109">
        <v>0</v>
      </c>
      <c r="MD36" s="110">
        <v>0</v>
      </c>
      <c r="ME36" s="111">
        <v>0</v>
      </c>
      <c r="MF36" s="129">
        <v>0</v>
      </c>
      <c r="MG36" s="109">
        <v>0</v>
      </c>
      <c r="MH36" s="110">
        <v>0</v>
      </c>
      <c r="MI36" s="470">
        <v>0</v>
      </c>
      <c r="MJ36" s="109">
        <v>0</v>
      </c>
      <c r="MK36" s="109">
        <v>0</v>
      </c>
      <c r="ML36" s="109">
        <v>664953</v>
      </c>
      <c r="MM36" s="109">
        <v>218667</v>
      </c>
      <c r="MN36" s="109">
        <v>230076</v>
      </c>
      <c r="MO36" s="110">
        <v>1113696</v>
      </c>
      <c r="MP36" s="130">
        <v>1113696</v>
      </c>
      <c r="MQ36" s="129">
        <v>0</v>
      </c>
      <c r="MR36" s="109">
        <v>0</v>
      </c>
      <c r="MS36" s="110">
        <v>0</v>
      </c>
      <c r="MT36" s="470">
        <v>0</v>
      </c>
      <c r="MU36" s="109">
        <v>0</v>
      </c>
      <c r="MV36" s="109">
        <v>0</v>
      </c>
      <c r="MW36" s="109">
        <v>206075</v>
      </c>
      <c r="MX36" s="109">
        <v>218667</v>
      </c>
      <c r="MY36" s="109">
        <v>230076</v>
      </c>
      <c r="MZ36" s="110">
        <v>654818</v>
      </c>
      <c r="NA36" s="130">
        <v>654818</v>
      </c>
      <c r="NB36" s="129">
        <v>0</v>
      </c>
      <c r="NC36" s="109">
        <v>0</v>
      </c>
      <c r="ND36" s="110">
        <v>0</v>
      </c>
      <c r="NE36" s="470">
        <v>0</v>
      </c>
      <c r="NF36" s="109">
        <v>0</v>
      </c>
      <c r="NG36" s="109">
        <v>0</v>
      </c>
      <c r="NH36" s="109">
        <v>458878</v>
      </c>
      <c r="NI36" s="109">
        <v>0</v>
      </c>
      <c r="NJ36" s="109">
        <v>0</v>
      </c>
      <c r="NK36" s="110">
        <v>458878</v>
      </c>
      <c r="NL36" s="292">
        <v>458878</v>
      </c>
      <c r="NM36" s="129">
        <v>0</v>
      </c>
      <c r="NN36" s="109">
        <v>0</v>
      </c>
      <c r="NO36" s="110">
        <v>0</v>
      </c>
      <c r="NP36" s="470">
        <v>0</v>
      </c>
      <c r="NQ36" s="109">
        <v>0</v>
      </c>
      <c r="NR36" s="109">
        <v>0</v>
      </c>
      <c r="NS36" s="109">
        <v>0</v>
      </c>
      <c r="NT36" s="109">
        <v>0</v>
      </c>
      <c r="NU36" s="109">
        <v>0</v>
      </c>
      <c r="NV36" s="110">
        <v>0</v>
      </c>
      <c r="NW36" s="111">
        <v>0</v>
      </c>
      <c r="NX36" s="129">
        <v>0</v>
      </c>
      <c r="NY36" s="109">
        <v>0</v>
      </c>
      <c r="NZ36" s="110">
        <v>0</v>
      </c>
      <c r="OA36" s="470">
        <v>0</v>
      </c>
      <c r="OB36" s="109">
        <v>0</v>
      </c>
      <c r="OC36" s="109">
        <v>0</v>
      </c>
      <c r="OD36" s="109">
        <v>0</v>
      </c>
      <c r="OE36" s="109">
        <v>0</v>
      </c>
      <c r="OF36" s="109">
        <v>0</v>
      </c>
      <c r="OG36" s="110">
        <v>0</v>
      </c>
      <c r="OH36" s="111">
        <v>0</v>
      </c>
      <c r="OI36" s="129">
        <v>2380</v>
      </c>
      <c r="OJ36" s="109">
        <v>2100</v>
      </c>
      <c r="OK36" s="128">
        <v>4480</v>
      </c>
      <c r="OL36" s="108">
        <v>0</v>
      </c>
      <c r="OM36" s="109">
        <v>381974</v>
      </c>
      <c r="ON36" s="109">
        <v>731241</v>
      </c>
      <c r="OO36" s="109">
        <v>1283641</v>
      </c>
      <c r="OP36" s="109">
        <v>253870</v>
      </c>
      <c r="OQ36" s="109">
        <v>230076</v>
      </c>
      <c r="OR36" s="110">
        <v>2880802</v>
      </c>
      <c r="OS36" s="130">
        <v>2885282</v>
      </c>
    </row>
    <row r="37" spans="2:409" ht="21" customHeight="1" x14ac:dyDescent="0.2">
      <c r="B37" s="437" t="s">
        <v>32</v>
      </c>
      <c r="C37" s="100">
        <v>10920</v>
      </c>
      <c r="D37" s="104">
        <v>2800</v>
      </c>
      <c r="E37" s="157">
        <v>13720</v>
      </c>
      <c r="F37" s="158">
        <v>0</v>
      </c>
      <c r="G37" s="159">
        <v>432836</v>
      </c>
      <c r="H37" s="159">
        <v>491790</v>
      </c>
      <c r="I37" s="159">
        <v>225363</v>
      </c>
      <c r="J37" s="159">
        <v>539875</v>
      </c>
      <c r="K37" s="159">
        <v>531958</v>
      </c>
      <c r="L37" s="160">
        <v>2221822</v>
      </c>
      <c r="M37" s="106">
        <v>2235542</v>
      </c>
      <c r="N37" s="100">
        <v>0</v>
      </c>
      <c r="O37" s="104">
        <v>0</v>
      </c>
      <c r="P37" s="103">
        <v>0</v>
      </c>
      <c r="Q37" s="100">
        <v>0</v>
      </c>
      <c r="R37" s="104">
        <v>163954</v>
      </c>
      <c r="S37" s="104">
        <v>93499</v>
      </c>
      <c r="T37" s="104">
        <v>22120</v>
      </c>
      <c r="U37" s="104">
        <v>44114</v>
      </c>
      <c r="V37" s="104">
        <v>72191</v>
      </c>
      <c r="W37" s="103">
        <v>395878</v>
      </c>
      <c r="X37" s="106">
        <v>395878</v>
      </c>
      <c r="Y37" s="100">
        <v>0</v>
      </c>
      <c r="Z37" s="104">
        <v>0</v>
      </c>
      <c r="AA37" s="103">
        <v>0</v>
      </c>
      <c r="AB37" s="100">
        <v>0</v>
      </c>
      <c r="AC37" s="104">
        <v>35091</v>
      </c>
      <c r="AD37" s="104">
        <v>26397</v>
      </c>
      <c r="AE37" s="104">
        <v>0</v>
      </c>
      <c r="AF37" s="104">
        <v>0</v>
      </c>
      <c r="AG37" s="104">
        <v>0</v>
      </c>
      <c r="AH37" s="103">
        <v>61488</v>
      </c>
      <c r="AI37" s="106">
        <v>61488</v>
      </c>
      <c r="AJ37" s="100">
        <v>0</v>
      </c>
      <c r="AK37" s="104">
        <v>0</v>
      </c>
      <c r="AL37" s="103">
        <v>0</v>
      </c>
      <c r="AM37" s="100">
        <v>0</v>
      </c>
      <c r="AN37" s="104">
        <v>0</v>
      </c>
      <c r="AO37" s="104">
        <v>0</v>
      </c>
      <c r="AP37" s="104">
        <v>0</v>
      </c>
      <c r="AQ37" s="104">
        <v>0</v>
      </c>
      <c r="AR37" s="104">
        <v>0</v>
      </c>
      <c r="AS37" s="103">
        <v>0</v>
      </c>
      <c r="AT37" s="106">
        <v>0</v>
      </c>
      <c r="AU37" s="100">
        <v>0</v>
      </c>
      <c r="AV37" s="104">
        <v>0</v>
      </c>
      <c r="AW37" s="103">
        <v>0</v>
      </c>
      <c r="AX37" s="100">
        <v>0</v>
      </c>
      <c r="AY37" s="104">
        <v>128863</v>
      </c>
      <c r="AZ37" s="104">
        <v>24696</v>
      </c>
      <c r="BA37" s="104">
        <v>0</v>
      </c>
      <c r="BB37" s="104">
        <v>0</v>
      </c>
      <c r="BC37" s="104">
        <v>58366</v>
      </c>
      <c r="BD37" s="103">
        <v>211925</v>
      </c>
      <c r="BE37" s="106">
        <v>211925</v>
      </c>
      <c r="BF37" s="100">
        <v>0</v>
      </c>
      <c r="BG37" s="104">
        <v>0</v>
      </c>
      <c r="BH37" s="102">
        <v>0</v>
      </c>
      <c r="BI37" s="101">
        <v>0</v>
      </c>
      <c r="BJ37" s="104">
        <v>0</v>
      </c>
      <c r="BK37" s="104">
        <v>26768</v>
      </c>
      <c r="BL37" s="104">
        <v>0</v>
      </c>
      <c r="BM37" s="104">
        <v>26768</v>
      </c>
      <c r="BN37" s="104">
        <v>0</v>
      </c>
      <c r="BO37" s="103">
        <v>53536</v>
      </c>
      <c r="BP37" s="106">
        <v>53536</v>
      </c>
      <c r="BQ37" s="100">
        <v>0</v>
      </c>
      <c r="BR37" s="104">
        <v>0</v>
      </c>
      <c r="BS37" s="103">
        <v>0</v>
      </c>
      <c r="BT37" s="100">
        <v>0</v>
      </c>
      <c r="BU37" s="104">
        <v>0</v>
      </c>
      <c r="BV37" s="104">
        <v>15638</v>
      </c>
      <c r="BW37" s="104">
        <v>22120</v>
      </c>
      <c r="BX37" s="104">
        <v>17346</v>
      </c>
      <c r="BY37" s="104">
        <v>13825</v>
      </c>
      <c r="BZ37" s="103">
        <v>68929</v>
      </c>
      <c r="CA37" s="106">
        <v>68929</v>
      </c>
      <c r="CB37" s="100">
        <v>0</v>
      </c>
      <c r="CC37" s="104">
        <v>0</v>
      </c>
      <c r="CD37" s="103">
        <v>0</v>
      </c>
      <c r="CE37" s="100">
        <v>0</v>
      </c>
      <c r="CF37" s="104">
        <v>123779</v>
      </c>
      <c r="CG37" s="104">
        <v>255067</v>
      </c>
      <c r="CH37" s="104">
        <v>0</v>
      </c>
      <c r="CI37" s="104">
        <v>96334</v>
      </c>
      <c r="CJ37" s="104">
        <v>123739</v>
      </c>
      <c r="CK37" s="103">
        <v>598919</v>
      </c>
      <c r="CL37" s="106">
        <v>598919</v>
      </c>
      <c r="CM37" s="100">
        <v>0</v>
      </c>
      <c r="CN37" s="104">
        <v>0</v>
      </c>
      <c r="CO37" s="103">
        <v>0</v>
      </c>
      <c r="CP37" s="101">
        <v>0</v>
      </c>
      <c r="CQ37" s="104">
        <v>123779</v>
      </c>
      <c r="CR37" s="104">
        <v>162113</v>
      </c>
      <c r="CS37" s="104">
        <v>0</v>
      </c>
      <c r="CT37" s="104">
        <v>42224</v>
      </c>
      <c r="CU37" s="104">
        <v>78120</v>
      </c>
      <c r="CV37" s="103">
        <v>406236</v>
      </c>
      <c r="CW37" s="106">
        <v>406236</v>
      </c>
      <c r="CX37" s="100">
        <v>0</v>
      </c>
      <c r="CY37" s="104">
        <v>0</v>
      </c>
      <c r="CZ37" s="103">
        <v>0</v>
      </c>
      <c r="DA37" s="100">
        <v>0</v>
      </c>
      <c r="DB37" s="104">
        <v>0</v>
      </c>
      <c r="DC37" s="104">
        <v>92954</v>
      </c>
      <c r="DD37" s="104">
        <v>0</v>
      </c>
      <c r="DE37" s="104">
        <v>54110</v>
      </c>
      <c r="DF37" s="104">
        <v>45619</v>
      </c>
      <c r="DG37" s="103">
        <v>192683</v>
      </c>
      <c r="DH37" s="106">
        <v>192683</v>
      </c>
      <c r="DI37" s="100">
        <v>0</v>
      </c>
      <c r="DJ37" s="104">
        <v>0</v>
      </c>
      <c r="DK37" s="102">
        <v>0</v>
      </c>
      <c r="DL37" s="101">
        <v>0</v>
      </c>
      <c r="DM37" s="104">
        <v>0</v>
      </c>
      <c r="DN37" s="104">
        <v>58118</v>
      </c>
      <c r="DO37" s="104">
        <v>0</v>
      </c>
      <c r="DP37" s="104">
        <v>0</v>
      </c>
      <c r="DQ37" s="104">
        <v>107576</v>
      </c>
      <c r="DR37" s="103">
        <v>165694</v>
      </c>
      <c r="DS37" s="106">
        <v>165694</v>
      </c>
      <c r="DT37" s="100">
        <v>0</v>
      </c>
      <c r="DU37" s="104">
        <v>0</v>
      </c>
      <c r="DV37" s="103">
        <v>0</v>
      </c>
      <c r="DW37" s="100">
        <v>0</v>
      </c>
      <c r="DX37" s="104">
        <v>0</v>
      </c>
      <c r="DY37" s="104">
        <v>58118</v>
      </c>
      <c r="DZ37" s="104">
        <v>0</v>
      </c>
      <c r="EA37" s="104">
        <v>0</v>
      </c>
      <c r="EB37" s="104">
        <v>18263</v>
      </c>
      <c r="EC37" s="103">
        <v>76381</v>
      </c>
      <c r="ED37" s="106">
        <v>76381</v>
      </c>
      <c r="EE37" s="100">
        <v>0</v>
      </c>
      <c r="EF37" s="102">
        <v>0</v>
      </c>
      <c r="EG37" s="103">
        <v>0</v>
      </c>
      <c r="EH37" s="100">
        <v>0</v>
      </c>
      <c r="EI37" s="104">
        <v>0</v>
      </c>
      <c r="EJ37" s="104">
        <v>0</v>
      </c>
      <c r="EK37" s="104">
        <v>0</v>
      </c>
      <c r="EL37" s="104">
        <v>0</v>
      </c>
      <c r="EM37" s="104">
        <v>89313</v>
      </c>
      <c r="EN37" s="102">
        <v>89313</v>
      </c>
      <c r="EO37" s="106">
        <v>89313</v>
      </c>
      <c r="EP37" s="100">
        <v>0</v>
      </c>
      <c r="EQ37" s="104">
        <v>0</v>
      </c>
      <c r="ER37" s="102">
        <v>0</v>
      </c>
      <c r="ES37" s="101">
        <v>0</v>
      </c>
      <c r="ET37" s="104">
        <v>0</v>
      </c>
      <c r="EU37" s="104">
        <v>0</v>
      </c>
      <c r="EV37" s="104">
        <v>0</v>
      </c>
      <c r="EW37" s="104">
        <v>0</v>
      </c>
      <c r="EX37" s="104">
        <v>0</v>
      </c>
      <c r="EY37" s="103">
        <v>0</v>
      </c>
      <c r="EZ37" s="106">
        <v>0</v>
      </c>
      <c r="FA37" s="100">
        <v>0</v>
      </c>
      <c r="FB37" s="104">
        <v>0</v>
      </c>
      <c r="FC37" s="102">
        <v>0</v>
      </c>
      <c r="FD37" s="470">
        <v>0</v>
      </c>
      <c r="FE37" s="104">
        <v>0</v>
      </c>
      <c r="FF37" s="104">
        <v>0</v>
      </c>
      <c r="FG37" s="104">
        <v>0</v>
      </c>
      <c r="FH37" s="104">
        <v>0</v>
      </c>
      <c r="FI37" s="104">
        <v>0</v>
      </c>
      <c r="FJ37" s="103">
        <v>0</v>
      </c>
      <c r="FK37" s="106">
        <v>0</v>
      </c>
      <c r="FL37" s="100">
        <v>10920</v>
      </c>
      <c r="FM37" s="104">
        <v>2800</v>
      </c>
      <c r="FN37" s="103">
        <v>13720</v>
      </c>
      <c r="FO37" s="100">
        <v>0</v>
      </c>
      <c r="FP37" s="104">
        <v>10850</v>
      </c>
      <c r="FQ37" s="104">
        <v>85106</v>
      </c>
      <c r="FR37" s="104">
        <v>23996</v>
      </c>
      <c r="FS37" s="104">
        <v>21448</v>
      </c>
      <c r="FT37" s="104">
        <v>29232</v>
      </c>
      <c r="FU37" s="103">
        <v>170632</v>
      </c>
      <c r="FV37" s="106">
        <v>184352</v>
      </c>
      <c r="FW37" s="105">
        <v>10920</v>
      </c>
      <c r="FX37" s="104">
        <v>2800</v>
      </c>
      <c r="FY37" s="102">
        <v>13720</v>
      </c>
      <c r="FZ37" s="101">
        <v>0</v>
      </c>
      <c r="GA37" s="104">
        <v>10850</v>
      </c>
      <c r="GB37" s="104">
        <v>60396</v>
      </c>
      <c r="GC37" s="104">
        <v>23996</v>
      </c>
      <c r="GD37" s="104">
        <v>21448</v>
      </c>
      <c r="GE37" s="104">
        <v>29232</v>
      </c>
      <c r="GF37" s="103">
        <v>145922</v>
      </c>
      <c r="GG37" s="290">
        <v>159642</v>
      </c>
      <c r="GH37" s="105">
        <v>0</v>
      </c>
      <c r="GI37" s="104">
        <v>0</v>
      </c>
      <c r="GJ37" s="102">
        <v>0</v>
      </c>
      <c r="GK37" s="101">
        <v>0</v>
      </c>
      <c r="GL37" s="104">
        <v>0</v>
      </c>
      <c r="GM37" s="104">
        <v>24710</v>
      </c>
      <c r="GN37" s="104">
        <v>0</v>
      </c>
      <c r="GO37" s="104">
        <v>0</v>
      </c>
      <c r="GP37" s="104">
        <v>0</v>
      </c>
      <c r="GQ37" s="103">
        <v>24710</v>
      </c>
      <c r="GR37" s="106">
        <v>2471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134253</v>
      </c>
      <c r="HI37" s="104">
        <v>0</v>
      </c>
      <c r="HJ37" s="104">
        <v>179247</v>
      </c>
      <c r="HK37" s="104">
        <v>377979</v>
      </c>
      <c r="HL37" s="104">
        <v>199220</v>
      </c>
      <c r="HM37" s="103">
        <v>890699</v>
      </c>
      <c r="HN37" s="99">
        <v>890699</v>
      </c>
      <c r="HO37" s="456">
        <v>0</v>
      </c>
      <c r="HP37" s="457">
        <v>0</v>
      </c>
      <c r="HQ37" s="458">
        <v>0</v>
      </c>
      <c r="HR37" s="459">
        <v>0</v>
      </c>
      <c r="HS37" s="457">
        <v>0</v>
      </c>
      <c r="HT37" s="457">
        <v>0</v>
      </c>
      <c r="HU37" s="457">
        <v>0</v>
      </c>
      <c r="HV37" s="457">
        <v>0</v>
      </c>
      <c r="HW37" s="457">
        <v>0</v>
      </c>
      <c r="HX37" s="460">
        <v>0</v>
      </c>
      <c r="HY37" s="461">
        <v>0</v>
      </c>
      <c r="HZ37" s="118">
        <v>0</v>
      </c>
      <c r="IA37" s="119">
        <v>0</v>
      </c>
      <c r="IB37" s="120">
        <v>0</v>
      </c>
      <c r="IC37" s="131">
        <v>0</v>
      </c>
      <c r="ID37" s="119">
        <v>264488</v>
      </c>
      <c r="IE37" s="132">
        <v>84616</v>
      </c>
      <c r="IF37" s="120">
        <v>192430</v>
      </c>
      <c r="IG37" s="119">
        <v>0</v>
      </c>
      <c r="IH37" s="120">
        <v>78043</v>
      </c>
      <c r="II37" s="133">
        <v>619577</v>
      </c>
      <c r="IJ37" s="126">
        <v>619577</v>
      </c>
      <c r="IK37" s="215">
        <v>0</v>
      </c>
      <c r="IL37" s="219">
        <v>0</v>
      </c>
      <c r="IM37" s="220">
        <v>0</v>
      </c>
      <c r="IN37" s="470">
        <v>0</v>
      </c>
      <c r="IO37" s="109">
        <v>52941</v>
      </c>
      <c r="IP37" s="109">
        <v>84616</v>
      </c>
      <c r="IQ37" s="109">
        <v>0</v>
      </c>
      <c r="IR37" s="109">
        <v>0</v>
      </c>
      <c r="IS37" s="109">
        <v>0</v>
      </c>
      <c r="IT37" s="128">
        <v>137557</v>
      </c>
      <c r="IU37" s="292">
        <v>137557</v>
      </c>
      <c r="IV37" s="129">
        <v>0</v>
      </c>
      <c r="IW37" s="109">
        <v>0</v>
      </c>
      <c r="IX37" s="110">
        <v>0</v>
      </c>
      <c r="IY37" s="470">
        <v>0</v>
      </c>
      <c r="IZ37" s="109">
        <v>0</v>
      </c>
      <c r="JA37" s="109">
        <v>0</v>
      </c>
      <c r="JB37" s="109">
        <v>0</v>
      </c>
      <c r="JC37" s="109">
        <v>0</v>
      </c>
      <c r="JD37" s="109">
        <v>0</v>
      </c>
      <c r="JE37" s="110">
        <v>0</v>
      </c>
      <c r="JF37" s="111">
        <v>0</v>
      </c>
      <c r="JG37" s="129">
        <v>0</v>
      </c>
      <c r="JH37" s="109">
        <v>0</v>
      </c>
      <c r="JI37" s="128">
        <v>0</v>
      </c>
      <c r="JJ37" s="108">
        <v>0</v>
      </c>
      <c r="JK37" s="109">
        <v>86702</v>
      </c>
      <c r="JL37" s="109">
        <v>0</v>
      </c>
      <c r="JM37" s="109">
        <v>0</v>
      </c>
      <c r="JN37" s="109">
        <v>0</v>
      </c>
      <c r="JO37" s="109">
        <v>0</v>
      </c>
      <c r="JP37" s="110">
        <v>86702</v>
      </c>
      <c r="JQ37" s="292">
        <v>86702</v>
      </c>
      <c r="JR37" s="129">
        <v>0</v>
      </c>
      <c r="JS37" s="109">
        <v>0</v>
      </c>
      <c r="JT37" s="128">
        <v>0</v>
      </c>
      <c r="JU37" s="108">
        <v>0</v>
      </c>
      <c r="JV37" s="109">
        <v>124845</v>
      </c>
      <c r="JW37" s="109">
        <v>0</v>
      </c>
      <c r="JX37" s="109">
        <v>0</v>
      </c>
      <c r="JY37" s="109">
        <v>0</v>
      </c>
      <c r="JZ37" s="109">
        <v>0</v>
      </c>
      <c r="KA37" s="110">
        <v>124845</v>
      </c>
      <c r="KB37" s="292">
        <v>124845</v>
      </c>
      <c r="KC37" s="217">
        <v>0</v>
      </c>
      <c r="KD37" s="213">
        <v>0</v>
      </c>
      <c r="KE37" s="110">
        <v>0</v>
      </c>
      <c r="KF37" s="108">
        <v>0</v>
      </c>
      <c r="KG37" s="109">
        <v>0</v>
      </c>
      <c r="KH37" s="109">
        <v>0</v>
      </c>
      <c r="KI37" s="109">
        <v>192430</v>
      </c>
      <c r="KJ37" s="109">
        <v>0</v>
      </c>
      <c r="KK37" s="109">
        <v>0</v>
      </c>
      <c r="KL37" s="110">
        <v>192430</v>
      </c>
      <c r="KM37" s="130">
        <v>192430</v>
      </c>
      <c r="KN37" s="215">
        <v>0</v>
      </c>
      <c r="KO37" s="219">
        <v>0</v>
      </c>
      <c r="KP37" s="220">
        <v>0</v>
      </c>
      <c r="KQ37" s="470">
        <v>0</v>
      </c>
      <c r="KR37" s="109">
        <v>0</v>
      </c>
      <c r="KS37" s="109">
        <v>0</v>
      </c>
      <c r="KT37" s="109">
        <v>0</v>
      </c>
      <c r="KU37" s="109">
        <v>0</v>
      </c>
      <c r="KV37" s="109">
        <v>12040</v>
      </c>
      <c r="KW37" s="110">
        <v>12040</v>
      </c>
      <c r="KX37" s="292">
        <v>12040</v>
      </c>
      <c r="KY37" s="129">
        <v>0</v>
      </c>
      <c r="KZ37" s="109">
        <v>0</v>
      </c>
      <c r="LA37" s="110">
        <v>0</v>
      </c>
      <c r="LB37" s="470">
        <v>0</v>
      </c>
      <c r="LC37" s="109">
        <v>0</v>
      </c>
      <c r="LD37" s="109">
        <v>0</v>
      </c>
      <c r="LE37" s="109">
        <v>0</v>
      </c>
      <c r="LF37" s="109">
        <v>0</v>
      </c>
      <c r="LG37" s="109">
        <v>0</v>
      </c>
      <c r="LH37" s="110">
        <v>0</v>
      </c>
      <c r="LI37" s="111">
        <v>0</v>
      </c>
      <c r="LJ37" s="129">
        <v>0</v>
      </c>
      <c r="LK37" s="109">
        <v>0</v>
      </c>
      <c r="LL37" s="110">
        <v>0</v>
      </c>
      <c r="LM37" s="470">
        <v>0</v>
      </c>
      <c r="LN37" s="109">
        <v>0</v>
      </c>
      <c r="LO37" s="109">
        <v>0</v>
      </c>
      <c r="LP37" s="109">
        <v>0</v>
      </c>
      <c r="LQ37" s="109">
        <v>0</v>
      </c>
      <c r="LR37" s="109">
        <v>66003</v>
      </c>
      <c r="LS37" s="110">
        <v>66003</v>
      </c>
      <c r="LT37" s="292">
        <v>66003</v>
      </c>
      <c r="LU37" s="129">
        <v>0</v>
      </c>
      <c r="LV37" s="109">
        <v>0</v>
      </c>
      <c r="LW37" s="110">
        <v>0</v>
      </c>
      <c r="LX37" s="470">
        <v>0</v>
      </c>
      <c r="LY37" s="109">
        <v>0</v>
      </c>
      <c r="LZ37" s="109">
        <v>0</v>
      </c>
      <c r="MA37" s="109">
        <v>0</v>
      </c>
      <c r="MB37" s="109">
        <v>0</v>
      </c>
      <c r="MC37" s="109">
        <v>0</v>
      </c>
      <c r="MD37" s="110">
        <v>0</v>
      </c>
      <c r="ME37" s="111">
        <v>0</v>
      </c>
      <c r="MF37" s="129">
        <v>0</v>
      </c>
      <c r="MG37" s="109">
        <v>0</v>
      </c>
      <c r="MH37" s="110">
        <v>0</v>
      </c>
      <c r="MI37" s="470">
        <v>0</v>
      </c>
      <c r="MJ37" s="109">
        <v>0</v>
      </c>
      <c r="MK37" s="109">
        <v>0</v>
      </c>
      <c r="ML37" s="109">
        <v>201625</v>
      </c>
      <c r="MM37" s="109">
        <v>292872</v>
      </c>
      <c r="MN37" s="109">
        <v>532523</v>
      </c>
      <c r="MO37" s="110">
        <v>1027020</v>
      </c>
      <c r="MP37" s="130">
        <v>1027020</v>
      </c>
      <c r="MQ37" s="129">
        <v>0</v>
      </c>
      <c r="MR37" s="109">
        <v>0</v>
      </c>
      <c r="MS37" s="110">
        <v>0</v>
      </c>
      <c r="MT37" s="470">
        <v>0</v>
      </c>
      <c r="MU37" s="109">
        <v>0</v>
      </c>
      <c r="MV37" s="109">
        <v>0</v>
      </c>
      <c r="MW37" s="109">
        <v>201625</v>
      </c>
      <c r="MX37" s="109">
        <v>0</v>
      </c>
      <c r="MY37" s="109">
        <v>261635</v>
      </c>
      <c r="MZ37" s="110">
        <v>463260</v>
      </c>
      <c r="NA37" s="130">
        <v>463260</v>
      </c>
      <c r="NB37" s="129">
        <v>0</v>
      </c>
      <c r="NC37" s="109">
        <v>0</v>
      </c>
      <c r="ND37" s="110">
        <v>0</v>
      </c>
      <c r="NE37" s="470">
        <v>0</v>
      </c>
      <c r="NF37" s="109">
        <v>0</v>
      </c>
      <c r="NG37" s="109">
        <v>0</v>
      </c>
      <c r="NH37" s="109">
        <v>0</v>
      </c>
      <c r="NI37" s="109">
        <v>292872</v>
      </c>
      <c r="NJ37" s="109">
        <v>270888</v>
      </c>
      <c r="NK37" s="110">
        <v>563760</v>
      </c>
      <c r="NL37" s="292">
        <v>563760</v>
      </c>
      <c r="NM37" s="129">
        <v>0</v>
      </c>
      <c r="NN37" s="109">
        <v>0</v>
      </c>
      <c r="NO37" s="110">
        <v>0</v>
      </c>
      <c r="NP37" s="470">
        <v>0</v>
      </c>
      <c r="NQ37" s="109">
        <v>0</v>
      </c>
      <c r="NR37" s="109">
        <v>0</v>
      </c>
      <c r="NS37" s="109">
        <v>0</v>
      </c>
      <c r="NT37" s="109">
        <v>0</v>
      </c>
      <c r="NU37" s="109">
        <v>0</v>
      </c>
      <c r="NV37" s="110">
        <v>0</v>
      </c>
      <c r="NW37" s="111">
        <v>0</v>
      </c>
      <c r="NX37" s="129">
        <v>0</v>
      </c>
      <c r="NY37" s="109">
        <v>0</v>
      </c>
      <c r="NZ37" s="110">
        <v>0</v>
      </c>
      <c r="OA37" s="470">
        <v>0</v>
      </c>
      <c r="OB37" s="109">
        <v>0</v>
      </c>
      <c r="OC37" s="109">
        <v>0</v>
      </c>
      <c r="OD37" s="109">
        <v>0</v>
      </c>
      <c r="OE37" s="109">
        <v>0</v>
      </c>
      <c r="OF37" s="109">
        <v>0</v>
      </c>
      <c r="OG37" s="110">
        <v>0</v>
      </c>
      <c r="OH37" s="111">
        <v>0</v>
      </c>
      <c r="OI37" s="129">
        <v>10920</v>
      </c>
      <c r="OJ37" s="109">
        <v>2800</v>
      </c>
      <c r="OK37" s="128">
        <v>13720</v>
      </c>
      <c r="OL37" s="108">
        <v>0</v>
      </c>
      <c r="OM37" s="109">
        <v>697324</v>
      </c>
      <c r="ON37" s="109">
        <v>576406</v>
      </c>
      <c r="OO37" s="109">
        <v>619418</v>
      </c>
      <c r="OP37" s="109">
        <v>832747</v>
      </c>
      <c r="OQ37" s="109">
        <v>1142524</v>
      </c>
      <c r="OR37" s="110">
        <v>3868419</v>
      </c>
      <c r="OS37" s="130">
        <v>3882139</v>
      </c>
    </row>
    <row r="38" spans="2:409" ht="21" customHeight="1" x14ac:dyDescent="0.2">
      <c r="B38" s="437" t="s">
        <v>33</v>
      </c>
      <c r="C38" s="100">
        <v>22367</v>
      </c>
      <c r="D38" s="104">
        <v>195454</v>
      </c>
      <c r="E38" s="103">
        <v>217821</v>
      </c>
      <c r="F38" s="99">
        <v>0</v>
      </c>
      <c r="G38" s="104">
        <v>321609</v>
      </c>
      <c r="H38" s="104">
        <v>0</v>
      </c>
      <c r="I38" s="104">
        <v>840313</v>
      </c>
      <c r="J38" s="104">
        <v>430453</v>
      </c>
      <c r="K38" s="104">
        <v>514723</v>
      </c>
      <c r="L38" s="156">
        <v>2107098</v>
      </c>
      <c r="M38" s="106">
        <v>2324919</v>
      </c>
      <c r="N38" s="100">
        <v>0</v>
      </c>
      <c r="O38" s="104">
        <v>20713</v>
      </c>
      <c r="P38" s="103">
        <v>20713</v>
      </c>
      <c r="Q38" s="100">
        <v>0</v>
      </c>
      <c r="R38" s="104">
        <v>96577</v>
      </c>
      <c r="S38" s="104">
        <v>0</v>
      </c>
      <c r="T38" s="104">
        <v>77159</v>
      </c>
      <c r="U38" s="104">
        <v>16478</v>
      </c>
      <c r="V38" s="104">
        <v>204807</v>
      </c>
      <c r="W38" s="103">
        <v>395021</v>
      </c>
      <c r="X38" s="106">
        <v>415734</v>
      </c>
      <c r="Y38" s="100">
        <v>0</v>
      </c>
      <c r="Z38" s="104">
        <v>0</v>
      </c>
      <c r="AA38" s="103">
        <v>0</v>
      </c>
      <c r="AB38" s="100">
        <v>0</v>
      </c>
      <c r="AC38" s="104">
        <v>47059</v>
      </c>
      <c r="AD38" s="104">
        <v>0</v>
      </c>
      <c r="AE38" s="104">
        <v>0</v>
      </c>
      <c r="AF38" s="104">
        <v>0</v>
      </c>
      <c r="AG38" s="104">
        <v>172045</v>
      </c>
      <c r="AH38" s="103">
        <v>219104</v>
      </c>
      <c r="AI38" s="106">
        <v>219104</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0</v>
      </c>
      <c r="AZ38" s="104">
        <v>0</v>
      </c>
      <c r="BA38" s="104">
        <v>0</v>
      </c>
      <c r="BB38" s="104">
        <v>0</v>
      </c>
      <c r="BC38" s="104">
        <v>11384</v>
      </c>
      <c r="BD38" s="103">
        <v>11384</v>
      </c>
      <c r="BE38" s="106">
        <v>11384</v>
      </c>
      <c r="BF38" s="100">
        <v>0</v>
      </c>
      <c r="BG38" s="104">
        <v>7539</v>
      </c>
      <c r="BH38" s="102">
        <v>7539</v>
      </c>
      <c r="BI38" s="101">
        <v>0</v>
      </c>
      <c r="BJ38" s="104">
        <v>0</v>
      </c>
      <c r="BK38" s="104">
        <v>0</v>
      </c>
      <c r="BL38" s="104">
        <v>26738</v>
      </c>
      <c r="BM38" s="104">
        <v>0</v>
      </c>
      <c r="BN38" s="104">
        <v>0</v>
      </c>
      <c r="BO38" s="103">
        <v>26738</v>
      </c>
      <c r="BP38" s="106">
        <v>34277</v>
      </c>
      <c r="BQ38" s="100">
        <v>0</v>
      </c>
      <c r="BR38" s="104">
        <v>13174</v>
      </c>
      <c r="BS38" s="103">
        <v>13174</v>
      </c>
      <c r="BT38" s="100">
        <v>0</v>
      </c>
      <c r="BU38" s="104">
        <v>49518</v>
      </c>
      <c r="BV38" s="104">
        <v>0</v>
      </c>
      <c r="BW38" s="104">
        <v>50421</v>
      </c>
      <c r="BX38" s="104">
        <v>16478</v>
      </c>
      <c r="BY38" s="104">
        <v>21378</v>
      </c>
      <c r="BZ38" s="103">
        <v>137795</v>
      </c>
      <c r="CA38" s="106">
        <v>150969</v>
      </c>
      <c r="CB38" s="100">
        <v>18167</v>
      </c>
      <c r="CC38" s="104">
        <v>0</v>
      </c>
      <c r="CD38" s="103">
        <v>18167</v>
      </c>
      <c r="CE38" s="100">
        <v>0</v>
      </c>
      <c r="CF38" s="104">
        <v>69468</v>
      </c>
      <c r="CG38" s="104">
        <v>0</v>
      </c>
      <c r="CH38" s="104">
        <v>0</v>
      </c>
      <c r="CI38" s="104">
        <v>0</v>
      </c>
      <c r="CJ38" s="104">
        <v>56120</v>
      </c>
      <c r="CK38" s="103">
        <v>125588</v>
      </c>
      <c r="CL38" s="106">
        <v>143755</v>
      </c>
      <c r="CM38" s="100">
        <v>0</v>
      </c>
      <c r="CN38" s="104">
        <v>0</v>
      </c>
      <c r="CO38" s="103">
        <v>0</v>
      </c>
      <c r="CP38" s="101">
        <v>0</v>
      </c>
      <c r="CQ38" s="104">
        <v>54078</v>
      </c>
      <c r="CR38" s="104">
        <v>0</v>
      </c>
      <c r="CS38" s="104">
        <v>0</v>
      </c>
      <c r="CT38" s="104">
        <v>0</v>
      </c>
      <c r="CU38" s="104">
        <v>56120</v>
      </c>
      <c r="CV38" s="103">
        <v>110198</v>
      </c>
      <c r="CW38" s="106">
        <v>110198</v>
      </c>
      <c r="CX38" s="100">
        <v>18167</v>
      </c>
      <c r="CY38" s="104">
        <v>0</v>
      </c>
      <c r="CZ38" s="103">
        <v>18167</v>
      </c>
      <c r="DA38" s="100">
        <v>0</v>
      </c>
      <c r="DB38" s="104">
        <v>15390</v>
      </c>
      <c r="DC38" s="104">
        <v>0</v>
      </c>
      <c r="DD38" s="104">
        <v>0</v>
      </c>
      <c r="DE38" s="104">
        <v>0</v>
      </c>
      <c r="DF38" s="104">
        <v>0</v>
      </c>
      <c r="DG38" s="103">
        <v>15390</v>
      </c>
      <c r="DH38" s="106">
        <v>33557</v>
      </c>
      <c r="DI38" s="100">
        <v>0</v>
      </c>
      <c r="DJ38" s="104">
        <v>0</v>
      </c>
      <c r="DK38" s="102">
        <v>0</v>
      </c>
      <c r="DL38" s="101">
        <v>0</v>
      </c>
      <c r="DM38" s="104">
        <v>0</v>
      </c>
      <c r="DN38" s="104">
        <v>0</v>
      </c>
      <c r="DO38" s="104">
        <v>21420</v>
      </c>
      <c r="DP38" s="104">
        <v>14892</v>
      </c>
      <c r="DQ38" s="104">
        <v>0</v>
      </c>
      <c r="DR38" s="103">
        <v>36312</v>
      </c>
      <c r="DS38" s="106">
        <v>36312</v>
      </c>
      <c r="DT38" s="100">
        <v>0</v>
      </c>
      <c r="DU38" s="104">
        <v>0</v>
      </c>
      <c r="DV38" s="103">
        <v>0</v>
      </c>
      <c r="DW38" s="100">
        <v>0</v>
      </c>
      <c r="DX38" s="104">
        <v>0</v>
      </c>
      <c r="DY38" s="104">
        <v>0</v>
      </c>
      <c r="DZ38" s="104">
        <v>21420</v>
      </c>
      <c r="EA38" s="104">
        <v>14892</v>
      </c>
      <c r="EB38" s="104">
        <v>0</v>
      </c>
      <c r="EC38" s="103">
        <v>36312</v>
      </c>
      <c r="ED38" s="106">
        <v>36312</v>
      </c>
      <c r="EE38" s="100">
        <v>0</v>
      </c>
      <c r="EF38" s="102">
        <v>0</v>
      </c>
      <c r="EG38" s="103">
        <v>0</v>
      </c>
      <c r="EH38" s="100">
        <v>0</v>
      </c>
      <c r="EI38" s="104">
        <v>0</v>
      </c>
      <c r="EJ38" s="104">
        <v>0</v>
      </c>
      <c r="EK38" s="104">
        <v>0</v>
      </c>
      <c r="EL38" s="104">
        <v>0</v>
      </c>
      <c r="EM38" s="104">
        <v>0</v>
      </c>
      <c r="EN38" s="102">
        <v>0</v>
      </c>
      <c r="EO38" s="106">
        <v>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470">
        <v>0</v>
      </c>
      <c r="FE38" s="104">
        <v>0</v>
      </c>
      <c r="FF38" s="104">
        <v>0</v>
      </c>
      <c r="FG38" s="104">
        <v>0</v>
      </c>
      <c r="FH38" s="104">
        <v>0</v>
      </c>
      <c r="FI38" s="104">
        <v>0</v>
      </c>
      <c r="FJ38" s="103">
        <v>0</v>
      </c>
      <c r="FK38" s="106">
        <v>0</v>
      </c>
      <c r="FL38" s="100">
        <v>4200</v>
      </c>
      <c r="FM38" s="104">
        <v>7840</v>
      </c>
      <c r="FN38" s="103">
        <v>12040</v>
      </c>
      <c r="FO38" s="100">
        <v>0</v>
      </c>
      <c r="FP38" s="104">
        <v>16870</v>
      </c>
      <c r="FQ38" s="104">
        <v>0</v>
      </c>
      <c r="FR38" s="104">
        <v>28350</v>
      </c>
      <c r="FS38" s="104">
        <v>2100</v>
      </c>
      <c r="FT38" s="104">
        <v>46256</v>
      </c>
      <c r="FU38" s="103">
        <v>93576</v>
      </c>
      <c r="FV38" s="106">
        <v>105616</v>
      </c>
      <c r="FW38" s="105">
        <v>4200</v>
      </c>
      <c r="FX38" s="104">
        <v>7840</v>
      </c>
      <c r="FY38" s="102">
        <v>12040</v>
      </c>
      <c r="FZ38" s="101">
        <v>0</v>
      </c>
      <c r="GA38" s="104">
        <v>16870</v>
      </c>
      <c r="GB38" s="104">
        <v>0</v>
      </c>
      <c r="GC38" s="104">
        <v>28350</v>
      </c>
      <c r="GD38" s="104">
        <v>2100</v>
      </c>
      <c r="GE38" s="104">
        <v>46256</v>
      </c>
      <c r="GF38" s="103">
        <v>93576</v>
      </c>
      <c r="GG38" s="290">
        <v>105616</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166901</v>
      </c>
      <c r="HF38" s="102">
        <v>166901</v>
      </c>
      <c r="HG38" s="101">
        <v>0</v>
      </c>
      <c r="HH38" s="104">
        <v>138694</v>
      </c>
      <c r="HI38" s="104">
        <v>0</v>
      </c>
      <c r="HJ38" s="104">
        <v>713384</v>
      </c>
      <c r="HK38" s="104">
        <v>396983</v>
      </c>
      <c r="HL38" s="104">
        <v>207540</v>
      </c>
      <c r="HM38" s="103">
        <v>1456601</v>
      </c>
      <c r="HN38" s="99">
        <v>1623502</v>
      </c>
      <c r="HO38" s="456">
        <v>0</v>
      </c>
      <c r="HP38" s="457">
        <v>0</v>
      </c>
      <c r="HQ38" s="458">
        <v>0</v>
      </c>
      <c r="HR38" s="459">
        <v>0</v>
      </c>
      <c r="HS38" s="457">
        <v>0</v>
      </c>
      <c r="HT38" s="457">
        <v>0</v>
      </c>
      <c r="HU38" s="457">
        <v>0</v>
      </c>
      <c r="HV38" s="457">
        <v>0</v>
      </c>
      <c r="HW38" s="457">
        <v>0</v>
      </c>
      <c r="HX38" s="460">
        <v>0</v>
      </c>
      <c r="HY38" s="461">
        <v>0</v>
      </c>
      <c r="HZ38" s="135">
        <v>0</v>
      </c>
      <c r="IA38" s="122">
        <v>0</v>
      </c>
      <c r="IB38" s="135">
        <v>0</v>
      </c>
      <c r="IC38" s="131">
        <v>0</v>
      </c>
      <c r="ID38" s="119">
        <v>51893</v>
      </c>
      <c r="IE38" s="132">
        <v>0</v>
      </c>
      <c r="IF38" s="120">
        <v>275812</v>
      </c>
      <c r="IG38" s="119">
        <v>62540</v>
      </c>
      <c r="IH38" s="120">
        <v>239532</v>
      </c>
      <c r="II38" s="133">
        <v>629777</v>
      </c>
      <c r="IJ38" s="135">
        <v>629777</v>
      </c>
      <c r="IK38" s="215">
        <v>0</v>
      </c>
      <c r="IL38" s="219">
        <v>0</v>
      </c>
      <c r="IM38" s="220">
        <v>0</v>
      </c>
      <c r="IN38" s="470">
        <v>0</v>
      </c>
      <c r="IO38" s="109">
        <v>0</v>
      </c>
      <c r="IP38" s="109">
        <v>0</v>
      </c>
      <c r="IQ38" s="109">
        <v>0</v>
      </c>
      <c r="IR38" s="109">
        <v>0</v>
      </c>
      <c r="IS38" s="109">
        <v>0</v>
      </c>
      <c r="IT38" s="128">
        <v>0</v>
      </c>
      <c r="IU38" s="292">
        <v>0</v>
      </c>
      <c r="IV38" s="129">
        <v>0</v>
      </c>
      <c r="IW38" s="109">
        <v>0</v>
      </c>
      <c r="IX38" s="110">
        <v>0</v>
      </c>
      <c r="IY38" s="470">
        <v>0</v>
      </c>
      <c r="IZ38" s="109">
        <v>0</v>
      </c>
      <c r="JA38" s="109">
        <v>0</v>
      </c>
      <c r="JB38" s="109">
        <v>0</v>
      </c>
      <c r="JC38" s="109">
        <v>0</v>
      </c>
      <c r="JD38" s="109">
        <v>0</v>
      </c>
      <c r="JE38" s="110">
        <v>0</v>
      </c>
      <c r="JF38" s="111">
        <v>0</v>
      </c>
      <c r="JG38" s="129">
        <v>0</v>
      </c>
      <c r="JH38" s="109">
        <v>0</v>
      </c>
      <c r="JI38" s="128">
        <v>0</v>
      </c>
      <c r="JJ38" s="108">
        <v>0</v>
      </c>
      <c r="JK38" s="109">
        <v>51893</v>
      </c>
      <c r="JL38" s="109">
        <v>0</v>
      </c>
      <c r="JM38" s="109">
        <v>58600</v>
      </c>
      <c r="JN38" s="109">
        <v>62540</v>
      </c>
      <c r="JO38" s="109">
        <v>0</v>
      </c>
      <c r="JP38" s="110">
        <v>173033</v>
      </c>
      <c r="JQ38" s="292">
        <v>173033</v>
      </c>
      <c r="JR38" s="129">
        <v>0</v>
      </c>
      <c r="JS38" s="109">
        <v>0</v>
      </c>
      <c r="JT38" s="128">
        <v>0</v>
      </c>
      <c r="JU38" s="108">
        <v>0</v>
      </c>
      <c r="JV38" s="109">
        <v>0</v>
      </c>
      <c r="JW38" s="109">
        <v>0</v>
      </c>
      <c r="JX38" s="109">
        <v>0</v>
      </c>
      <c r="JY38" s="109">
        <v>0</v>
      </c>
      <c r="JZ38" s="109">
        <v>0</v>
      </c>
      <c r="KA38" s="110">
        <v>0</v>
      </c>
      <c r="KB38" s="292">
        <v>0</v>
      </c>
      <c r="KC38" s="217">
        <v>0</v>
      </c>
      <c r="KD38" s="213">
        <v>0</v>
      </c>
      <c r="KE38" s="110">
        <v>0</v>
      </c>
      <c r="KF38" s="108">
        <v>0</v>
      </c>
      <c r="KG38" s="109">
        <v>0</v>
      </c>
      <c r="KH38" s="109">
        <v>0</v>
      </c>
      <c r="KI38" s="109">
        <v>0</v>
      </c>
      <c r="KJ38" s="109">
        <v>0</v>
      </c>
      <c r="KK38" s="109">
        <v>0</v>
      </c>
      <c r="KL38" s="110">
        <v>0</v>
      </c>
      <c r="KM38" s="130">
        <v>0</v>
      </c>
      <c r="KN38" s="215">
        <v>0</v>
      </c>
      <c r="KO38" s="219">
        <v>0</v>
      </c>
      <c r="KP38" s="220">
        <v>0</v>
      </c>
      <c r="KQ38" s="470">
        <v>0</v>
      </c>
      <c r="KR38" s="109">
        <v>0</v>
      </c>
      <c r="KS38" s="109">
        <v>0</v>
      </c>
      <c r="KT38" s="109">
        <v>217212</v>
      </c>
      <c r="KU38" s="109">
        <v>0</v>
      </c>
      <c r="KV38" s="109">
        <v>0</v>
      </c>
      <c r="KW38" s="110">
        <v>217212</v>
      </c>
      <c r="KX38" s="292">
        <v>217212</v>
      </c>
      <c r="KY38" s="129">
        <v>0</v>
      </c>
      <c r="KZ38" s="109">
        <v>0</v>
      </c>
      <c r="LA38" s="110">
        <v>0</v>
      </c>
      <c r="LB38" s="470">
        <v>0</v>
      </c>
      <c r="LC38" s="109">
        <v>0</v>
      </c>
      <c r="LD38" s="109">
        <v>0</v>
      </c>
      <c r="LE38" s="109">
        <v>0</v>
      </c>
      <c r="LF38" s="109">
        <v>0</v>
      </c>
      <c r="LG38" s="109">
        <v>0</v>
      </c>
      <c r="LH38" s="110">
        <v>0</v>
      </c>
      <c r="LI38" s="111">
        <v>0</v>
      </c>
      <c r="LJ38" s="129">
        <v>0</v>
      </c>
      <c r="LK38" s="109">
        <v>0</v>
      </c>
      <c r="LL38" s="110">
        <v>0</v>
      </c>
      <c r="LM38" s="470">
        <v>0</v>
      </c>
      <c r="LN38" s="109">
        <v>0</v>
      </c>
      <c r="LO38" s="109">
        <v>0</v>
      </c>
      <c r="LP38" s="109">
        <v>0</v>
      </c>
      <c r="LQ38" s="109">
        <v>0</v>
      </c>
      <c r="LR38" s="109">
        <v>0</v>
      </c>
      <c r="LS38" s="110">
        <v>0</v>
      </c>
      <c r="LT38" s="292">
        <v>0</v>
      </c>
      <c r="LU38" s="129">
        <v>0</v>
      </c>
      <c r="LV38" s="109">
        <v>0</v>
      </c>
      <c r="LW38" s="110">
        <v>0</v>
      </c>
      <c r="LX38" s="470">
        <v>0</v>
      </c>
      <c r="LY38" s="109">
        <v>0</v>
      </c>
      <c r="LZ38" s="109">
        <v>0</v>
      </c>
      <c r="MA38" s="109">
        <v>0</v>
      </c>
      <c r="MB38" s="109">
        <v>0</v>
      </c>
      <c r="MC38" s="109">
        <v>239532</v>
      </c>
      <c r="MD38" s="110">
        <v>239532</v>
      </c>
      <c r="ME38" s="111">
        <v>239532</v>
      </c>
      <c r="MF38" s="129">
        <v>0</v>
      </c>
      <c r="MG38" s="109">
        <v>0</v>
      </c>
      <c r="MH38" s="110">
        <v>0</v>
      </c>
      <c r="MI38" s="470">
        <v>0</v>
      </c>
      <c r="MJ38" s="109">
        <v>0</v>
      </c>
      <c r="MK38" s="109">
        <v>0</v>
      </c>
      <c r="ML38" s="109">
        <v>228381</v>
      </c>
      <c r="MM38" s="109">
        <v>114473</v>
      </c>
      <c r="MN38" s="109">
        <v>1234461</v>
      </c>
      <c r="MO38" s="110">
        <v>1577315</v>
      </c>
      <c r="MP38" s="130">
        <v>1577315</v>
      </c>
      <c r="MQ38" s="129">
        <v>0</v>
      </c>
      <c r="MR38" s="109">
        <v>0</v>
      </c>
      <c r="MS38" s="110">
        <v>0</v>
      </c>
      <c r="MT38" s="470">
        <v>0</v>
      </c>
      <c r="MU38" s="109">
        <v>0</v>
      </c>
      <c r="MV38" s="109">
        <v>0</v>
      </c>
      <c r="MW38" s="109">
        <v>0</v>
      </c>
      <c r="MX38" s="109">
        <v>0</v>
      </c>
      <c r="MY38" s="109">
        <v>0</v>
      </c>
      <c r="MZ38" s="110">
        <v>0</v>
      </c>
      <c r="NA38" s="130">
        <v>0</v>
      </c>
      <c r="NB38" s="129">
        <v>0</v>
      </c>
      <c r="NC38" s="109">
        <v>0</v>
      </c>
      <c r="ND38" s="110">
        <v>0</v>
      </c>
      <c r="NE38" s="470">
        <v>0</v>
      </c>
      <c r="NF38" s="109">
        <v>0</v>
      </c>
      <c r="NG38" s="109">
        <v>0</v>
      </c>
      <c r="NH38" s="109">
        <v>228381</v>
      </c>
      <c r="NI38" s="109">
        <v>0</v>
      </c>
      <c r="NJ38" s="109">
        <v>330575</v>
      </c>
      <c r="NK38" s="110">
        <v>558956</v>
      </c>
      <c r="NL38" s="292">
        <v>558956</v>
      </c>
      <c r="NM38" s="129">
        <v>0</v>
      </c>
      <c r="NN38" s="109">
        <v>0</v>
      </c>
      <c r="NO38" s="110">
        <v>0</v>
      </c>
      <c r="NP38" s="470">
        <v>0</v>
      </c>
      <c r="NQ38" s="109">
        <v>0</v>
      </c>
      <c r="NR38" s="109">
        <v>0</v>
      </c>
      <c r="NS38" s="109">
        <v>0</v>
      </c>
      <c r="NT38" s="109">
        <v>0</v>
      </c>
      <c r="NU38" s="109">
        <v>0</v>
      </c>
      <c r="NV38" s="110">
        <v>0</v>
      </c>
      <c r="NW38" s="111">
        <v>0</v>
      </c>
      <c r="NX38" s="129">
        <v>0</v>
      </c>
      <c r="NY38" s="109">
        <v>0</v>
      </c>
      <c r="NZ38" s="110">
        <v>0</v>
      </c>
      <c r="OA38" s="470">
        <v>0</v>
      </c>
      <c r="OB38" s="109">
        <v>0</v>
      </c>
      <c r="OC38" s="109">
        <v>0</v>
      </c>
      <c r="OD38" s="109">
        <v>0</v>
      </c>
      <c r="OE38" s="109">
        <v>114473</v>
      </c>
      <c r="OF38" s="109">
        <v>903886</v>
      </c>
      <c r="OG38" s="110">
        <v>1018359</v>
      </c>
      <c r="OH38" s="111">
        <v>1018359</v>
      </c>
      <c r="OI38" s="129">
        <v>22367</v>
      </c>
      <c r="OJ38" s="109">
        <v>195454</v>
      </c>
      <c r="OK38" s="128">
        <v>217821</v>
      </c>
      <c r="OL38" s="108">
        <v>0</v>
      </c>
      <c r="OM38" s="109">
        <v>373502</v>
      </c>
      <c r="ON38" s="109">
        <v>0</v>
      </c>
      <c r="OO38" s="109">
        <v>1344506</v>
      </c>
      <c r="OP38" s="109">
        <v>607466</v>
      </c>
      <c r="OQ38" s="109">
        <v>1988716</v>
      </c>
      <c r="OR38" s="110">
        <v>4314190</v>
      </c>
      <c r="OS38" s="130">
        <v>4532011</v>
      </c>
    </row>
    <row r="39" spans="2:409" ht="21" customHeight="1" x14ac:dyDescent="0.2">
      <c r="B39" s="437" t="s">
        <v>34</v>
      </c>
      <c r="C39" s="100">
        <v>0</v>
      </c>
      <c r="D39" s="104">
        <v>40978</v>
      </c>
      <c r="E39" s="157">
        <v>40978</v>
      </c>
      <c r="F39" s="158">
        <v>0</v>
      </c>
      <c r="G39" s="159">
        <v>50232</v>
      </c>
      <c r="H39" s="159">
        <v>153734</v>
      </c>
      <c r="I39" s="159">
        <v>595880</v>
      </c>
      <c r="J39" s="159">
        <v>0</v>
      </c>
      <c r="K39" s="159">
        <v>0</v>
      </c>
      <c r="L39" s="160">
        <v>799846</v>
      </c>
      <c r="M39" s="106">
        <v>840824</v>
      </c>
      <c r="N39" s="100">
        <v>0</v>
      </c>
      <c r="O39" s="104">
        <v>38178</v>
      </c>
      <c r="P39" s="103">
        <v>38178</v>
      </c>
      <c r="Q39" s="100">
        <v>0</v>
      </c>
      <c r="R39" s="104">
        <v>46732</v>
      </c>
      <c r="S39" s="104">
        <v>48202</v>
      </c>
      <c r="T39" s="104">
        <v>70686</v>
      </c>
      <c r="U39" s="104">
        <v>0</v>
      </c>
      <c r="V39" s="104">
        <v>0</v>
      </c>
      <c r="W39" s="103">
        <v>165620</v>
      </c>
      <c r="X39" s="106">
        <v>203798</v>
      </c>
      <c r="Y39" s="100">
        <v>0</v>
      </c>
      <c r="Z39" s="104">
        <v>0</v>
      </c>
      <c r="AA39" s="103">
        <v>0</v>
      </c>
      <c r="AB39" s="100">
        <v>0</v>
      </c>
      <c r="AC39" s="104">
        <v>31199</v>
      </c>
      <c r="AD39" s="104">
        <v>0</v>
      </c>
      <c r="AE39" s="104">
        <v>0</v>
      </c>
      <c r="AF39" s="104">
        <v>0</v>
      </c>
      <c r="AG39" s="104">
        <v>0</v>
      </c>
      <c r="AH39" s="103">
        <v>31199</v>
      </c>
      <c r="AI39" s="106">
        <v>31199</v>
      </c>
      <c r="AJ39" s="100">
        <v>0</v>
      </c>
      <c r="AK39" s="104">
        <v>0</v>
      </c>
      <c r="AL39" s="103">
        <v>0</v>
      </c>
      <c r="AM39" s="100">
        <v>0</v>
      </c>
      <c r="AN39" s="104">
        <v>0</v>
      </c>
      <c r="AO39" s="104">
        <v>0</v>
      </c>
      <c r="AP39" s="104">
        <v>39802</v>
      </c>
      <c r="AQ39" s="104">
        <v>0</v>
      </c>
      <c r="AR39" s="104">
        <v>0</v>
      </c>
      <c r="AS39" s="103">
        <v>39802</v>
      </c>
      <c r="AT39" s="106">
        <v>39802</v>
      </c>
      <c r="AU39" s="100">
        <v>0</v>
      </c>
      <c r="AV39" s="104">
        <v>38178</v>
      </c>
      <c r="AW39" s="103">
        <v>38178</v>
      </c>
      <c r="AX39" s="100">
        <v>0</v>
      </c>
      <c r="AY39" s="104">
        <v>0</v>
      </c>
      <c r="AZ39" s="104">
        <v>0</v>
      </c>
      <c r="BA39" s="104">
        <v>0</v>
      </c>
      <c r="BB39" s="104">
        <v>0</v>
      </c>
      <c r="BC39" s="104">
        <v>0</v>
      </c>
      <c r="BD39" s="103">
        <v>0</v>
      </c>
      <c r="BE39" s="106">
        <v>38178</v>
      </c>
      <c r="BF39" s="100">
        <v>0</v>
      </c>
      <c r="BG39" s="104">
        <v>0</v>
      </c>
      <c r="BH39" s="102">
        <v>0</v>
      </c>
      <c r="BI39" s="101">
        <v>0</v>
      </c>
      <c r="BJ39" s="104">
        <v>0</v>
      </c>
      <c r="BK39" s="104">
        <v>48202</v>
      </c>
      <c r="BL39" s="104">
        <v>17346</v>
      </c>
      <c r="BM39" s="104">
        <v>0</v>
      </c>
      <c r="BN39" s="104">
        <v>0</v>
      </c>
      <c r="BO39" s="103">
        <v>65548</v>
      </c>
      <c r="BP39" s="106">
        <v>65548</v>
      </c>
      <c r="BQ39" s="100">
        <v>0</v>
      </c>
      <c r="BR39" s="104">
        <v>0</v>
      </c>
      <c r="BS39" s="103">
        <v>0</v>
      </c>
      <c r="BT39" s="100">
        <v>0</v>
      </c>
      <c r="BU39" s="104">
        <v>15533</v>
      </c>
      <c r="BV39" s="104">
        <v>0</v>
      </c>
      <c r="BW39" s="104">
        <v>13538</v>
      </c>
      <c r="BX39" s="104">
        <v>0</v>
      </c>
      <c r="BY39" s="104">
        <v>0</v>
      </c>
      <c r="BZ39" s="103">
        <v>29071</v>
      </c>
      <c r="CA39" s="106">
        <v>29071</v>
      </c>
      <c r="CB39" s="100">
        <v>0</v>
      </c>
      <c r="CC39" s="104">
        <v>0</v>
      </c>
      <c r="CD39" s="103">
        <v>0</v>
      </c>
      <c r="CE39" s="100">
        <v>0</v>
      </c>
      <c r="CF39" s="104">
        <v>0</v>
      </c>
      <c r="CG39" s="104">
        <v>97832</v>
      </c>
      <c r="CH39" s="104">
        <v>174853</v>
      </c>
      <c r="CI39" s="104">
        <v>0</v>
      </c>
      <c r="CJ39" s="104">
        <v>0</v>
      </c>
      <c r="CK39" s="103">
        <v>272685</v>
      </c>
      <c r="CL39" s="106">
        <v>272685</v>
      </c>
      <c r="CM39" s="100">
        <v>0</v>
      </c>
      <c r="CN39" s="104">
        <v>0</v>
      </c>
      <c r="CO39" s="103">
        <v>0</v>
      </c>
      <c r="CP39" s="101">
        <v>0</v>
      </c>
      <c r="CQ39" s="104">
        <v>0</v>
      </c>
      <c r="CR39" s="104">
        <v>97832</v>
      </c>
      <c r="CS39" s="104">
        <v>174853</v>
      </c>
      <c r="CT39" s="104">
        <v>0</v>
      </c>
      <c r="CU39" s="104">
        <v>0</v>
      </c>
      <c r="CV39" s="103">
        <v>272685</v>
      </c>
      <c r="CW39" s="106">
        <v>272685</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470">
        <v>0</v>
      </c>
      <c r="FE39" s="104">
        <v>0</v>
      </c>
      <c r="FF39" s="104">
        <v>0</v>
      </c>
      <c r="FG39" s="104">
        <v>0</v>
      </c>
      <c r="FH39" s="104">
        <v>0</v>
      </c>
      <c r="FI39" s="104">
        <v>0</v>
      </c>
      <c r="FJ39" s="103">
        <v>0</v>
      </c>
      <c r="FK39" s="106">
        <v>0</v>
      </c>
      <c r="FL39" s="100">
        <v>0</v>
      </c>
      <c r="FM39" s="104">
        <v>2800</v>
      </c>
      <c r="FN39" s="103">
        <v>2800</v>
      </c>
      <c r="FO39" s="100">
        <v>0</v>
      </c>
      <c r="FP39" s="104">
        <v>3500</v>
      </c>
      <c r="FQ39" s="104">
        <v>7700</v>
      </c>
      <c r="FR39" s="104">
        <v>1400</v>
      </c>
      <c r="FS39" s="104">
        <v>0</v>
      </c>
      <c r="FT39" s="104">
        <v>0</v>
      </c>
      <c r="FU39" s="103">
        <v>12600</v>
      </c>
      <c r="FV39" s="106">
        <v>15400</v>
      </c>
      <c r="FW39" s="105">
        <v>0</v>
      </c>
      <c r="FX39" s="104">
        <v>2800</v>
      </c>
      <c r="FY39" s="102">
        <v>2800</v>
      </c>
      <c r="FZ39" s="101">
        <v>0</v>
      </c>
      <c r="GA39" s="104">
        <v>3500</v>
      </c>
      <c r="GB39" s="104">
        <v>7700</v>
      </c>
      <c r="GC39" s="104">
        <v>1400</v>
      </c>
      <c r="GD39" s="104">
        <v>0</v>
      </c>
      <c r="GE39" s="104">
        <v>0</v>
      </c>
      <c r="GF39" s="103">
        <v>12600</v>
      </c>
      <c r="GG39" s="290">
        <v>15400</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0</v>
      </c>
      <c r="HJ39" s="104">
        <v>348941</v>
      </c>
      <c r="HK39" s="104">
        <v>0</v>
      </c>
      <c r="HL39" s="104">
        <v>0</v>
      </c>
      <c r="HM39" s="103">
        <v>348941</v>
      </c>
      <c r="HN39" s="99">
        <v>348941</v>
      </c>
      <c r="HO39" s="456">
        <v>0</v>
      </c>
      <c r="HP39" s="457">
        <v>0</v>
      </c>
      <c r="HQ39" s="458">
        <v>0</v>
      </c>
      <c r="HR39" s="459">
        <v>0</v>
      </c>
      <c r="HS39" s="457">
        <v>0</v>
      </c>
      <c r="HT39" s="457">
        <v>0</v>
      </c>
      <c r="HU39" s="457">
        <v>0</v>
      </c>
      <c r="HV39" s="457">
        <v>0</v>
      </c>
      <c r="HW39" s="457">
        <v>0</v>
      </c>
      <c r="HX39" s="460">
        <v>0</v>
      </c>
      <c r="HY39" s="461">
        <v>0</v>
      </c>
      <c r="HZ39" s="118">
        <v>0</v>
      </c>
      <c r="IA39" s="119">
        <v>0</v>
      </c>
      <c r="IB39" s="120">
        <v>0</v>
      </c>
      <c r="IC39" s="131">
        <v>0</v>
      </c>
      <c r="ID39" s="119">
        <v>98350</v>
      </c>
      <c r="IE39" s="132">
        <v>0</v>
      </c>
      <c r="IF39" s="120">
        <v>0</v>
      </c>
      <c r="IG39" s="119">
        <v>0</v>
      </c>
      <c r="IH39" s="120">
        <v>0</v>
      </c>
      <c r="II39" s="133">
        <v>98350</v>
      </c>
      <c r="IJ39" s="126">
        <v>98350</v>
      </c>
      <c r="IK39" s="215">
        <v>0</v>
      </c>
      <c r="IL39" s="219">
        <v>0</v>
      </c>
      <c r="IM39" s="220">
        <v>0</v>
      </c>
      <c r="IN39" s="470">
        <v>0</v>
      </c>
      <c r="IO39" s="109">
        <v>0</v>
      </c>
      <c r="IP39" s="109">
        <v>0</v>
      </c>
      <c r="IQ39" s="109">
        <v>0</v>
      </c>
      <c r="IR39" s="109">
        <v>0</v>
      </c>
      <c r="IS39" s="109">
        <v>0</v>
      </c>
      <c r="IT39" s="128">
        <v>0</v>
      </c>
      <c r="IU39" s="292">
        <v>0</v>
      </c>
      <c r="IV39" s="129">
        <v>0</v>
      </c>
      <c r="IW39" s="109">
        <v>0</v>
      </c>
      <c r="IX39" s="110">
        <v>0</v>
      </c>
      <c r="IY39" s="470">
        <v>0</v>
      </c>
      <c r="IZ39" s="109">
        <v>0</v>
      </c>
      <c r="JA39" s="109">
        <v>0</v>
      </c>
      <c r="JB39" s="109">
        <v>0</v>
      </c>
      <c r="JC39" s="109">
        <v>0</v>
      </c>
      <c r="JD39" s="109">
        <v>0</v>
      </c>
      <c r="JE39" s="110">
        <v>0</v>
      </c>
      <c r="JF39" s="111">
        <v>0</v>
      </c>
      <c r="JG39" s="129">
        <v>0</v>
      </c>
      <c r="JH39" s="109">
        <v>0</v>
      </c>
      <c r="JI39" s="128">
        <v>0</v>
      </c>
      <c r="JJ39" s="108">
        <v>0</v>
      </c>
      <c r="JK39" s="109">
        <v>0</v>
      </c>
      <c r="JL39" s="109">
        <v>0</v>
      </c>
      <c r="JM39" s="109">
        <v>0</v>
      </c>
      <c r="JN39" s="109">
        <v>0</v>
      </c>
      <c r="JO39" s="109">
        <v>0</v>
      </c>
      <c r="JP39" s="110">
        <v>0</v>
      </c>
      <c r="JQ39" s="292">
        <v>0</v>
      </c>
      <c r="JR39" s="129">
        <v>0</v>
      </c>
      <c r="JS39" s="109">
        <v>0</v>
      </c>
      <c r="JT39" s="128">
        <v>0</v>
      </c>
      <c r="JU39" s="108">
        <v>0</v>
      </c>
      <c r="JV39" s="109">
        <v>0</v>
      </c>
      <c r="JW39" s="109">
        <v>0</v>
      </c>
      <c r="JX39" s="109">
        <v>0</v>
      </c>
      <c r="JY39" s="109">
        <v>0</v>
      </c>
      <c r="JZ39" s="109">
        <v>0</v>
      </c>
      <c r="KA39" s="110">
        <v>0</v>
      </c>
      <c r="KB39" s="292">
        <v>0</v>
      </c>
      <c r="KC39" s="217">
        <v>0</v>
      </c>
      <c r="KD39" s="213">
        <v>0</v>
      </c>
      <c r="KE39" s="110">
        <v>0</v>
      </c>
      <c r="KF39" s="108">
        <v>0</v>
      </c>
      <c r="KG39" s="109">
        <v>98350</v>
      </c>
      <c r="KH39" s="109">
        <v>0</v>
      </c>
      <c r="KI39" s="109">
        <v>0</v>
      </c>
      <c r="KJ39" s="109">
        <v>0</v>
      </c>
      <c r="KK39" s="109">
        <v>0</v>
      </c>
      <c r="KL39" s="110">
        <v>98350</v>
      </c>
      <c r="KM39" s="130">
        <v>98350</v>
      </c>
      <c r="KN39" s="215">
        <v>0</v>
      </c>
      <c r="KO39" s="219">
        <v>0</v>
      </c>
      <c r="KP39" s="220">
        <v>0</v>
      </c>
      <c r="KQ39" s="470">
        <v>0</v>
      </c>
      <c r="KR39" s="109">
        <v>0</v>
      </c>
      <c r="KS39" s="109">
        <v>0</v>
      </c>
      <c r="KT39" s="109">
        <v>0</v>
      </c>
      <c r="KU39" s="109">
        <v>0</v>
      </c>
      <c r="KV39" s="109">
        <v>0</v>
      </c>
      <c r="KW39" s="110">
        <v>0</v>
      </c>
      <c r="KX39" s="292">
        <v>0</v>
      </c>
      <c r="KY39" s="129">
        <v>0</v>
      </c>
      <c r="KZ39" s="109">
        <v>0</v>
      </c>
      <c r="LA39" s="110">
        <v>0</v>
      </c>
      <c r="LB39" s="470">
        <v>0</v>
      </c>
      <c r="LC39" s="109">
        <v>0</v>
      </c>
      <c r="LD39" s="109">
        <v>0</v>
      </c>
      <c r="LE39" s="109">
        <v>0</v>
      </c>
      <c r="LF39" s="109">
        <v>0</v>
      </c>
      <c r="LG39" s="109">
        <v>0</v>
      </c>
      <c r="LH39" s="110">
        <v>0</v>
      </c>
      <c r="LI39" s="111">
        <v>0</v>
      </c>
      <c r="LJ39" s="129">
        <v>0</v>
      </c>
      <c r="LK39" s="109">
        <v>0</v>
      </c>
      <c r="LL39" s="110">
        <v>0</v>
      </c>
      <c r="LM39" s="470">
        <v>0</v>
      </c>
      <c r="LN39" s="109">
        <v>0</v>
      </c>
      <c r="LO39" s="109">
        <v>0</v>
      </c>
      <c r="LP39" s="109">
        <v>0</v>
      </c>
      <c r="LQ39" s="109">
        <v>0</v>
      </c>
      <c r="LR39" s="109">
        <v>0</v>
      </c>
      <c r="LS39" s="110">
        <v>0</v>
      </c>
      <c r="LT39" s="292">
        <v>0</v>
      </c>
      <c r="LU39" s="129">
        <v>0</v>
      </c>
      <c r="LV39" s="109">
        <v>0</v>
      </c>
      <c r="LW39" s="110">
        <v>0</v>
      </c>
      <c r="LX39" s="470">
        <v>0</v>
      </c>
      <c r="LY39" s="109">
        <v>0</v>
      </c>
      <c r="LZ39" s="109">
        <v>0</v>
      </c>
      <c r="MA39" s="109">
        <v>0</v>
      </c>
      <c r="MB39" s="109">
        <v>0</v>
      </c>
      <c r="MC39" s="109">
        <v>0</v>
      </c>
      <c r="MD39" s="110">
        <v>0</v>
      </c>
      <c r="ME39" s="111">
        <v>0</v>
      </c>
      <c r="MF39" s="129">
        <v>0</v>
      </c>
      <c r="MG39" s="109">
        <v>0</v>
      </c>
      <c r="MH39" s="110">
        <v>0</v>
      </c>
      <c r="MI39" s="470">
        <v>0</v>
      </c>
      <c r="MJ39" s="109">
        <v>0</v>
      </c>
      <c r="MK39" s="109">
        <v>0</v>
      </c>
      <c r="ML39" s="109">
        <v>0</v>
      </c>
      <c r="MM39" s="109">
        <v>252835</v>
      </c>
      <c r="MN39" s="109">
        <v>0</v>
      </c>
      <c r="MO39" s="110">
        <v>252835</v>
      </c>
      <c r="MP39" s="130">
        <v>252835</v>
      </c>
      <c r="MQ39" s="129">
        <v>0</v>
      </c>
      <c r="MR39" s="109">
        <v>0</v>
      </c>
      <c r="MS39" s="110">
        <v>0</v>
      </c>
      <c r="MT39" s="470">
        <v>0</v>
      </c>
      <c r="MU39" s="109">
        <v>0</v>
      </c>
      <c r="MV39" s="109">
        <v>0</v>
      </c>
      <c r="MW39" s="109">
        <v>0</v>
      </c>
      <c r="MX39" s="109">
        <v>0</v>
      </c>
      <c r="MY39" s="109">
        <v>0</v>
      </c>
      <c r="MZ39" s="110">
        <v>0</v>
      </c>
      <c r="NA39" s="130">
        <v>0</v>
      </c>
      <c r="NB39" s="129">
        <v>0</v>
      </c>
      <c r="NC39" s="109">
        <v>0</v>
      </c>
      <c r="ND39" s="110">
        <v>0</v>
      </c>
      <c r="NE39" s="470">
        <v>0</v>
      </c>
      <c r="NF39" s="109">
        <v>0</v>
      </c>
      <c r="NG39" s="109">
        <v>0</v>
      </c>
      <c r="NH39" s="109">
        <v>0</v>
      </c>
      <c r="NI39" s="109">
        <v>252835</v>
      </c>
      <c r="NJ39" s="109">
        <v>0</v>
      </c>
      <c r="NK39" s="110">
        <v>252835</v>
      </c>
      <c r="NL39" s="292">
        <v>252835</v>
      </c>
      <c r="NM39" s="129">
        <v>0</v>
      </c>
      <c r="NN39" s="109">
        <v>0</v>
      </c>
      <c r="NO39" s="110">
        <v>0</v>
      </c>
      <c r="NP39" s="470">
        <v>0</v>
      </c>
      <c r="NQ39" s="109">
        <v>0</v>
      </c>
      <c r="NR39" s="109">
        <v>0</v>
      </c>
      <c r="NS39" s="109">
        <v>0</v>
      </c>
      <c r="NT39" s="109">
        <v>0</v>
      </c>
      <c r="NU39" s="109">
        <v>0</v>
      </c>
      <c r="NV39" s="110">
        <v>0</v>
      </c>
      <c r="NW39" s="111">
        <v>0</v>
      </c>
      <c r="NX39" s="129">
        <v>0</v>
      </c>
      <c r="NY39" s="109">
        <v>0</v>
      </c>
      <c r="NZ39" s="110">
        <v>0</v>
      </c>
      <c r="OA39" s="470">
        <v>0</v>
      </c>
      <c r="OB39" s="109">
        <v>0</v>
      </c>
      <c r="OC39" s="109">
        <v>0</v>
      </c>
      <c r="OD39" s="109">
        <v>0</v>
      </c>
      <c r="OE39" s="109">
        <v>0</v>
      </c>
      <c r="OF39" s="109">
        <v>0</v>
      </c>
      <c r="OG39" s="110">
        <v>0</v>
      </c>
      <c r="OH39" s="111">
        <v>0</v>
      </c>
      <c r="OI39" s="129">
        <v>0</v>
      </c>
      <c r="OJ39" s="109">
        <v>40978</v>
      </c>
      <c r="OK39" s="128">
        <v>40978</v>
      </c>
      <c r="OL39" s="108">
        <v>0</v>
      </c>
      <c r="OM39" s="109">
        <v>148582</v>
      </c>
      <c r="ON39" s="109">
        <v>153734</v>
      </c>
      <c r="OO39" s="109">
        <v>595880</v>
      </c>
      <c r="OP39" s="109">
        <v>252835</v>
      </c>
      <c r="OQ39" s="109">
        <v>0</v>
      </c>
      <c r="OR39" s="110">
        <v>1151031</v>
      </c>
      <c r="OS39" s="130">
        <v>1192009</v>
      </c>
    </row>
    <row r="40" spans="2:409" ht="21" customHeight="1" x14ac:dyDescent="0.2">
      <c r="B40" s="437" t="s">
        <v>35</v>
      </c>
      <c r="C40" s="100">
        <v>247506</v>
      </c>
      <c r="D40" s="104">
        <v>312212</v>
      </c>
      <c r="E40" s="103">
        <v>559718</v>
      </c>
      <c r="F40" s="99">
        <v>0</v>
      </c>
      <c r="G40" s="104">
        <v>790194</v>
      </c>
      <c r="H40" s="104">
        <v>446649</v>
      </c>
      <c r="I40" s="104">
        <v>624804</v>
      </c>
      <c r="J40" s="104">
        <v>966167</v>
      </c>
      <c r="K40" s="104">
        <v>398727</v>
      </c>
      <c r="L40" s="156">
        <v>3226541</v>
      </c>
      <c r="M40" s="106">
        <v>3786259</v>
      </c>
      <c r="N40" s="100">
        <v>53004</v>
      </c>
      <c r="O40" s="104">
        <v>79070</v>
      </c>
      <c r="P40" s="103">
        <v>132074</v>
      </c>
      <c r="Q40" s="100">
        <v>0</v>
      </c>
      <c r="R40" s="104">
        <v>311044</v>
      </c>
      <c r="S40" s="104">
        <v>234689</v>
      </c>
      <c r="T40" s="104">
        <v>174825</v>
      </c>
      <c r="U40" s="104">
        <v>209314</v>
      </c>
      <c r="V40" s="104">
        <v>28882</v>
      </c>
      <c r="W40" s="103">
        <v>958754</v>
      </c>
      <c r="X40" s="106">
        <v>1090828</v>
      </c>
      <c r="Y40" s="100">
        <v>0</v>
      </c>
      <c r="Z40" s="104">
        <v>0</v>
      </c>
      <c r="AA40" s="103">
        <v>0</v>
      </c>
      <c r="AB40" s="100">
        <v>0</v>
      </c>
      <c r="AC40" s="104">
        <v>174234</v>
      </c>
      <c r="AD40" s="104">
        <v>93450</v>
      </c>
      <c r="AE40" s="104">
        <v>75775</v>
      </c>
      <c r="AF40" s="104">
        <v>6958</v>
      </c>
      <c r="AG40" s="104">
        <v>0</v>
      </c>
      <c r="AH40" s="103">
        <v>350417</v>
      </c>
      <c r="AI40" s="106">
        <v>350417</v>
      </c>
      <c r="AJ40" s="100">
        <v>0</v>
      </c>
      <c r="AK40" s="104">
        <v>0</v>
      </c>
      <c r="AL40" s="103">
        <v>0</v>
      </c>
      <c r="AM40" s="100">
        <v>0</v>
      </c>
      <c r="AN40" s="104">
        <v>0</v>
      </c>
      <c r="AO40" s="104">
        <v>0</v>
      </c>
      <c r="AP40" s="104">
        <v>0</v>
      </c>
      <c r="AQ40" s="104">
        <v>0</v>
      </c>
      <c r="AR40" s="104">
        <v>0</v>
      </c>
      <c r="AS40" s="103">
        <v>0</v>
      </c>
      <c r="AT40" s="106">
        <v>0</v>
      </c>
      <c r="AU40" s="100">
        <v>0</v>
      </c>
      <c r="AV40" s="104">
        <v>48508</v>
      </c>
      <c r="AW40" s="103">
        <v>48508</v>
      </c>
      <c r="AX40" s="100">
        <v>0</v>
      </c>
      <c r="AY40" s="104">
        <v>14457</v>
      </c>
      <c r="AZ40" s="104">
        <v>139153</v>
      </c>
      <c r="BA40" s="104">
        <v>54621</v>
      </c>
      <c r="BB40" s="104">
        <v>104860</v>
      </c>
      <c r="BC40" s="104">
        <v>10598</v>
      </c>
      <c r="BD40" s="103">
        <v>323689</v>
      </c>
      <c r="BE40" s="106">
        <v>372197</v>
      </c>
      <c r="BF40" s="100">
        <v>17528</v>
      </c>
      <c r="BG40" s="104">
        <v>0</v>
      </c>
      <c r="BH40" s="102">
        <v>17528</v>
      </c>
      <c r="BI40" s="101">
        <v>0</v>
      </c>
      <c r="BJ40" s="104">
        <v>88942</v>
      </c>
      <c r="BK40" s="104">
        <v>0</v>
      </c>
      <c r="BL40" s="104">
        <v>0</v>
      </c>
      <c r="BM40" s="104">
        <v>49462</v>
      </c>
      <c r="BN40" s="104">
        <v>0</v>
      </c>
      <c r="BO40" s="103">
        <v>138404</v>
      </c>
      <c r="BP40" s="106">
        <v>155932</v>
      </c>
      <c r="BQ40" s="100">
        <v>35476</v>
      </c>
      <c r="BR40" s="104">
        <v>30562</v>
      </c>
      <c r="BS40" s="103">
        <v>66038</v>
      </c>
      <c r="BT40" s="100">
        <v>0</v>
      </c>
      <c r="BU40" s="104">
        <v>33411</v>
      </c>
      <c r="BV40" s="104">
        <v>2086</v>
      </c>
      <c r="BW40" s="104">
        <v>44429</v>
      </c>
      <c r="BX40" s="104">
        <v>48034</v>
      </c>
      <c r="BY40" s="104">
        <v>18284</v>
      </c>
      <c r="BZ40" s="103">
        <v>146244</v>
      </c>
      <c r="CA40" s="106">
        <v>212282</v>
      </c>
      <c r="CB40" s="100">
        <v>0</v>
      </c>
      <c r="CC40" s="104">
        <v>65296</v>
      </c>
      <c r="CD40" s="103">
        <v>65296</v>
      </c>
      <c r="CE40" s="100">
        <v>0</v>
      </c>
      <c r="CF40" s="104">
        <v>176946</v>
      </c>
      <c r="CG40" s="104">
        <v>139384</v>
      </c>
      <c r="CH40" s="104">
        <v>16485</v>
      </c>
      <c r="CI40" s="104">
        <v>130907</v>
      </c>
      <c r="CJ40" s="104">
        <v>50316</v>
      </c>
      <c r="CK40" s="103">
        <v>514038</v>
      </c>
      <c r="CL40" s="106">
        <v>579334</v>
      </c>
      <c r="CM40" s="100">
        <v>0</v>
      </c>
      <c r="CN40" s="104">
        <v>0</v>
      </c>
      <c r="CO40" s="103">
        <v>0</v>
      </c>
      <c r="CP40" s="101">
        <v>0</v>
      </c>
      <c r="CQ40" s="104">
        <v>63210</v>
      </c>
      <c r="CR40" s="104">
        <v>99064</v>
      </c>
      <c r="CS40" s="104">
        <v>16485</v>
      </c>
      <c r="CT40" s="104">
        <v>33152</v>
      </c>
      <c r="CU40" s="104">
        <v>50316</v>
      </c>
      <c r="CV40" s="103">
        <v>262227</v>
      </c>
      <c r="CW40" s="106">
        <v>262227</v>
      </c>
      <c r="CX40" s="100">
        <v>0</v>
      </c>
      <c r="CY40" s="104">
        <v>65296</v>
      </c>
      <c r="CZ40" s="103">
        <v>65296</v>
      </c>
      <c r="DA40" s="100">
        <v>0</v>
      </c>
      <c r="DB40" s="104">
        <v>113736</v>
      </c>
      <c r="DC40" s="104">
        <v>40320</v>
      </c>
      <c r="DD40" s="104">
        <v>0</v>
      </c>
      <c r="DE40" s="104">
        <v>97755</v>
      </c>
      <c r="DF40" s="104">
        <v>0</v>
      </c>
      <c r="DG40" s="103">
        <v>251811</v>
      </c>
      <c r="DH40" s="106">
        <v>317107</v>
      </c>
      <c r="DI40" s="100">
        <v>0</v>
      </c>
      <c r="DJ40" s="104">
        <v>0</v>
      </c>
      <c r="DK40" s="102">
        <v>0</v>
      </c>
      <c r="DL40" s="101">
        <v>0</v>
      </c>
      <c r="DM40" s="104">
        <v>0</v>
      </c>
      <c r="DN40" s="104">
        <v>0</v>
      </c>
      <c r="DO40" s="104">
        <v>0</v>
      </c>
      <c r="DP40" s="104">
        <v>0</v>
      </c>
      <c r="DQ40" s="104">
        <v>99631</v>
      </c>
      <c r="DR40" s="103">
        <v>99631</v>
      </c>
      <c r="DS40" s="106">
        <v>99631</v>
      </c>
      <c r="DT40" s="100">
        <v>0</v>
      </c>
      <c r="DU40" s="104">
        <v>0</v>
      </c>
      <c r="DV40" s="103">
        <v>0</v>
      </c>
      <c r="DW40" s="100">
        <v>0</v>
      </c>
      <c r="DX40" s="104">
        <v>0</v>
      </c>
      <c r="DY40" s="104">
        <v>0</v>
      </c>
      <c r="DZ40" s="104">
        <v>0</v>
      </c>
      <c r="EA40" s="104">
        <v>0</v>
      </c>
      <c r="EB40" s="104">
        <v>99631</v>
      </c>
      <c r="EC40" s="103">
        <v>99631</v>
      </c>
      <c r="ED40" s="106">
        <v>99631</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470">
        <v>0</v>
      </c>
      <c r="FE40" s="104">
        <v>0</v>
      </c>
      <c r="FF40" s="104">
        <v>0</v>
      </c>
      <c r="FG40" s="104">
        <v>0</v>
      </c>
      <c r="FH40" s="104">
        <v>0</v>
      </c>
      <c r="FI40" s="104">
        <v>0</v>
      </c>
      <c r="FJ40" s="103">
        <v>0</v>
      </c>
      <c r="FK40" s="106">
        <v>0</v>
      </c>
      <c r="FL40" s="100">
        <v>6370</v>
      </c>
      <c r="FM40" s="104">
        <v>86100</v>
      </c>
      <c r="FN40" s="103">
        <v>92470</v>
      </c>
      <c r="FO40" s="100">
        <v>0</v>
      </c>
      <c r="FP40" s="104">
        <v>42210</v>
      </c>
      <c r="FQ40" s="104">
        <v>72576</v>
      </c>
      <c r="FR40" s="104">
        <v>91490</v>
      </c>
      <c r="FS40" s="104">
        <v>67970</v>
      </c>
      <c r="FT40" s="104">
        <v>22120</v>
      </c>
      <c r="FU40" s="103">
        <v>296366</v>
      </c>
      <c r="FV40" s="106">
        <v>388836</v>
      </c>
      <c r="FW40" s="105">
        <v>6370</v>
      </c>
      <c r="FX40" s="104">
        <v>16800</v>
      </c>
      <c r="FY40" s="102">
        <v>23170</v>
      </c>
      <c r="FZ40" s="101">
        <v>0</v>
      </c>
      <c r="GA40" s="104">
        <v>42210</v>
      </c>
      <c r="GB40" s="104">
        <v>72576</v>
      </c>
      <c r="GC40" s="104">
        <v>91490</v>
      </c>
      <c r="GD40" s="104">
        <v>67970</v>
      </c>
      <c r="GE40" s="104">
        <v>22120</v>
      </c>
      <c r="GF40" s="103">
        <v>296366</v>
      </c>
      <c r="GG40" s="290">
        <v>319536</v>
      </c>
      <c r="GH40" s="105">
        <v>0</v>
      </c>
      <c r="GI40" s="104">
        <v>0</v>
      </c>
      <c r="GJ40" s="102">
        <v>0</v>
      </c>
      <c r="GK40" s="101">
        <v>0</v>
      </c>
      <c r="GL40" s="104">
        <v>0</v>
      </c>
      <c r="GM40" s="104">
        <v>0</v>
      </c>
      <c r="GN40" s="104">
        <v>0</v>
      </c>
      <c r="GO40" s="104">
        <v>0</v>
      </c>
      <c r="GP40" s="104">
        <v>0</v>
      </c>
      <c r="GQ40" s="103">
        <v>0</v>
      </c>
      <c r="GR40" s="106">
        <v>0</v>
      </c>
      <c r="GS40" s="100">
        <v>0</v>
      </c>
      <c r="GT40" s="104">
        <v>69300</v>
      </c>
      <c r="GU40" s="103">
        <v>69300</v>
      </c>
      <c r="GV40" s="100">
        <v>0</v>
      </c>
      <c r="GW40" s="104">
        <v>0</v>
      </c>
      <c r="GX40" s="104">
        <v>0</v>
      </c>
      <c r="GY40" s="104">
        <v>0</v>
      </c>
      <c r="GZ40" s="104">
        <v>0</v>
      </c>
      <c r="HA40" s="104">
        <v>0</v>
      </c>
      <c r="HB40" s="102">
        <v>0</v>
      </c>
      <c r="HC40" s="106">
        <v>69300</v>
      </c>
      <c r="HD40" s="100">
        <v>188132</v>
      </c>
      <c r="HE40" s="104">
        <v>81746</v>
      </c>
      <c r="HF40" s="102">
        <v>269878</v>
      </c>
      <c r="HG40" s="101">
        <v>0</v>
      </c>
      <c r="HH40" s="104">
        <v>259994</v>
      </c>
      <c r="HI40" s="104">
        <v>0</v>
      </c>
      <c r="HJ40" s="104">
        <v>342004</v>
      </c>
      <c r="HK40" s="104">
        <v>557976</v>
      </c>
      <c r="HL40" s="104">
        <v>197778</v>
      </c>
      <c r="HM40" s="103">
        <v>1357752</v>
      </c>
      <c r="HN40" s="99">
        <v>1627630</v>
      </c>
      <c r="HO40" s="456">
        <v>0</v>
      </c>
      <c r="HP40" s="457">
        <v>0</v>
      </c>
      <c r="HQ40" s="458">
        <v>0</v>
      </c>
      <c r="HR40" s="459">
        <v>0</v>
      </c>
      <c r="HS40" s="457">
        <v>0</v>
      </c>
      <c r="HT40" s="457">
        <v>0</v>
      </c>
      <c r="HU40" s="457">
        <v>0</v>
      </c>
      <c r="HV40" s="457">
        <v>0</v>
      </c>
      <c r="HW40" s="457">
        <v>0</v>
      </c>
      <c r="HX40" s="460">
        <v>0</v>
      </c>
      <c r="HY40" s="461">
        <v>0</v>
      </c>
      <c r="HZ40" s="135">
        <v>0</v>
      </c>
      <c r="IA40" s="122">
        <v>0</v>
      </c>
      <c r="IB40" s="135">
        <v>0</v>
      </c>
      <c r="IC40" s="131">
        <v>0</v>
      </c>
      <c r="ID40" s="119">
        <v>436940</v>
      </c>
      <c r="IE40" s="132">
        <v>0</v>
      </c>
      <c r="IF40" s="120">
        <v>0</v>
      </c>
      <c r="IG40" s="119">
        <v>0</v>
      </c>
      <c r="IH40" s="120">
        <v>73150</v>
      </c>
      <c r="II40" s="133">
        <v>510090</v>
      </c>
      <c r="IJ40" s="135">
        <v>510090</v>
      </c>
      <c r="IK40" s="215">
        <v>0</v>
      </c>
      <c r="IL40" s="219">
        <v>0</v>
      </c>
      <c r="IM40" s="220">
        <v>0</v>
      </c>
      <c r="IN40" s="470">
        <v>0</v>
      </c>
      <c r="IO40" s="109">
        <v>0</v>
      </c>
      <c r="IP40" s="109">
        <v>0</v>
      </c>
      <c r="IQ40" s="109">
        <v>0</v>
      </c>
      <c r="IR40" s="109">
        <v>0</v>
      </c>
      <c r="IS40" s="109">
        <v>0</v>
      </c>
      <c r="IT40" s="128">
        <v>0</v>
      </c>
      <c r="IU40" s="292">
        <v>0</v>
      </c>
      <c r="IV40" s="129">
        <v>0</v>
      </c>
      <c r="IW40" s="109">
        <v>0</v>
      </c>
      <c r="IX40" s="110">
        <v>0</v>
      </c>
      <c r="IY40" s="470">
        <v>0</v>
      </c>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2">
        <v>0</v>
      </c>
      <c r="JR40" s="129">
        <v>0</v>
      </c>
      <c r="JS40" s="109">
        <v>0</v>
      </c>
      <c r="JT40" s="128">
        <v>0</v>
      </c>
      <c r="JU40" s="108">
        <v>0</v>
      </c>
      <c r="JV40" s="109">
        <v>0</v>
      </c>
      <c r="JW40" s="109">
        <v>0</v>
      </c>
      <c r="JX40" s="109">
        <v>0</v>
      </c>
      <c r="JY40" s="109">
        <v>0</v>
      </c>
      <c r="JZ40" s="109">
        <v>0</v>
      </c>
      <c r="KA40" s="110">
        <v>0</v>
      </c>
      <c r="KB40" s="292">
        <v>0</v>
      </c>
      <c r="KC40" s="217">
        <v>0</v>
      </c>
      <c r="KD40" s="213">
        <v>0</v>
      </c>
      <c r="KE40" s="110">
        <v>0</v>
      </c>
      <c r="KF40" s="108">
        <v>0</v>
      </c>
      <c r="KG40" s="109">
        <v>236593</v>
      </c>
      <c r="KH40" s="109">
        <v>0</v>
      </c>
      <c r="KI40" s="109">
        <v>0</v>
      </c>
      <c r="KJ40" s="109">
        <v>0</v>
      </c>
      <c r="KK40" s="109">
        <v>73150</v>
      </c>
      <c r="KL40" s="110">
        <v>309743</v>
      </c>
      <c r="KM40" s="130">
        <v>309743</v>
      </c>
      <c r="KN40" s="215">
        <v>0</v>
      </c>
      <c r="KO40" s="219">
        <v>0</v>
      </c>
      <c r="KP40" s="220">
        <v>0</v>
      </c>
      <c r="KQ40" s="470">
        <v>0</v>
      </c>
      <c r="KR40" s="109">
        <v>200347</v>
      </c>
      <c r="KS40" s="109">
        <v>0</v>
      </c>
      <c r="KT40" s="109">
        <v>0</v>
      </c>
      <c r="KU40" s="109">
        <v>0</v>
      </c>
      <c r="KV40" s="109">
        <v>0</v>
      </c>
      <c r="KW40" s="110">
        <v>200347</v>
      </c>
      <c r="KX40" s="292">
        <v>200347</v>
      </c>
      <c r="KY40" s="129">
        <v>0</v>
      </c>
      <c r="KZ40" s="109">
        <v>0</v>
      </c>
      <c r="LA40" s="110">
        <v>0</v>
      </c>
      <c r="LB40" s="470">
        <v>0</v>
      </c>
      <c r="LC40" s="109">
        <v>0</v>
      </c>
      <c r="LD40" s="109">
        <v>0</v>
      </c>
      <c r="LE40" s="109">
        <v>0</v>
      </c>
      <c r="LF40" s="109">
        <v>0</v>
      </c>
      <c r="LG40" s="109">
        <v>0</v>
      </c>
      <c r="LH40" s="110">
        <v>0</v>
      </c>
      <c r="LI40" s="111">
        <v>0</v>
      </c>
      <c r="LJ40" s="129">
        <v>0</v>
      </c>
      <c r="LK40" s="109">
        <v>0</v>
      </c>
      <c r="LL40" s="110">
        <v>0</v>
      </c>
      <c r="LM40" s="470">
        <v>0</v>
      </c>
      <c r="LN40" s="109">
        <v>0</v>
      </c>
      <c r="LO40" s="109">
        <v>0</v>
      </c>
      <c r="LP40" s="109">
        <v>0</v>
      </c>
      <c r="LQ40" s="109">
        <v>0</v>
      </c>
      <c r="LR40" s="109">
        <v>0</v>
      </c>
      <c r="LS40" s="110">
        <v>0</v>
      </c>
      <c r="LT40" s="292">
        <v>0</v>
      </c>
      <c r="LU40" s="129">
        <v>0</v>
      </c>
      <c r="LV40" s="109">
        <v>0</v>
      </c>
      <c r="LW40" s="110">
        <v>0</v>
      </c>
      <c r="LX40" s="470">
        <v>0</v>
      </c>
      <c r="LY40" s="109">
        <v>0</v>
      </c>
      <c r="LZ40" s="109">
        <v>0</v>
      </c>
      <c r="MA40" s="109">
        <v>0</v>
      </c>
      <c r="MB40" s="109">
        <v>0</v>
      </c>
      <c r="MC40" s="109">
        <v>0</v>
      </c>
      <c r="MD40" s="110">
        <v>0</v>
      </c>
      <c r="ME40" s="111">
        <v>0</v>
      </c>
      <c r="MF40" s="129">
        <v>0</v>
      </c>
      <c r="MG40" s="109">
        <v>0</v>
      </c>
      <c r="MH40" s="110">
        <v>0</v>
      </c>
      <c r="MI40" s="470">
        <v>0</v>
      </c>
      <c r="MJ40" s="109">
        <v>0</v>
      </c>
      <c r="MK40" s="109">
        <v>0</v>
      </c>
      <c r="ML40" s="109">
        <v>0</v>
      </c>
      <c r="MM40" s="109">
        <v>231945</v>
      </c>
      <c r="MN40" s="109">
        <v>0</v>
      </c>
      <c r="MO40" s="110">
        <v>231945</v>
      </c>
      <c r="MP40" s="130">
        <v>231945</v>
      </c>
      <c r="MQ40" s="129">
        <v>0</v>
      </c>
      <c r="MR40" s="109">
        <v>0</v>
      </c>
      <c r="MS40" s="110">
        <v>0</v>
      </c>
      <c r="MT40" s="470">
        <v>0</v>
      </c>
      <c r="MU40" s="109">
        <v>0</v>
      </c>
      <c r="MV40" s="109">
        <v>0</v>
      </c>
      <c r="MW40" s="109">
        <v>0</v>
      </c>
      <c r="MX40" s="109">
        <v>231945</v>
      </c>
      <c r="MY40" s="109">
        <v>0</v>
      </c>
      <c r="MZ40" s="110">
        <v>231945</v>
      </c>
      <c r="NA40" s="130">
        <v>231945</v>
      </c>
      <c r="NB40" s="129">
        <v>0</v>
      </c>
      <c r="NC40" s="109">
        <v>0</v>
      </c>
      <c r="ND40" s="110">
        <v>0</v>
      </c>
      <c r="NE40" s="470">
        <v>0</v>
      </c>
      <c r="NF40" s="109">
        <v>0</v>
      </c>
      <c r="NG40" s="109">
        <v>0</v>
      </c>
      <c r="NH40" s="109">
        <v>0</v>
      </c>
      <c r="NI40" s="109">
        <v>0</v>
      </c>
      <c r="NJ40" s="109">
        <v>0</v>
      </c>
      <c r="NK40" s="110">
        <v>0</v>
      </c>
      <c r="NL40" s="292">
        <v>0</v>
      </c>
      <c r="NM40" s="129">
        <v>0</v>
      </c>
      <c r="NN40" s="109">
        <v>0</v>
      </c>
      <c r="NO40" s="110">
        <v>0</v>
      </c>
      <c r="NP40" s="470">
        <v>0</v>
      </c>
      <c r="NQ40" s="109">
        <v>0</v>
      </c>
      <c r="NR40" s="109">
        <v>0</v>
      </c>
      <c r="NS40" s="109">
        <v>0</v>
      </c>
      <c r="NT40" s="109">
        <v>0</v>
      </c>
      <c r="NU40" s="109">
        <v>0</v>
      </c>
      <c r="NV40" s="110">
        <v>0</v>
      </c>
      <c r="NW40" s="111">
        <v>0</v>
      </c>
      <c r="NX40" s="129">
        <v>0</v>
      </c>
      <c r="NY40" s="109">
        <v>0</v>
      </c>
      <c r="NZ40" s="110">
        <v>0</v>
      </c>
      <c r="OA40" s="470">
        <v>0</v>
      </c>
      <c r="OB40" s="109">
        <v>0</v>
      </c>
      <c r="OC40" s="109">
        <v>0</v>
      </c>
      <c r="OD40" s="109">
        <v>0</v>
      </c>
      <c r="OE40" s="109">
        <v>0</v>
      </c>
      <c r="OF40" s="109">
        <v>0</v>
      </c>
      <c r="OG40" s="110">
        <v>0</v>
      </c>
      <c r="OH40" s="111">
        <v>0</v>
      </c>
      <c r="OI40" s="129">
        <v>247506</v>
      </c>
      <c r="OJ40" s="109">
        <v>312212</v>
      </c>
      <c r="OK40" s="128">
        <v>559718</v>
      </c>
      <c r="OL40" s="108">
        <v>0</v>
      </c>
      <c r="OM40" s="109">
        <v>1227134</v>
      </c>
      <c r="ON40" s="109">
        <v>446649</v>
      </c>
      <c r="OO40" s="109">
        <v>624804</v>
      </c>
      <c r="OP40" s="109">
        <v>1198112</v>
      </c>
      <c r="OQ40" s="109">
        <v>471877</v>
      </c>
      <c r="OR40" s="110">
        <v>3968576</v>
      </c>
      <c r="OS40" s="130">
        <v>4528294</v>
      </c>
    </row>
    <row r="41" spans="2:409" ht="21" customHeight="1" x14ac:dyDescent="0.2">
      <c r="B41" s="437" t="s">
        <v>36</v>
      </c>
      <c r="C41" s="100">
        <v>24038</v>
      </c>
      <c r="D41" s="104">
        <v>64327</v>
      </c>
      <c r="E41" s="103">
        <v>88365</v>
      </c>
      <c r="F41" s="99">
        <v>0</v>
      </c>
      <c r="G41" s="104">
        <v>187534</v>
      </c>
      <c r="H41" s="104">
        <v>1036419</v>
      </c>
      <c r="I41" s="104">
        <v>219299</v>
      </c>
      <c r="J41" s="104">
        <v>939109</v>
      </c>
      <c r="K41" s="104">
        <v>297261</v>
      </c>
      <c r="L41" s="156">
        <v>2679622</v>
      </c>
      <c r="M41" s="106">
        <v>2767987</v>
      </c>
      <c r="N41" s="100">
        <v>24038</v>
      </c>
      <c r="O41" s="104">
        <v>31777</v>
      </c>
      <c r="P41" s="103">
        <v>55815</v>
      </c>
      <c r="Q41" s="100">
        <v>0</v>
      </c>
      <c r="R41" s="104">
        <v>116114</v>
      </c>
      <c r="S41" s="104">
        <v>90232</v>
      </c>
      <c r="T41" s="104">
        <v>27757</v>
      </c>
      <c r="U41" s="104">
        <v>284353</v>
      </c>
      <c r="V41" s="104">
        <v>276821</v>
      </c>
      <c r="W41" s="103">
        <v>795277</v>
      </c>
      <c r="X41" s="106">
        <v>851092</v>
      </c>
      <c r="Y41" s="100">
        <v>0</v>
      </c>
      <c r="Z41" s="104">
        <v>0</v>
      </c>
      <c r="AA41" s="103">
        <v>0</v>
      </c>
      <c r="AB41" s="100">
        <v>0</v>
      </c>
      <c r="AC41" s="104">
        <v>47973</v>
      </c>
      <c r="AD41" s="104">
        <v>25935</v>
      </c>
      <c r="AE41" s="104">
        <v>5826</v>
      </c>
      <c r="AF41" s="104">
        <v>219958</v>
      </c>
      <c r="AG41" s="104">
        <v>202269</v>
      </c>
      <c r="AH41" s="103">
        <v>501961</v>
      </c>
      <c r="AI41" s="106">
        <v>501961</v>
      </c>
      <c r="AJ41" s="100">
        <v>0</v>
      </c>
      <c r="AK41" s="104">
        <v>0</v>
      </c>
      <c r="AL41" s="103">
        <v>0</v>
      </c>
      <c r="AM41" s="100">
        <v>0</v>
      </c>
      <c r="AN41" s="104">
        <v>0</v>
      </c>
      <c r="AO41" s="104">
        <v>0</v>
      </c>
      <c r="AP41" s="104">
        <v>0</v>
      </c>
      <c r="AQ41" s="104">
        <v>0</v>
      </c>
      <c r="AR41" s="104">
        <v>0</v>
      </c>
      <c r="AS41" s="103">
        <v>0</v>
      </c>
      <c r="AT41" s="106">
        <v>0</v>
      </c>
      <c r="AU41" s="100">
        <v>24038</v>
      </c>
      <c r="AV41" s="104">
        <v>31777</v>
      </c>
      <c r="AW41" s="103">
        <v>55815</v>
      </c>
      <c r="AX41" s="100">
        <v>0</v>
      </c>
      <c r="AY41" s="104">
        <v>27900</v>
      </c>
      <c r="AZ41" s="104">
        <v>8983</v>
      </c>
      <c r="BA41" s="104">
        <v>0</v>
      </c>
      <c r="BB41" s="104">
        <v>12140</v>
      </c>
      <c r="BC41" s="104">
        <v>47301</v>
      </c>
      <c r="BD41" s="103">
        <v>96324</v>
      </c>
      <c r="BE41" s="106">
        <v>152139</v>
      </c>
      <c r="BF41" s="100">
        <v>0</v>
      </c>
      <c r="BG41" s="104">
        <v>0</v>
      </c>
      <c r="BH41" s="102">
        <v>0</v>
      </c>
      <c r="BI41" s="101">
        <v>0</v>
      </c>
      <c r="BJ41" s="104">
        <v>36629</v>
      </c>
      <c r="BK41" s="104">
        <v>0</v>
      </c>
      <c r="BL41" s="104">
        <v>0</v>
      </c>
      <c r="BM41" s="104">
        <v>0</v>
      </c>
      <c r="BN41" s="104">
        <v>0</v>
      </c>
      <c r="BO41" s="103">
        <v>36629</v>
      </c>
      <c r="BP41" s="106">
        <v>36629</v>
      </c>
      <c r="BQ41" s="100">
        <v>0</v>
      </c>
      <c r="BR41" s="104">
        <v>0</v>
      </c>
      <c r="BS41" s="103">
        <v>0</v>
      </c>
      <c r="BT41" s="100">
        <v>0</v>
      </c>
      <c r="BU41" s="104">
        <v>3612</v>
      </c>
      <c r="BV41" s="104">
        <v>55314</v>
      </c>
      <c r="BW41" s="104">
        <v>21931</v>
      </c>
      <c r="BX41" s="104">
        <v>52255</v>
      </c>
      <c r="BY41" s="104">
        <v>27251</v>
      </c>
      <c r="BZ41" s="103">
        <v>160363</v>
      </c>
      <c r="CA41" s="106">
        <v>160363</v>
      </c>
      <c r="CB41" s="100">
        <v>0</v>
      </c>
      <c r="CC41" s="104">
        <v>0</v>
      </c>
      <c r="CD41" s="103">
        <v>0</v>
      </c>
      <c r="CE41" s="100">
        <v>0</v>
      </c>
      <c r="CF41" s="104">
        <v>42664</v>
      </c>
      <c r="CG41" s="104">
        <v>272510</v>
      </c>
      <c r="CH41" s="104">
        <v>0</v>
      </c>
      <c r="CI41" s="104">
        <v>93928</v>
      </c>
      <c r="CJ41" s="104">
        <v>0</v>
      </c>
      <c r="CK41" s="103">
        <v>409102</v>
      </c>
      <c r="CL41" s="106">
        <v>409102</v>
      </c>
      <c r="CM41" s="100">
        <v>0</v>
      </c>
      <c r="CN41" s="104">
        <v>0</v>
      </c>
      <c r="CO41" s="103">
        <v>0</v>
      </c>
      <c r="CP41" s="101">
        <v>0</v>
      </c>
      <c r="CQ41" s="104">
        <v>24343</v>
      </c>
      <c r="CR41" s="104">
        <v>272510</v>
      </c>
      <c r="CS41" s="104">
        <v>0</v>
      </c>
      <c r="CT41" s="104">
        <v>93928</v>
      </c>
      <c r="CU41" s="104">
        <v>0</v>
      </c>
      <c r="CV41" s="103">
        <v>390781</v>
      </c>
      <c r="CW41" s="106">
        <v>390781</v>
      </c>
      <c r="CX41" s="100">
        <v>0</v>
      </c>
      <c r="CY41" s="104">
        <v>0</v>
      </c>
      <c r="CZ41" s="103">
        <v>0</v>
      </c>
      <c r="DA41" s="100">
        <v>0</v>
      </c>
      <c r="DB41" s="104">
        <v>18321</v>
      </c>
      <c r="DC41" s="104">
        <v>0</v>
      </c>
      <c r="DD41" s="104">
        <v>0</v>
      </c>
      <c r="DE41" s="104">
        <v>0</v>
      </c>
      <c r="DF41" s="104">
        <v>0</v>
      </c>
      <c r="DG41" s="103">
        <v>18321</v>
      </c>
      <c r="DH41" s="106">
        <v>18321</v>
      </c>
      <c r="DI41" s="100">
        <v>0</v>
      </c>
      <c r="DJ41" s="104">
        <v>0</v>
      </c>
      <c r="DK41" s="102">
        <v>0</v>
      </c>
      <c r="DL41" s="101">
        <v>0</v>
      </c>
      <c r="DM41" s="104">
        <v>0</v>
      </c>
      <c r="DN41" s="104">
        <v>125156</v>
      </c>
      <c r="DO41" s="104">
        <v>0</v>
      </c>
      <c r="DP41" s="104">
        <v>148926</v>
      </c>
      <c r="DQ41" s="104">
        <v>0</v>
      </c>
      <c r="DR41" s="103">
        <v>274082</v>
      </c>
      <c r="DS41" s="106">
        <v>274082</v>
      </c>
      <c r="DT41" s="100">
        <v>0</v>
      </c>
      <c r="DU41" s="104">
        <v>0</v>
      </c>
      <c r="DV41" s="103">
        <v>0</v>
      </c>
      <c r="DW41" s="100">
        <v>0</v>
      </c>
      <c r="DX41" s="104">
        <v>0</v>
      </c>
      <c r="DY41" s="104">
        <v>125156</v>
      </c>
      <c r="DZ41" s="104">
        <v>0</v>
      </c>
      <c r="EA41" s="104">
        <v>148926</v>
      </c>
      <c r="EB41" s="104">
        <v>0</v>
      </c>
      <c r="EC41" s="103">
        <v>274082</v>
      </c>
      <c r="ED41" s="106">
        <v>274082</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470">
        <v>0</v>
      </c>
      <c r="FE41" s="104">
        <v>0</v>
      </c>
      <c r="FF41" s="104">
        <v>0</v>
      </c>
      <c r="FG41" s="104">
        <v>0</v>
      </c>
      <c r="FH41" s="104">
        <v>0</v>
      </c>
      <c r="FI41" s="104">
        <v>0</v>
      </c>
      <c r="FJ41" s="103">
        <v>0</v>
      </c>
      <c r="FK41" s="106">
        <v>0</v>
      </c>
      <c r="FL41" s="100">
        <v>0</v>
      </c>
      <c r="FM41" s="104">
        <v>32550</v>
      </c>
      <c r="FN41" s="103">
        <v>32550</v>
      </c>
      <c r="FO41" s="100">
        <v>0</v>
      </c>
      <c r="FP41" s="104">
        <v>28756</v>
      </c>
      <c r="FQ41" s="104">
        <v>80430</v>
      </c>
      <c r="FR41" s="104">
        <v>20804</v>
      </c>
      <c r="FS41" s="104">
        <v>38780</v>
      </c>
      <c r="FT41" s="104">
        <v>20440</v>
      </c>
      <c r="FU41" s="103">
        <v>189210</v>
      </c>
      <c r="FV41" s="106">
        <v>221760</v>
      </c>
      <c r="FW41" s="105">
        <v>0</v>
      </c>
      <c r="FX41" s="104">
        <v>32550</v>
      </c>
      <c r="FY41" s="102">
        <v>32550</v>
      </c>
      <c r="FZ41" s="101">
        <v>0</v>
      </c>
      <c r="GA41" s="104">
        <v>28756</v>
      </c>
      <c r="GB41" s="104">
        <v>80430</v>
      </c>
      <c r="GC41" s="104">
        <v>20804</v>
      </c>
      <c r="GD41" s="104">
        <v>38780</v>
      </c>
      <c r="GE41" s="104">
        <v>20440</v>
      </c>
      <c r="GF41" s="103">
        <v>189210</v>
      </c>
      <c r="GG41" s="290">
        <v>221760</v>
      </c>
      <c r="GH41" s="105">
        <v>0</v>
      </c>
      <c r="GI41" s="104">
        <v>0</v>
      </c>
      <c r="GJ41" s="102">
        <v>0</v>
      </c>
      <c r="GK41" s="101">
        <v>0</v>
      </c>
      <c r="GL41" s="104">
        <v>0</v>
      </c>
      <c r="GM41" s="104">
        <v>0</v>
      </c>
      <c r="GN41" s="104">
        <v>0</v>
      </c>
      <c r="GO41" s="104">
        <v>0</v>
      </c>
      <c r="GP41" s="104">
        <v>0</v>
      </c>
      <c r="GQ41" s="103">
        <v>0</v>
      </c>
      <c r="GR41" s="106">
        <v>0</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0</v>
      </c>
      <c r="HI41" s="104">
        <v>468091</v>
      </c>
      <c r="HJ41" s="104">
        <v>170738</v>
      </c>
      <c r="HK41" s="104">
        <v>373122</v>
      </c>
      <c r="HL41" s="104">
        <v>0</v>
      </c>
      <c r="HM41" s="103">
        <v>1011951</v>
      </c>
      <c r="HN41" s="99">
        <v>1011951</v>
      </c>
      <c r="HO41" s="456">
        <v>0</v>
      </c>
      <c r="HP41" s="457">
        <v>0</v>
      </c>
      <c r="HQ41" s="458">
        <v>0</v>
      </c>
      <c r="HR41" s="459">
        <v>0</v>
      </c>
      <c r="HS41" s="457">
        <v>0</v>
      </c>
      <c r="HT41" s="457">
        <v>0</v>
      </c>
      <c r="HU41" s="457">
        <v>0</v>
      </c>
      <c r="HV41" s="457">
        <v>0</v>
      </c>
      <c r="HW41" s="457">
        <v>0</v>
      </c>
      <c r="HX41" s="460">
        <v>0</v>
      </c>
      <c r="HY41" s="461">
        <v>0</v>
      </c>
      <c r="HZ41" s="118">
        <v>0</v>
      </c>
      <c r="IA41" s="119">
        <v>0</v>
      </c>
      <c r="IB41" s="120">
        <v>0</v>
      </c>
      <c r="IC41" s="131">
        <v>0</v>
      </c>
      <c r="ID41" s="119">
        <v>31308</v>
      </c>
      <c r="IE41" s="132">
        <v>216713</v>
      </c>
      <c r="IF41" s="120">
        <v>424157</v>
      </c>
      <c r="IG41" s="119">
        <v>0</v>
      </c>
      <c r="IH41" s="120">
        <v>231672</v>
      </c>
      <c r="II41" s="133">
        <v>903850</v>
      </c>
      <c r="IJ41" s="126">
        <v>903850</v>
      </c>
      <c r="IK41" s="215">
        <v>0</v>
      </c>
      <c r="IL41" s="219">
        <v>0</v>
      </c>
      <c r="IM41" s="220">
        <v>0</v>
      </c>
      <c r="IN41" s="470">
        <v>0</v>
      </c>
      <c r="IO41" s="109">
        <v>0</v>
      </c>
      <c r="IP41" s="109">
        <v>0</v>
      </c>
      <c r="IQ41" s="109">
        <v>0</v>
      </c>
      <c r="IR41" s="109">
        <v>0</v>
      </c>
      <c r="IS41" s="109">
        <v>0</v>
      </c>
      <c r="IT41" s="128">
        <v>0</v>
      </c>
      <c r="IU41" s="292">
        <v>0</v>
      </c>
      <c r="IV41" s="129">
        <v>0</v>
      </c>
      <c r="IW41" s="109">
        <v>0</v>
      </c>
      <c r="IX41" s="110">
        <v>0</v>
      </c>
      <c r="IY41" s="470">
        <v>0</v>
      </c>
      <c r="IZ41" s="109">
        <v>0</v>
      </c>
      <c r="JA41" s="109">
        <v>0</v>
      </c>
      <c r="JB41" s="109">
        <v>0</v>
      </c>
      <c r="JC41" s="109">
        <v>0</v>
      </c>
      <c r="JD41" s="109">
        <v>0</v>
      </c>
      <c r="JE41" s="110">
        <v>0</v>
      </c>
      <c r="JF41" s="111">
        <v>0</v>
      </c>
      <c r="JG41" s="129">
        <v>0</v>
      </c>
      <c r="JH41" s="109">
        <v>0</v>
      </c>
      <c r="JI41" s="128">
        <v>0</v>
      </c>
      <c r="JJ41" s="108">
        <v>0</v>
      </c>
      <c r="JK41" s="109">
        <v>31308</v>
      </c>
      <c r="JL41" s="109">
        <v>0</v>
      </c>
      <c r="JM41" s="109">
        <v>0</v>
      </c>
      <c r="JN41" s="109">
        <v>0</v>
      </c>
      <c r="JO41" s="109">
        <v>0</v>
      </c>
      <c r="JP41" s="110">
        <v>31308</v>
      </c>
      <c r="JQ41" s="292">
        <v>31308</v>
      </c>
      <c r="JR41" s="129">
        <v>0</v>
      </c>
      <c r="JS41" s="109">
        <v>0</v>
      </c>
      <c r="JT41" s="128">
        <v>0</v>
      </c>
      <c r="JU41" s="108">
        <v>0</v>
      </c>
      <c r="JV41" s="109">
        <v>0</v>
      </c>
      <c r="JW41" s="109">
        <v>0</v>
      </c>
      <c r="JX41" s="109">
        <v>0</v>
      </c>
      <c r="JY41" s="109">
        <v>0</v>
      </c>
      <c r="JZ41" s="109">
        <v>0</v>
      </c>
      <c r="KA41" s="110">
        <v>0</v>
      </c>
      <c r="KB41" s="292">
        <v>0</v>
      </c>
      <c r="KC41" s="217">
        <v>0</v>
      </c>
      <c r="KD41" s="213">
        <v>0</v>
      </c>
      <c r="KE41" s="110">
        <v>0</v>
      </c>
      <c r="KF41" s="108">
        <v>0</v>
      </c>
      <c r="KG41" s="109">
        <v>0</v>
      </c>
      <c r="KH41" s="109">
        <v>0</v>
      </c>
      <c r="KI41" s="109">
        <v>201145</v>
      </c>
      <c r="KJ41" s="109">
        <v>0</v>
      </c>
      <c r="KK41" s="109">
        <v>0</v>
      </c>
      <c r="KL41" s="110">
        <v>201145</v>
      </c>
      <c r="KM41" s="130">
        <v>201145</v>
      </c>
      <c r="KN41" s="215">
        <v>0</v>
      </c>
      <c r="KO41" s="219">
        <v>0</v>
      </c>
      <c r="KP41" s="220">
        <v>0</v>
      </c>
      <c r="KQ41" s="470">
        <v>0</v>
      </c>
      <c r="KR41" s="109">
        <v>0</v>
      </c>
      <c r="KS41" s="109">
        <v>216713</v>
      </c>
      <c r="KT41" s="109">
        <v>223012</v>
      </c>
      <c r="KU41" s="109">
        <v>0</v>
      </c>
      <c r="KV41" s="109">
        <v>231672</v>
      </c>
      <c r="KW41" s="110">
        <v>671397</v>
      </c>
      <c r="KX41" s="292">
        <v>671397</v>
      </c>
      <c r="KY41" s="129">
        <v>0</v>
      </c>
      <c r="KZ41" s="109">
        <v>0</v>
      </c>
      <c r="LA41" s="110">
        <v>0</v>
      </c>
      <c r="LB41" s="470">
        <v>0</v>
      </c>
      <c r="LC41" s="109">
        <v>0</v>
      </c>
      <c r="LD41" s="109">
        <v>0</v>
      </c>
      <c r="LE41" s="109">
        <v>0</v>
      </c>
      <c r="LF41" s="109">
        <v>0</v>
      </c>
      <c r="LG41" s="109">
        <v>0</v>
      </c>
      <c r="LH41" s="110">
        <v>0</v>
      </c>
      <c r="LI41" s="111">
        <v>0</v>
      </c>
      <c r="LJ41" s="129">
        <v>0</v>
      </c>
      <c r="LK41" s="109">
        <v>0</v>
      </c>
      <c r="LL41" s="110">
        <v>0</v>
      </c>
      <c r="LM41" s="470">
        <v>0</v>
      </c>
      <c r="LN41" s="109">
        <v>0</v>
      </c>
      <c r="LO41" s="109">
        <v>0</v>
      </c>
      <c r="LP41" s="109">
        <v>0</v>
      </c>
      <c r="LQ41" s="109">
        <v>0</v>
      </c>
      <c r="LR41" s="109">
        <v>0</v>
      </c>
      <c r="LS41" s="110">
        <v>0</v>
      </c>
      <c r="LT41" s="292">
        <v>0</v>
      </c>
      <c r="LU41" s="129">
        <v>0</v>
      </c>
      <c r="LV41" s="109">
        <v>0</v>
      </c>
      <c r="LW41" s="110">
        <v>0</v>
      </c>
      <c r="LX41" s="470">
        <v>0</v>
      </c>
      <c r="LY41" s="109">
        <v>0</v>
      </c>
      <c r="LZ41" s="109">
        <v>0</v>
      </c>
      <c r="MA41" s="109">
        <v>0</v>
      </c>
      <c r="MB41" s="109">
        <v>0</v>
      </c>
      <c r="MC41" s="109">
        <v>0</v>
      </c>
      <c r="MD41" s="110">
        <v>0</v>
      </c>
      <c r="ME41" s="111">
        <v>0</v>
      </c>
      <c r="MF41" s="129">
        <v>0</v>
      </c>
      <c r="MG41" s="109">
        <v>0</v>
      </c>
      <c r="MH41" s="110">
        <v>0</v>
      </c>
      <c r="MI41" s="470">
        <v>0</v>
      </c>
      <c r="MJ41" s="109">
        <v>0</v>
      </c>
      <c r="MK41" s="109">
        <v>0</v>
      </c>
      <c r="ML41" s="109">
        <v>228381</v>
      </c>
      <c r="MM41" s="109">
        <v>240027</v>
      </c>
      <c r="MN41" s="109">
        <v>239273</v>
      </c>
      <c r="MO41" s="110">
        <v>707681</v>
      </c>
      <c r="MP41" s="130">
        <v>707681</v>
      </c>
      <c r="MQ41" s="129">
        <v>0</v>
      </c>
      <c r="MR41" s="109">
        <v>0</v>
      </c>
      <c r="MS41" s="110">
        <v>0</v>
      </c>
      <c r="MT41" s="470">
        <v>0</v>
      </c>
      <c r="MU41" s="109">
        <v>0</v>
      </c>
      <c r="MV41" s="109">
        <v>0</v>
      </c>
      <c r="MW41" s="109">
        <v>0</v>
      </c>
      <c r="MX41" s="109">
        <v>0</v>
      </c>
      <c r="MY41" s="109">
        <v>239273</v>
      </c>
      <c r="MZ41" s="110">
        <v>239273</v>
      </c>
      <c r="NA41" s="130">
        <v>239273</v>
      </c>
      <c r="NB41" s="129">
        <v>0</v>
      </c>
      <c r="NC41" s="109">
        <v>0</v>
      </c>
      <c r="ND41" s="110">
        <v>0</v>
      </c>
      <c r="NE41" s="470">
        <v>0</v>
      </c>
      <c r="NF41" s="109">
        <v>0</v>
      </c>
      <c r="NG41" s="109">
        <v>0</v>
      </c>
      <c r="NH41" s="109">
        <v>228381</v>
      </c>
      <c r="NI41" s="109">
        <v>240027</v>
      </c>
      <c r="NJ41" s="109">
        <v>0</v>
      </c>
      <c r="NK41" s="110">
        <v>468408</v>
      </c>
      <c r="NL41" s="292">
        <v>468408</v>
      </c>
      <c r="NM41" s="129">
        <v>0</v>
      </c>
      <c r="NN41" s="109">
        <v>0</v>
      </c>
      <c r="NO41" s="110">
        <v>0</v>
      </c>
      <c r="NP41" s="470">
        <v>0</v>
      </c>
      <c r="NQ41" s="109">
        <v>0</v>
      </c>
      <c r="NR41" s="109">
        <v>0</v>
      </c>
      <c r="NS41" s="109">
        <v>0</v>
      </c>
      <c r="NT41" s="109">
        <v>0</v>
      </c>
      <c r="NU41" s="109">
        <v>0</v>
      </c>
      <c r="NV41" s="110">
        <v>0</v>
      </c>
      <c r="NW41" s="111">
        <v>0</v>
      </c>
      <c r="NX41" s="129">
        <v>0</v>
      </c>
      <c r="NY41" s="109">
        <v>0</v>
      </c>
      <c r="NZ41" s="110">
        <v>0</v>
      </c>
      <c r="OA41" s="470">
        <v>0</v>
      </c>
      <c r="OB41" s="109">
        <v>0</v>
      </c>
      <c r="OC41" s="109">
        <v>0</v>
      </c>
      <c r="OD41" s="109">
        <v>0</v>
      </c>
      <c r="OE41" s="109">
        <v>0</v>
      </c>
      <c r="OF41" s="109">
        <v>0</v>
      </c>
      <c r="OG41" s="110">
        <v>0</v>
      </c>
      <c r="OH41" s="111">
        <v>0</v>
      </c>
      <c r="OI41" s="129">
        <v>24038</v>
      </c>
      <c r="OJ41" s="109">
        <v>64327</v>
      </c>
      <c r="OK41" s="128">
        <v>88365</v>
      </c>
      <c r="OL41" s="108">
        <v>0</v>
      </c>
      <c r="OM41" s="109">
        <v>218842</v>
      </c>
      <c r="ON41" s="109">
        <v>1253132</v>
      </c>
      <c r="OO41" s="109">
        <v>871837</v>
      </c>
      <c r="OP41" s="109">
        <v>1179136</v>
      </c>
      <c r="OQ41" s="109">
        <v>768206</v>
      </c>
      <c r="OR41" s="110">
        <v>4291153</v>
      </c>
      <c r="OS41" s="130">
        <v>4379518</v>
      </c>
    </row>
    <row r="42" spans="2:409" ht="21" customHeight="1" thickBot="1" x14ac:dyDescent="0.25">
      <c r="B42" s="438" t="s">
        <v>37</v>
      </c>
      <c r="C42" s="107">
        <v>33482</v>
      </c>
      <c r="D42" s="161">
        <v>0</v>
      </c>
      <c r="E42" s="162">
        <v>33482</v>
      </c>
      <c r="F42" s="163">
        <v>0</v>
      </c>
      <c r="G42" s="161">
        <v>0</v>
      </c>
      <c r="H42" s="161">
        <v>0</v>
      </c>
      <c r="I42" s="161">
        <v>0</v>
      </c>
      <c r="J42" s="161">
        <v>168682</v>
      </c>
      <c r="K42" s="161">
        <v>157423</v>
      </c>
      <c r="L42" s="163">
        <v>326105</v>
      </c>
      <c r="M42" s="164">
        <v>359587</v>
      </c>
      <c r="N42" s="107">
        <v>0</v>
      </c>
      <c r="O42" s="161">
        <v>0</v>
      </c>
      <c r="P42" s="162">
        <v>0</v>
      </c>
      <c r="Q42" s="107">
        <v>0</v>
      </c>
      <c r="R42" s="161">
        <v>0</v>
      </c>
      <c r="S42" s="161">
        <v>0</v>
      </c>
      <c r="T42" s="161">
        <v>0</v>
      </c>
      <c r="U42" s="161">
        <v>55332</v>
      </c>
      <c r="V42" s="161">
        <v>78509</v>
      </c>
      <c r="W42" s="162">
        <v>133841</v>
      </c>
      <c r="X42" s="164">
        <v>133841</v>
      </c>
      <c r="Y42" s="107">
        <v>0</v>
      </c>
      <c r="Z42" s="161">
        <v>0</v>
      </c>
      <c r="AA42" s="162">
        <v>0</v>
      </c>
      <c r="AB42" s="107">
        <v>0</v>
      </c>
      <c r="AC42" s="161">
        <v>0</v>
      </c>
      <c r="AD42" s="161">
        <v>0</v>
      </c>
      <c r="AE42" s="161">
        <v>0</v>
      </c>
      <c r="AF42" s="161">
        <v>0</v>
      </c>
      <c r="AG42" s="161">
        <v>37734</v>
      </c>
      <c r="AH42" s="162">
        <v>37734</v>
      </c>
      <c r="AI42" s="164">
        <v>37734</v>
      </c>
      <c r="AJ42" s="107">
        <v>0</v>
      </c>
      <c r="AK42" s="161">
        <v>0</v>
      </c>
      <c r="AL42" s="162">
        <v>0</v>
      </c>
      <c r="AM42" s="107">
        <v>0</v>
      </c>
      <c r="AN42" s="161">
        <v>0</v>
      </c>
      <c r="AO42" s="161">
        <v>0</v>
      </c>
      <c r="AP42" s="161">
        <v>0</v>
      </c>
      <c r="AQ42" s="161">
        <v>0</v>
      </c>
      <c r="AR42" s="161">
        <v>0</v>
      </c>
      <c r="AS42" s="162">
        <v>0</v>
      </c>
      <c r="AT42" s="164">
        <v>0</v>
      </c>
      <c r="AU42" s="107">
        <v>0</v>
      </c>
      <c r="AV42" s="161">
        <v>0</v>
      </c>
      <c r="AW42" s="162">
        <v>0</v>
      </c>
      <c r="AX42" s="107">
        <v>0</v>
      </c>
      <c r="AY42" s="161">
        <v>0</v>
      </c>
      <c r="AZ42" s="161">
        <v>0</v>
      </c>
      <c r="BA42" s="161">
        <v>0</v>
      </c>
      <c r="BB42" s="161">
        <v>49319</v>
      </c>
      <c r="BC42" s="161">
        <v>29365</v>
      </c>
      <c r="BD42" s="162">
        <v>78684</v>
      </c>
      <c r="BE42" s="164">
        <v>78684</v>
      </c>
      <c r="BF42" s="107">
        <v>0</v>
      </c>
      <c r="BG42" s="161">
        <v>0</v>
      </c>
      <c r="BH42" s="166">
        <v>0</v>
      </c>
      <c r="BI42" s="165">
        <v>0</v>
      </c>
      <c r="BJ42" s="161">
        <v>0</v>
      </c>
      <c r="BK42" s="161">
        <v>0</v>
      </c>
      <c r="BL42" s="161">
        <v>0</v>
      </c>
      <c r="BM42" s="161">
        <v>0</v>
      </c>
      <c r="BN42" s="161">
        <v>0</v>
      </c>
      <c r="BO42" s="162">
        <v>0</v>
      </c>
      <c r="BP42" s="164">
        <v>0</v>
      </c>
      <c r="BQ42" s="107">
        <v>0</v>
      </c>
      <c r="BR42" s="161">
        <v>0</v>
      </c>
      <c r="BS42" s="162">
        <v>0</v>
      </c>
      <c r="BT42" s="107">
        <v>0</v>
      </c>
      <c r="BU42" s="161">
        <v>0</v>
      </c>
      <c r="BV42" s="161">
        <v>0</v>
      </c>
      <c r="BW42" s="161">
        <v>0</v>
      </c>
      <c r="BX42" s="161">
        <v>6013</v>
      </c>
      <c r="BY42" s="161">
        <v>11410</v>
      </c>
      <c r="BZ42" s="162">
        <v>17423</v>
      </c>
      <c r="CA42" s="164">
        <v>17423</v>
      </c>
      <c r="CB42" s="107">
        <v>33482</v>
      </c>
      <c r="CC42" s="161">
        <v>0</v>
      </c>
      <c r="CD42" s="162">
        <v>33482</v>
      </c>
      <c r="CE42" s="107">
        <v>0</v>
      </c>
      <c r="CF42" s="161">
        <v>0</v>
      </c>
      <c r="CG42" s="161">
        <v>0</v>
      </c>
      <c r="CH42" s="161">
        <v>0</v>
      </c>
      <c r="CI42" s="161">
        <v>21138</v>
      </c>
      <c r="CJ42" s="161">
        <v>0</v>
      </c>
      <c r="CK42" s="162">
        <v>21138</v>
      </c>
      <c r="CL42" s="164">
        <v>54620</v>
      </c>
      <c r="CM42" s="107">
        <v>0</v>
      </c>
      <c r="CN42" s="161">
        <v>0</v>
      </c>
      <c r="CO42" s="162">
        <v>0</v>
      </c>
      <c r="CP42" s="165">
        <v>0</v>
      </c>
      <c r="CQ42" s="161">
        <v>0</v>
      </c>
      <c r="CR42" s="161">
        <v>0</v>
      </c>
      <c r="CS42" s="161">
        <v>0</v>
      </c>
      <c r="CT42" s="161">
        <v>21138</v>
      </c>
      <c r="CU42" s="161">
        <v>0</v>
      </c>
      <c r="CV42" s="162">
        <v>21138</v>
      </c>
      <c r="CW42" s="164">
        <v>21138</v>
      </c>
      <c r="CX42" s="107">
        <v>33482</v>
      </c>
      <c r="CY42" s="161">
        <v>0</v>
      </c>
      <c r="CZ42" s="162">
        <v>33482</v>
      </c>
      <c r="DA42" s="107">
        <v>0</v>
      </c>
      <c r="DB42" s="161">
        <v>0</v>
      </c>
      <c r="DC42" s="161">
        <v>0</v>
      </c>
      <c r="DD42" s="161">
        <v>0</v>
      </c>
      <c r="DE42" s="161">
        <v>0</v>
      </c>
      <c r="DF42" s="161">
        <v>0</v>
      </c>
      <c r="DG42" s="162">
        <v>0</v>
      </c>
      <c r="DH42" s="164">
        <v>33482</v>
      </c>
      <c r="DI42" s="107">
        <v>0</v>
      </c>
      <c r="DJ42" s="161">
        <v>0</v>
      </c>
      <c r="DK42" s="166">
        <v>0</v>
      </c>
      <c r="DL42" s="165">
        <v>0</v>
      </c>
      <c r="DM42" s="161">
        <v>0</v>
      </c>
      <c r="DN42" s="161">
        <v>0</v>
      </c>
      <c r="DO42" s="161">
        <v>0</v>
      </c>
      <c r="DP42" s="161">
        <v>0</v>
      </c>
      <c r="DQ42" s="161">
        <v>44754</v>
      </c>
      <c r="DR42" s="162">
        <v>44754</v>
      </c>
      <c r="DS42" s="164">
        <v>44754</v>
      </c>
      <c r="DT42" s="107">
        <v>0</v>
      </c>
      <c r="DU42" s="161">
        <v>0</v>
      </c>
      <c r="DV42" s="162">
        <v>0</v>
      </c>
      <c r="DW42" s="107">
        <v>0</v>
      </c>
      <c r="DX42" s="161">
        <v>0</v>
      </c>
      <c r="DY42" s="161">
        <v>0</v>
      </c>
      <c r="DZ42" s="161">
        <v>0</v>
      </c>
      <c r="EA42" s="161">
        <v>0</v>
      </c>
      <c r="EB42" s="161">
        <v>0</v>
      </c>
      <c r="EC42" s="162">
        <v>0</v>
      </c>
      <c r="ED42" s="164">
        <v>0</v>
      </c>
      <c r="EE42" s="107">
        <v>0</v>
      </c>
      <c r="EF42" s="166">
        <v>0</v>
      </c>
      <c r="EG42" s="162">
        <v>0</v>
      </c>
      <c r="EH42" s="107">
        <v>0</v>
      </c>
      <c r="EI42" s="161">
        <v>0</v>
      </c>
      <c r="EJ42" s="161">
        <v>0</v>
      </c>
      <c r="EK42" s="161">
        <v>0</v>
      </c>
      <c r="EL42" s="161">
        <v>0</v>
      </c>
      <c r="EM42" s="161">
        <v>44754</v>
      </c>
      <c r="EN42" s="166">
        <v>44754</v>
      </c>
      <c r="EO42" s="164">
        <v>44754</v>
      </c>
      <c r="EP42" s="107">
        <v>0</v>
      </c>
      <c r="EQ42" s="161">
        <v>0</v>
      </c>
      <c r="ER42" s="166">
        <v>0</v>
      </c>
      <c r="ES42" s="165">
        <v>0</v>
      </c>
      <c r="ET42" s="161">
        <v>0</v>
      </c>
      <c r="EU42" s="161">
        <v>0</v>
      </c>
      <c r="EV42" s="161">
        <v>0</v>
      </c>
      <c r="EW42" s="161">
        <v>0</v>
      </c>
      <c r="EX42" s="161">
        <v>0</v>
      </c>
      <c r="EY42" s="162">
        <v>0</v>
      </c>
      <c r="EZ42" s="164">
        <v>0</v>
      </c>
      <c r="FA42" s="107">
        <v>0</v>
      </c>
      <c r="FB42" s="161">
        <v>0</v>
      </c>
      <c r="FC42" s="166">
        <v>0</v>
      </c>
      <c r="FD42" s="471">
        <v>0</v>
      </c>
      <c r="FE42" s="161">
        <v>0</v>
      </c>
      <c r="FF42" s="161">
        <v>0</v>
      </c>
      <c r="FG42" s="161">
        <v>0</v>
      </c>
      <c r="FH42" s="161">
        <v>0</v>
      </c>
      <c r="FI42" s="161">
        <v>0</v>
      </c>
      <c r="FJ42" s="162">
        <v>0</v>
      </c>
      <c r="FK42" s="164">
        <v>0</v>
      </c>
      <c r="FL42" s="107">
        <v>0</v>
      </c>
      <c r="FM42" s="161">
        <v>0</v>
      </c>
      <c r="FN42" s="162">
        <v>0</v>
      </c>
      <c r="FO42" s="107">
        <v>0</v>
      </c>
      <c r="FP42" s="161">
        <v>0</v>
      </c>
      <c r="FQ42" s="161">
        <v>0</v>
      </c>
      <c r="FR42" s="161">
        <v>0</v>
      </c>
      <c r="FS42" s="161">
        <v>14126</v>
      </c>
      <c r="FT42" s="161">
        <v>34160</v>
      </c>
      <c r="FU42" s="162">
        <v>48286</v>
      </c>
      <c r="FV42" s="164">
        <v>48286</v>
      </c>
      <c r="FW42" s="167">
        <v>0</v>
      </c>
      <c r="FX42" s="161">
        <v>0</v>
      </c>
      <c r="FY42" s="166">
        <v>0</v>
      </c>
      <c r="FZ42" s="165">
        <v>0</v>
      </c>
      <c r="GA42" s="161">
        <v>0</v>
      </c>
      <c r="GB42" s="161">
        <v>0</v>
      </c>
      <c r="GC42" s="161">
        <v>0</v>
      </c>
      <c r="GD42" s="161">
        <v>14126</v>
      </c>
      <c r="GE42" s="161">
        <v>34160</v>
      </c>
      <c r="GF42" s="162">
        <v>48286</v>
      </c>
      <c r="GG42" s="291">
        <v>48286</v>
      </c>
      <c r="GH42" s="167">
        <v>0</v>
      </c>
      <c r="GI42" s="161">
        <v>0</v>
      </c>
      <c r="GJ42" s="166">
        <v>0</v>
      </c>
      <c r="GK42" s="165">
        <v>0</v>
      </c>
      <c r="GL42" s="161">
        <v>0</v>
      </c>
      <c r="GM42" s="161">
        <v>0</v>
      </c>
      <c r="GN42" s="161">
        <v>0</v>
      </c>
      <c r="GO42" s="161">
        <v>0</v>
      </c>
      <c r="GP42" s="161">
        <v>0</v>
      </c>
      <c r="GQ42" s="162">
        <v>0</v>
      </c>
      <c r="GR42" s="164">
        <v>0</v>
      </c>
      <c r="GS42" s="107">
        <v>0</v>
      </c>
      <c r="GT42" s="161">
        <v>0</v>
      </c>
      <c r="GU42" s="162">
        <v>0</v>
      </c>
      <c r="GV42" s="107">
        <v>0</v>
      </c>
      <c r="GW42" s="161">
        <v>0</v>
      </c>
      <c r="GX42" s="161">
        <v>0</v>
      </c>
      <c r="GY42" s="161">
        <v>0</v>
      </c>
      <c r="GZ42" s="161">
        <v>0</v>
      </c>
      <c r="HA42" s="161">
        <v>0</v>
      </c>
      <c r="HB42" s="166">
        <v>0</v>
      </c>
      <c r="HC42" s="164">
        <v>0</v>
      </c>
      <c r="HD42" s="107">
        <v>0</v>
      </c>
      <c r="HE42" s="161">
        <v>0</v>
      </c>
      <c r="HF42" s="166">
        <v>0</v>
      </c>
      <c r="HG42" s="165">
        <v>0</v>
      </c>
      <c r="HH42" s="161">
        <v>0</v>
      </c>
      <c r="HI42" s="161">
        <v>0</v>
      </c>
      <c r="HJ42" s="161">
        <v>0</v>
      </c>
      <c r="HK42" s="161">
        <v>78086</v>
      </c>
      <c r="HL42" s="161">
        <v>0</v>
      </c>
      <c r="HM42" s="162">
        <v>78086</v>
      </c>
      <c r="HN42" s="163">
        <v>78086</v>
      </c>
      <c r="HO42" s="462">
        <v>0</v>
      </c>
      <c r="HP42" s="463">
        <v>0</v>
      </c>
      <c r="HQ42" s="464">
        <v>0</v>
      </c>
      <c r="HR42" s="465">
        <v>0</v>
      </c>
      <c r="HS42" s="463">
        <v>0</v>
      </c>
      <c r="HT42" s="463">
        <v>0</v>
      </c>
      <c r="HU42" s="463">
        <v>0</v>
      </c>
      <c r="HV42" s="463">
        <v>0</v>
      </c>
      <c r="HW42" s="463">
        <v>0</v>
      </c>
      <c r="HX42" s="466">
        <v>0</v>
      </c>
      <c r="HY42" s="467">
        <v>0</v>
      </c>
      <c r="HZ42" s="136">
        <v>0</v>
      </c>
      <c r="IA42" s="137">
        <v>0</v>
      </c>
      <c r="IB42" s="138">
        <v>0</v>
      </c>
      <c r="IC42" s="139">
        <v>0</v>
      </c>
      <c r="ID42" s="140">
        <v>0</v>
      </c>
      <c r="IE42" s="141">
        <v>0</v>
      </c>
      <c r="IF42" s="142">
        <v>0</v>
      </c>
      <c r="IG42" s="140">
        <v>0</v>
      </c>
      <c r="IH42" s="142">
        <v>135261</v>
      </c>
      <c r="II42" s="143">
        <v>135261</v>
      </c>
      <c r="IJ42" s="144">
        <v>135261</v>
      </c>
      <c r="IK42" s="216">
        <v>0</v>
      </c>
      <c r="IL42" s="221">
        <v>0</v>
      </c>
      <c r="IM42" s="222">
        <v>0</v>
      </c>
      <c r="IN42" s="471">
        <v>0</v>
      </c>
      <c r="IO42" s="146">
        <v>0</v>
      </c>
      <c r="IP42" s="146">
        <v>0</v>
      </c>
      <c r="IQ42" s="146">
        <v>0</v>
      </c>
      <c r="IR42" s="146">
        <v>0</v>
      </c>
      <c r="IS42" s="146">
        <v>0</v>
      </c>
      <c r="IT42" s="147">
        <v>0</v>
      </c>
      <c r="IU42" s="293">
        <v>0</v>
      </c>
      <c r="IV42" s="148">
        <v>0</v>
      </c>
      <c r="IW42" s="146">
        <v>0</v>
      </c>
      <c r="IX42" s="150">
        <v>0</v>
      </c>
      <c r="IY42" s="471">
        <v>0</v>
      </c>
      <c r="IZ42" s="146">
        <v>0</v>
      </c>
      <c r="JA42" s="146">
        <v>0</v>
      </c>
      <c r="JB42" s="146">
        <v>0</v>
      </c>
      <c r="JC42" s="146">
        <v>0</v>
      </c>
      <c r="JD42" s="146">
        <v>0</v>
      </c>
      <c r="JE42" s="150">
        <v>0</v>
      </c>
      <c r="JF42" s="151">
        <v>0</v>
      </c>
      <c r="JG42" s="148">
        <v>0</v>
      </c>
      <c r="JH42" s="146">
        <v>0</v>
      </c>
      <c r="JI42" s="147">
        <v>0</v>
      </c>
      <c r="JJ42" s="149">
        <v>0</v>
      </c>
      <c r="JK42" s="146">
        <v>0</v>
      </c>
      <c r="JL42" s="146">
        <v>0</v>
      </c>
      <c r="JM42" s="146">
        <v>0</v>
      </c>
      <c r="JN42" s="146">
        <v>0</v>
      </c>
      <c r="JO42" s="146">
        <v>135261</v>
      </c>
      <c r="JP42" s="150">
        <v>135261</v>
      </c>
      <c r="JQ42" s="293">
        <v>135261</v>
      </c>
      <c r="JR42" s="148">
        <v>0</v>
      </c>
      <c r="JS42" s="146">
        <v>0</v>
      </c>
      <c r="JT42" s="147">
        <v>0</v>
      </c>
      <c r="JU42" s="149">
        <v>0</v>
      </c>
      <c r="JV42" s="146">
        <v>0</v>
      </c>
      <c r="JW42" s="146">
        <v>0</v>
      </c>
      <c r="JX42" s="146">
        <v>0</v>
      </c>
      <c r="JY42" s="146">
        <v>0</v>
      </c>
      <c r="JZ42" s="146">
        <v>0</v>
      </c>
      <c r="KA42" s="150">
        <v>0</v>
      </c>
      <c r="KB42" s="293">
        <v>0</v>
      </c>
      <c r="KC42" s="218">
        <v>0</v>
      </c>
      <c r="KD42" s="214">
        <v>0</v>
      </c>
      <c r="KE42" s="150">
        <v>0</v>
      </c>
      <c r="KF42" s="149">
        <v>0</v>
      </c>
      <c r="KG42" s="146">
        <v>0</v>
      </c>
      <c r="KH42" s="146">
        <v>0</v>
      </c>
      <c r="KI42" s="146">
        <v>0</v>
      </c>
      <c r="KJ42" s="146">
        <v>0</v>
      </c>
      <c r="KK42" s="146">
        <v>0</v>
      </c>
      <c r="KL42" s="150">
        <v>0</v>
      </c>
      <c r="KM42" s="152">
        <v>0</v>
      </c>
      <c r="KN42" s="216">
        <v>0</v>
      </c>
      <c r="KO42" s="221">
        <v>0</v>
      </c>
      <c r="KP42" s="222">
        <v>0</v>
      </c>
      <c r="KQ42" s="471">
        <v>0</v>
      </c>
      <c r="KR42" s="146">
        <v>0</v>
      </c>
      <c r="KS42" s="146">
        <v>0</v>
      </c>
      <c r="KT42" s="146">
        <v>0</v>
      </c>
      <c r="KU42" s="146">
        <v>0</v>
      </c>
      <c r="KV42" s="146">
        <v>0</v>
      </c>
      <c r="KW42" s="150">
        <v>0</v>
      </c>
      <c r="KX42" s="293">
        <v>0</v>
      </c>
      <c r="KY42" s="148">
        <v>0</v>
      </c>
      <c r="KZ42" s="146">
        <v>0</v>
      </c>
      <c r="LA42" s="150">
        <v>0</v>
      </c>
      <c r="LB42" s="471">
        <v>0</v>
      </c>
      <c r="LC42" s="146">
        <v>0</v>
      </c>
      <c r="LD42" s="146">
        <v>0</v>
      </c>
      <c r="LE42" s="146">
        <v>0</v>
      </c>
      <c r="LF42" s="146">
        <v>0</v>
      </c>
      <c r="LG42" s="146">
        <v>0</v>
      </c>
      <c r="LH42" s="150">
        <v>0</v>
      </c>
      <c r="LI42" s="151">
        <v>0</v>
      </c>
      <c r="LJ42" s="148">
        <v>0</v>
      </c>
      <c r="LK42" s="146">
        <v>0</v>
      </c>
      <c r="LL42" s="150">
        <v>0</v>
      </c>
      <c r="LM42" s="471">
        <v>0</v>
      </c>
      <c r="LN42" s="146">
        <v>0</v>
      </c>
      <c r="LO42" s="146">
        <v>0</v>
      </c>
      <c r="LP42" s="146">
        <v>0</v>
      </c>
      <c r="LQ42" s="146">
        <v>0</v>
      </c>
      <c r="LR42" s="146">
        <v>0</v>
      </c>
      <c r="LS42" s="150">
        <v>0</v>
      </c>
      <c r="LT42" s="293">
        <v>0</v>
      </c>
      <c r="LU42" s="148">
        <v>0</v>
      </c>
      <c r="LV42" s="146">
        <v>0</v>
      </c>
      <c r="LW42" s="150">
        <v>0</v>
      </c>
      <c r="LX42" s="471">
        <v>0</v>
      </c>
      <c r="LY42" s="146">
        <v>0</v>
      </c>
      <c r="LZ42" s="146">
        <v>0</v>
      </c>
      <c r="MA42" s="146">
        <v>0</v>
      </c>
      <c r="MB42" s="146">
        <v>0</v>
      </c>
      <c r="MC42" s="146">
        <v>0</v>
      </c>
      <c r="MD42" s="150">
        <v>0</v>
      </c>
      <c r="ME42" s="151">
        <v>0</v>
      </c>
      <c r="MF42" s="148">
        <v>0</v>
      </c>
      <c r="MG42" s="146">
        <v>0</v>
      </c>
      <c r="MH42" s="150">
        <v>0</v>
      </c>
      <c r="MI42" s="471">
        <v>0</v>
      </c>
      <c r="MJ42" s="146">
        <v>0</v>
      </c>
      <c r="MK42" s="146">
        <v>0</v>
      </c>
      <c r="ML42" s="146">
        <v>0</v>
      </c>
      <c r="MM42" s="146">
        <v>0</v>
      </c>
      <c r="MN42" s="146">
        <v>0</v>
      </c>
      <c r="MO42" s="150">
        <v>0</v>
      </c>
      <c r="MP42" s="152">
        <v>0</v>
      </c>
      <c r="MQ42" s="148">
        <v>0</v>
      </c>
      <c r="MR42" s="146">
        <v>0</v>
      </c>
      <c r="MS42" s="150">
        <v>0</v>
      </c>
      <c r="MT42" s="471">
        <v>0</v>
      </c>
      <c r="MU42" s="146">
        <v>0</v>
      </c>
      <c r="MV42" s="146">
        <v>0</v>
      </c>
      <c r="MW42" s="146">
        <v>0</v>
      </c>
      <c r="MX42" s="146">
        <v>0</v>
      </c>
      <c r="MY42" s="146">
        <v>0</v>
      </c>
      <c r="MZ42" s="150">
        <v>0</v>
      </c>
      <c r="NA42" s="152">
        <v>0</v>
      </c>
      <c r="NB42" s="148">
        <v>0</v>
      </c>
      <c r="NC42" s="146">
        <v>0</v>
      </c>
      <c r="ND42" s="150">
        <v>0</v>
      </c>
      <c r="NE42" s="471">
        <v>0</v>
      </c>
      <c r="NF42" s="146">
        <v>0</v>
      </c>
      <c r="NG42" s="146">
        <v>0</v>
      </c>
      <c r="NH42" s="146">
        <v>0</v>
      </c>
      <c r="NI42" s="146">
        <v>0</v>
      </c>
      <c r="NJ42" s="146">
        <v>0</v>
      </c>
      <c r="NK42" s="150">
        <v>0</v>
      </c>
      <c r="NL42" s="293">
        <v>0</v>
      </c>
      <c r="NM42" s="148">
        <v>0</v>
      </c>
      <c r="NN42" s="146">
        <v>0</v>
      </c>
      <c r="NO42" s="150">
        <v>0</v>
      </c>
      <c r="NP42" s="471">
        <v>0</v>
      </c>
      <c r="NQ42" s="146">
        <v>0</v>
      </c>
      <c r="NR42" s="146">
        <v>0</v>
      </c>
      <c r="NS42" s="146">
        <v>0</v>
      </c>
      <c r="NT42" s="146">
        <v>0</v>
      </c>
      <c r="NU42" s="146">
        <v>0</v>
      </c>
      <c r="NV42" s="150">
        <v>0</v>
      </c>
      <c r="NW42" s="151">
        <v>0</v>
      </c>
      <c r="NX42" s="148">
        <v>0</v>
      </c>
      <c r="NY42" s="146">
        <v>0</v>
      </c>
      <c r="NZ42" s="150">
        <v>0</v>
      </c>
      <c r="OA42" s="471">
        <v>0</v>
      </c>
      <c r="OB42" s="146">
        <v>0</v>
      </c>
      <c r="OC42" s="146">
        <v>0</v>
      </c>
      <c r="OD42" s="146">
        <v>0</v>
      </c>
      <c r="OE42" s="146">
        <v>0</v>
      </c>
      <c r="OF42" s="146">
        <v>0</v>
      </c>
      <c r="OG42" s="150">
        <v>0</v>
      </c>
      <c r="OH42" s="151">
        <v>0</v>
      </c>
      <c r="OI42" s="148">
        <v>33482</v>
      </c>
      <c r="OJ42" s="146">
        <v>0</v>
      </c>
      <c r="OK42" s="147">
        <v>33482</v>
      </c>
      <c r="OL42" s="149">
        <v>0</v>
      </c>
      <c r="OM42" s="146">
        <v>0</v>
      </c>
      <c r="ON42" s="146">
        <v>0</v>
      </c>
      <c r="OO42" s="146">
        <v>0</v>
      </c>
      <c r="OP42" s="146">
        <v>168682</v>
      </c>
      <c r="OQ42" s="146">
        <v>292684</v>
      </c>
      <c r="OR42" s="150">
        <v>461366</v>
      </c>
      <c r="OS42" s="152">
        <v>494848</v>
      </c>
    </row>
    <row r="43" spans="2:409" x14ac:dyDescent="0.2">
      <c r="B43" s="39"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268" customWidth="1"/>
    <col min="2" max="2" width="9.77734375" style="268" customWidth="1"/>
    <col min="3" max="4" width="9.21875" style="268" bestFit="1" customWidth="1"/>
    <col min="5" max="5" width="10.77734375" style="268" bestFit="1" customWidth="1"/>
    <col min="6" max="6" width="7.88671875" style="268" customWidth="1"/>
    <col min="7" max="11" width="10.44140625" style="268" bestFit="1" customWidth="1"/>
    <col min="12" max="13" width="11.6640625" style="268" bestFit="1" customWidth="1"/>
    <col min="14" max="16" width="9.21875" style="268" bestFit="1" customWidth="1"/>
    <col min="17" max="17" width="7.44140625" style="268" customWidth="1"/>
    <col min="18" max="18" width="9.21875" style="268" bestFit="1" customWidth="1"/>
    <col min="19" max="22" width="10.44140625" style="268" bestFit="1" customWidth="1"/>
    <col min="23" max="24" width="11.6640625" style="268" bestFit="1" customWidth="1"/>
    <col min="25" max="27" width="9.109375" style="268" bestFit="1" customWidth="1"/>
    <col min="28" max="28" width="7" style="268" customWidth="1"/>
    <col min="29" max="30" width="9.109375" style="268" bestFit="1" customWidth="1"/>
    <col min="31" max="32" width="9.6640625" style="268" bestFit="1" customWidth="1"/>
    <col min="33" max="33" width="9.109375" style="268" bestFit="1" customWidth="1"/>
    <col min="34" max="35" width="9.6640625" style="268" bestFit="1" customWidth="1"/>
    <col min="36" max="38" width="9.109375" style="268" bestFit="1" customWidth="1"/>
    <col min="39" max="39" width="7.33203125" style="268" customWidth="1"/>
    <col min="40" max="49" width="9.109375" style="268" bestFit="1" customWidth="1"/>
    <col min="50" max="50" width="7.33203125" style="268" customWidth="1"/>
    <col min="51" max="60" width="9.109375" style="268" bestFit="1" customWidth="1"/>
    <col min="61" max="61" width="7.77734375" style="268" customWidth="1"/>
    <col min="62" max="71" width="9.109375" style="268" bestFit="1" customWidth="1"/>
    <col min="72" max="72" width="7.77734375" style="268" customWidth="1"/>
    <col min="73" max="77" width="9.109375" style="268" bestFit="1" customWidth="1"/>
    <col min="78" max="79" width="9.6640625" style="268" bestFit="1" customWidth="1"/>
    <col min="80" max="82" width="9.109375" style="268" bestFit="1" customWidth="1"/>
    <col min="83" max="83" width="7.88671875" style="268" customWidth="1"/>
    <col min="84" max="93" width="9.109375" style="268" bestFit="1" customWidth="1"/>
    <col min="94" max="94" width="8" style="268" customWidth="1"/>
    <col min="95" max="104" width="9.109375" style="268" bestFit="1" customWidth="1"/>
    <col min="105" max="105" width="8" style="268" customWidth="1"/>
    <col min="106" max="115" width="9.109375" style="268" bestFit="1" customWidth="1"/>
    <col min="116" max="116" width="7.6640625" style="268" customWidth="1"/>
    <col min="117" max="117" width="9.109375" style="268" bestFit="1" customWidth="1"/>
    <col min="118" max="121" width="9.6640625" style="268" bestFit="1" customWidth="1"/>
    <col min="122" max="123" width="10.6640625" style="268" bestFit="1" customWidth="1"/>
    <col min="124" max="126" width="9.109375" style="268" bestFit="1" customWidth="1"/>
    <col min="127" max="127" width="7.44140625" style="268" customWidth="1"/>
    <col min="128" max="129" width="9.109375" style="268" bestFit="1" customWidth="1"/>
    <col min="130" max="134" width="9.6640625" style="268" bestFit="1" customWidth="1"/>
    <col min="135" max="137" width="9.109375" style="268" bestFit="1" customWidth="1"/>
    <col min="138" max="138" width="7.6640625" style="268" customWidth="1"/>
    <col min="139" max="148" width="9.109375" style="268" bestFit="1" customWidth="1"/>
    <col min="149" max="149" width="7.77734375" style="268" customWidth="1"/>
    <col min="150" max="159" width="9.109375" style="268" bestFit="1" customWidth="1"/>
    <col min="160" max="160" width="7.77734375" style="268" customWidth="1"/>
    <col min="161" max="170" width="9.109375" style="268" bestFit="1" customWidth="1"/>
    <col min="171" max="171" width="7.33203125" style="268" customWidth="1"/>
    <col min="172" max="181" width="9.109375" style="268" bestFit="1" customWidth="1"/>
    <col min="182" max="182" width="8" style="268" customWidth="1"/>
    <col min="183" max="188" width="9.109375" style="268" bestFit="1" customWidth="1"/>
    <col min="189" max="189" width="9.6640625" style="268" bestFit="1" customWidth="1"/>
    <col min="190" max="192" width="9.109375" style="268" bestFit="1" customWidth="1"/>
    <col min="193" max="193" width="7.44140625" style="268" customWidth="1"/>
    <col min="194" max="203" width="9.109375" style="268" bestFit="1" customWidth="1"/>
    <col min="204" max="204" width="7.88671875" style="268" customWidth="1"/>
    <col min="205" max="214" width="9.109375" style="268" bestFit="1" customWidth="1"/>
    <col min="215" max="215" width="7.88671875" style="268" customWidth="1"/>
    <col min="216" max="225" width="9.109375" style="268" bestFit="1" customWidth="1"/>
    <col min="226" max="226" width="7.6640625" style="268" customWidth="1"/>
    <col min="227" max="229" width="9.6640625" style="268" bestFit="1" customWidth="1"/>
    <col min="230" max="230" width="10.6640625" style="268" bestFit="1" customWidth="1"/>
    <col min="231" max="231" width="9.6640625" style="268" bestFit="1" customWidth="1"/>
    <col min="232" max="233" width="10.6640625" style="268" bestFit="1" customWidth="1"/>
    <col min="234" max="16384" width="9" style="268"/>
  </cols>
  <sheetData>
    <row r="1" spans="2:233" s="1" customFormat="1" ht="24" customHeight="1" x14ac:dyDescent="0.2">
      <c r="B1" s="15" t="s">
        <v>161</v>
      </c>
      <c r="C1" s="34"/>
      <c r="D1" s="34"/>
      <c r="E1" s="433">
        <f>第１表!F2</f>
        <v>6</v>
      </c>
      <c r="F1" s="434">
        <f>第１表!G2</f>
        <v>2</v>
      </c>
      <c r="G1" s="643">
        <f>IF(F1&lt;3,F1-2+12,F1-2)</f>
        <v>12</v>
      </c>
      <c r="H1" s="643"/>
      <c r="L1" s="34"/>
      <c r="CL1" s="34"/>
      <c r="CM1" s="34"/>
      <c r="CN1" s="34"/>
      <c r="CO1" s="34"/>
      <c r="CP1" s="34"/>
      <c r="CQ1" s="34"/>
      <c r="CR1" s="34"/>
      <c r="CS1" s="34"/>
      <c r="CT1" s="34"/>
      <c r="CU1" s="34"/>
      <c r="CV1" s="34"/>
      <c r="CW1" s="34"/>
      <c r="CX1" s="34"/>
      <c r="CY1" s="34"/>
      <c r="CZ1" s="34"/>
      <c r="DA1" s="34"/>
      <c r="DB1" s="34"/>
      <c r="DC1" s="34"/>
      <c r="DD1" s="34"/>
      <c r="DE1" s="34"/>
      <c r="DF1" s="34"/>
      <c r="DG1" s="34"/>
      <c r="DH1" s="34"/>
      <c r="DI1" s="34"/>
      <c r="DJ1" s="34"/>
      <c r="DK1" s="34"/>
      <c r="DL1" s="34"/>
      <c r="DM1" s="34"/>
      <c r="DN1" s="34"/>
      <c r="DO1" s="34"/>
      <c r="DP1" s="34"/>
      <c r="DQ1" s="34"/>
      <c r="DR1" s="34"/>
      <c r="DS1" s="34"/>
      <c r="DT1" s="34"/>
      <c r="DU1" s="34"/>
      <c r="DV1" s="34"/>
      <c r="DW1" s="34"/>
      <c r="DX1" s="34"/>
      <c r="DY1" s="34"/>
      <c r="DZ1" s="34"/>
      <c r="EA1" s="34"/>
      <c r="EB1" s="34"/>
      <c r="EC1" s="34"/>
    </row>
    <row r="2" spans="2:233" ht="24" customHeight="1" thickBot="1" x14ac:dyDescent="0.25">
      <c r="B2" s="15" t="s">
        <v>162</v>
      </c>
    </row>
    <row r="3" spans="2:233" ht="21" customHeight="1" thickBot="1" x14ac:dyDescent="0.25">
      <c r="B3" s="711"/>
      <c r="C3" s="724" t="s">
        <v>116</v>
      </c>
      <c r="D3" s="725"/>
      <c r="E3" s="725"/>
      <c r="F3" s="725"/>
      <c r="G3" s="725"/>
      <c r="H3" s="725"/>
      <c r="I3" s="725"/>
      <c r="J3" s="725"/>
      <c r="K3" s="725"/>
      <c r="L3" s="725"/>
      <c r="M3" s="725"/>
      <c r="N3" s="476"/>
      <c r="O3" s="476"/>
      <c r="P3" s="476"/>
      <c r="Q3" s="476"/>
      <c r="R3" s="476"/>
      <c r="S3" s="476"/>
      <c r="T3" s="476"/>
      <c r="U3" s="476"/>
      <c r="V3" s="476"/>
      <c r="W3" s="476"/>
      <c r="X3" s="476"/>
      <c r="Y3" s="476"/>
      <c r="Z3" s="476"/>
      <c r="AA3" s="476"/>
      <c r="AB3" s="476"/>
      <c r="AC3" s="476"/>
      <c r="AD3" s="476"/>
      <c r="AE3" s="476"/>
      <c r="AF3" s="476"/>
      <c r="AG3" s="476"/>
      <c r="AH3" s="476"/>
      <c r="AI3" s="476"/>
      <c r="AJ3" s="476"/>
      <c r="AK3" s="476"/>
      <c r="AL3" s="476"/>
      <c r="AM3" s="476"/>
      <c r="AN3" s="476"/>
      <c r="AO3" s="476"/>
      <c r="AP3" s="476"/>
      <c r="AQ3" s="476"/>
      <c r="AR3" s="476"/>
      <c r="AS3" s="476"/>
      <c r="AT3" s="476"/>
      <c r="AU3" s="476"/>
      <c r="AV3" s="476"/>
      <c r="AW3" s="476"/>
      <c r="AX3" s="476"/>
      <c r="AY3" s="476"/>
      <c r="AZ3" s="476"/>
      <c r="BA3" s="476"/>
      <c r="BB3" s="476"/>
      <c r="BC3" s="476"/>
      <c r="BD3" s="476"/>
      <c r="BE3" s="476"/>
      <c r="BF3" s="476"/>
      <c r="BG3" s="476"/>
      <c r="BH3" s="476"/>
      <c r="BI3" s="476"/>
      <c r="BJ3" s="476"/>
      <c r="BK3" s="476"/>
      <c r="BL3" s="476"/>
      <c r="BM3" s="476"/>
      <c r="BN3" s="476"/>
      <c r="BO3" s="476"/>
      <c r="BP3" s="476"/>
      <c r="BQ3" s="476"/>
      <c r="BR3" s="476"/>
      <c r="BS3" s="476"/>
      <c r="BT3" s="476"/>
      <c r="BU3" s="476"/>
      <c r="BV3" s="476"/>
      <c r="BW3" s="476"/>
      <c r="BX3" s="476"/>
      <c r="BY3" s="476"/>
      <c r="BZ3" s="476"/>
      <c r="CA3" s="476"/>
      <c r="CB3" s="476"/>
      <c r="CC3" s="476"/>
      <c r="CD3" s="476"/>
      <c r="CE3" s="476"/>
      <c r="CF3" s="476"/>
      <c r="CG3" s="476"/>
      <c r="CH3" s="476"/>
      <c r="CI3" s="476"/>
      <c r="CJ3" s="476"/>
      <c r="CK3" s="476"/>
      <c r="CL3" s="476"/>
      <c r="CM3" s="476"/>
      <c r="CN3" s="476"/>
      <c r="CO3" s="476"/>
      <c r="CP3" s="476"/>
      <c r="CQ3" s="476"/>
      <c r="CR3" s="476"/>
      <c r="CS3" s="476"/>
      <c r="CT3" s="476"/>
      <c r="CU3" s="476"/>
      <c r="CV3" s="476"/>
      <c r="CW3" s="476"/>
      <c r="CX3" s="476"/>
      <c r="CY3" s="476"/>
      <c r="CZ3" s="476"/>
      <c r="DA3" s="476"/>
      <c r="DB3" s="476"/>
      <c r="DC3" s="476"/>
      <c r="DD3" s="476"/>
      <c r="DE3" s="476"/>
      <c r="DF3" s="476"/>
      <c r="DG3" s="476"/>
      <c r="DH3" s="477"/>
      <c r="DI3" s="724" t="s">
        <v>118</v>
      </c>
      <c r="DJ3" s="725"/>
      <c r="DK3" s="725"/>
      <c r="DL3" s="725"/>
      <c r="DM3" s="725"/>
      <c r="DN3" s="725"/>
      <c r="DO3" s="725"/>
      <c r="DP3" s="725"/>
      <c r="DQ3" s="725"/>
      <c r="DR3" s="725"/>
      <c r="DS3" s="725"/>
      <c r="DT3" s="725"/>
      <c r="DU3" s="725"/>
      <c r="DV3" s="725"/>
      <c r="DW3" s="725"/>
      <c r="DX3" s="725"/>
      <c r="DY3" s="725"/>
      <c r="DZ3" s="725"/>
      <c r="EA3" s="725"/>
      <c r="EB3" s="725"/>
      <c r="EC3" s="725"/>
      <c r="ED3" s="725"/>
      <c r="EE3" s="725"/>
      <c r="EF3" s="725"/>
      <c r="EG3" s="725"/>
      <c r="EH3" s="725"/>
      <c r="EI3" s="725"/>
      <c r="EJ3" s="725"/>
      <c r="EK3" s="725"/>
      <c r="EL3" s="725"/>
      <c r="EM3" s="725"/>
      <c r="EN3" s="725"/>
      <c r="EO3" s="725"/>
      <c r="EP3" s="725"/>
      <c r="EQ3" s="725"/>
      <c r="ER3" s="725"/>
      <c r="ES3" s="725"/>
      <c r="ET3" s="725"/>
      <c r="EU3" s="725"/>
      <c r="EV3" s="725"/>
      <c r="EW3" s="725"/>
      <c r="EX3" s="725"/>
      <c r="EY3" s="725"/>
      <c r="EZ3" s="725"/>
      <c r="FA3" s="725"/>
      <c r="FB3" s="725"/>
      <c r="FC3" s="725"/>
      <c r="FD3" s="725"/>
      <c r="FE3" s="725"/>
      <c r="FF3" s="725"/>
      <c r="FG3" s="725"/>
      <c r="FH3" s="725"/>
      <c r="FI3" s="725"/>
      <c r="FJ3" s="725"/>
      <c r="FK3" s="725"/>
      <c r="FL3" s="725"/>
      <c r="FM3" s="725"/>
      <c r="FN3" s="725"/>
      <c r="FO3" s="725"/>
      <c r="FP3" s="725"/>
      <c r="FQ3" s="725"/>
      <c r="FR3" s="725"/>
      <c r="FS3" s="725"/>
      <c r="FT3" s="725"/>
      <c r="FU3" s="725"/>
      <c r="FV3" s="725"/>
      <c r="FW3" s="725"/>
      <c r="FX3" s="725"/>
      <c r="FY3" s="725"/>
      <c r="FZ3" s="725"/>
      <c r="GA3" s="725"/>
      <c r="GB3" s="725"/>
      <c r="GC3" s="725"/>
      <c r="GD3" s="725"/>
      <c r="GE3" s="725"/>
      <c r="GF3" s="725"/>
      <c r="GG3" s="725"/>
      <c r="GH3" s="725"/>
      <c r="GI3" s="725"/>
      <c r="GJ3" s="725"/>
      <c r="GK3" s="725"/>
      <c r="GL3" s="725"/>
      <c r="GM3" s="725"/>
      <c r="GN3" s="725"/>
      <c r="GO3" s="725"/>
      <c r="GP3" s="725"/>
      <c r="GQ3" s="725"/>
      <c r="GR3" s="725"/>
      <c r="GS3" s="725"/>
      <c r="GT3" s="725"/>
      <c r="GU3" s="725"/>
      <c r="GV3" s="725"/>
      <c r="GW3" s="725"/>
      <c r="GX3" s="725"/>
      <c r="GY3" s="725"/>
      <c r="GZ3" s="725"/>
      <c r="HA3" s="725"/>
      <c r="HB3" s="725"/>
      <c r="HC3" s="725"/>
      <c r="HD3" s="725"/>
      <c r="HE3" s="725"/>
      <c r="HF3" s="725"/>
      <c r="HG3" s="725"/>
      <c r="HH3" s="725"/>
      <c r="HI3" s="725"/>
      <c r="HJ3" s="725"/>
      <c r="HK3" s="725"/>
      <c r="HL3" s="725"/>
      <c r="HM3" s="725"/>
      <c r="HN3" s="726"/>
      <c r="HO3" s="718" t="s">
        <v>60</v>
      </c>
      <c r="HP3" s="719"/>
      <c r="HQ3" s="719"/>
      <c r="HR3" s="719"/>
      <c r="HS3" s="719"/>
      <c r="HT3" s="719"/>
      <c r="HU3" s="719"/>
      <c r="HV3" s="719"/>
      <c r="HW3" s="719"/>
      <c r="HX3" s="719"/>
      <c r="HY3" s="720"/>
    </row>
    <row r="4" spans="2:233" ht="21" customHeight="1" thickBot="1" x14ac:dyDescent="0.25">
      <c r="B4" s="712"/>
      <c r="C4" s="699"/>
      <c r="D4" s="700"/>
      <c r="E4" s="700"/>
      <c r="F4" s="700"/>
      <c r="G4" s="700"/>
      <c r="H4" s="700"/>
      <c r="I4" s="700"/>
      <c r="J4" s="700"/>
      <c r="K4" s="700"/>
      <c r="L4" s="700"/>
      <c r="M4" s="727"/>
      <c r="N4" s="714" t="s">
        <v>57</v>
      </c>
      <c r="O4" s="715"/>
      <c r="P4" s="715"/>
      <c r="Q4" s="715"/>
      <c r="R4" s="715"/>
      <c r="S4" s="715"/>
      <c r="T4" s="715"/>
      <c r="U4" s="715"/>
      <c r="V4" s="715"/>
      <c r="W4" s="715"/>
      <c r="X4" s="716"/>
      <c r="Y4" s="714" t="s">
        <v>58</v>
      </c>
      <c r="Z4" s="715"/>
      <c r="AA4" s="715"/>
      <c r="AB4" s="715"/>
      <c r="AC4" s="715"/>
      <c r="AD4" s="715"/>
      <c r="AE4" s="715"/>
      <c r="AF4" s="715"/>
      <c r="AG4" s="715"/>
      <c r="AH4" s="715"/>
      <c r="AI4" s="716"/>
      <c r="AJ4" s="714" t="s">
        <v>59</v>
      </c>
      <c r="AK4" s="715"/>
      <c r="AL4" s="715"/>
      <c r="AM4" s="715"/>
      <c r="AN4" s="715"/>
      <c r="AO4" s="715"/>
      <c r="AP4" s="715"/>
      <c r="AQ4" s="715"/>
      <c r="AR4" s="715"/>
      <c r="AS4" s="715"/>
      <c r="AT4" s="716"/>
      <c r="AU4" s="714" t="s">
        <v>149</v>
      </c>
      <c r="AV4" s="715"/>
      <c r="AW4" s="715"/>
      <c r="AX4" s="715"/>
      <c r="AY4" s="715"/>
      <c r="AZ4" s="715"/>
      <c r="BA4" s="715"/>
      <c r="BB4" s="715"/>
      <c r="BC4" s="715"/>
      <c r="BD4" s="715"/>
      <c r="BE4" s="716"/>
      <c r="BF4" s="714" t="s">
        <v>117</v>
      </c>
      <c r="BG4" s="715"/>
      <c r="BH4" s="715"/>
      <c r="BI4" s="715"/>
      <c r="BJ4" s="715"/>
      <c r="BK4" s="715"/>
      <c r="BL4" s="715"/>
      <c r="BM4" s="715"/>
      <c r="BN4" s="715"/>
      <c r="BO4" s="715"/>
      <c r="BP4" s="716"/>
      <c r="BQ4" s="714" t="s">
        <v>77</v>
      </c>
      <c r="BR4" s="715"/>
      <c r="BS4" s="715"/>
      <c r="BT4" s="715"/>
      <c r="BU4" s="715"/>
      <c r="BV4" s="715"/>
      <c r="BW4" s="715"/>
      <c r="BX4" s="715"/>
      <c r="BY4" s="715"/>
      <c r="BZ4" s="715"/>
      <c r="CA4" s="716"/>
      <c r="CB4" s="714" t="s">
        <v>78</v>
      </c>
      <c r="CC4" s="715"/>
      <c r="CD4" s="715"/>
      <c r="CE4" s="715"/>
      <c r="CF4" s="715"/>
      <c r="CG4" s="715"/>
      <c r="CH4" s="715"/>
      <c r="CI4" s="715"/>
      <c r="CJ4" s="715"/>
      <c r="CK4" s="715"/>
      <c r="CL4" s="716"/>
      <c r="CM4" s="714" t="s">
        <v>79</v>
      </c>
      <c r="CN4" s="715"/>
      <c r="CO4" s="715"/>
      <c r="CP4" s="715"/>
      <c r="CQ4" s="715"/>
      <c r="CR4" s="715"/>
      <c r="CS4" s="715"/>
      <c r="CT4" s="715"/>
      <c r="CU4" s="715"/>
      <c r="CV4" s="715"/>
      <c r="CW4" s="716"/>
      <c r="CX4" s="714" t="s">
        <v>150</v>
      </c>
      <c r="CY4" s="715"/>
      <c r="CZ4" s="715"/>
      <c r="DA4" s="715"/>
      <c r="DB4" s="715"/>
      <c r="DC4" s="715"/>
      <c r="DD4" s="715"/>
      <c r="DE4" s="715"/>
      <c r="DF4" s="715"/>
      <c r="DG4" s="715"/>
      <c r="DH4" s="716"/>
      <c r="DI4" s="699"/>
      <c r="DJ4" s="700"/>
      <c r="DK4" s="700"/>
      <c r="DL4" s="700"/>
      <c r="DM4" s="700"/>
      <c r="DN4" s="700"/>
      <c r="DO4" s="700"/>
      <c r="DP4" s="700"/>
      <c r="DQ4" s="700"/>
      <c r="DR4" s="700"/>
      <c r="DS4" s="701"/>
      <c r="DT4" s="714" t="s">
        <v>57</v>
      </c>
      <c r="DU4" s="715"/>
      <c r="DV4" s="715"/>
      <c r="DW4" s="715"/>
      <c r="DX4" s="715"/>
      <c r="DY4" s="715"/>
      <c r="DZ4" s="715"/>
      <c r="EA4" s="715"/>
      <c r="EB4" s="715"/>
      <c r="EC4" s="715"/>
      <c r="ED4" s="716"/>
      <c r="EE4" s="714" t="s">
        <v>58</v>
      </c>
      <c r="EF4" s="715"/>
      <c r="EG4" s="715"/>
      <c r="EH4" s="715"/>
      <c r="EI4" s="715"/>
      <c r="EJ4" s="715"/>
      <c r="EK4" s="715"/>
      <c r="EL4" s="715"/>
      <c r="EM4" s="715"/>
      <c r="EN4" s="715"/>
      <c r="EO4" s="716"/>
      <c r="EP4" s="714" t="s">
        <v>59</v>
      </c>
      <c r="EQ4" s="715"/>
      <c r="ER4" s="715"/>
      <c r="ES4" s="715"/>
      <c r="ET4" s="715"/>
      <c r="EU4" s="715"/>
      <c r="EV4" s="715"/>
      <c r="EW4" s="715"/>
      <c r="EX4" s="715"/>
      <c r="EY4" s="715"/>
      <c r="EZ4" s="716"/>
      <c r="FA4" s="714" t="s">
        <v>149</v>
      </c>
      <c r="FB4" s="715"/>
      <c r="FC4" s="715"/>
      <c r="FD4" s="715"/>
      <c r="FE4" s="715"/>
      <c r="FF4" s="715"/>
      <c r="FG4" s="715"/>
      <c r="FH4" s="715"/>
      <c r="FI4" s="715"/>
      <c r="FJ4" s="715"/>
      <c r="FK4" s="716"/>
      <c r="FL4" s="714" t="s">
        <v>117</v>
      </c>
      <c r="FM4" s="715"/>
      <c r="FN4" s="715"/>
      <c r="FO4" s="715"/>
      <c r="FP4" s="715"/>
      <c r="FQ4" s="715"/>
      <c r="FR4" s="715"/>
      <c r="FS4" s="715"/>
      <c r="FT4" s="715"/>
      <c r="FU4" s="715"/>
      <c r="FV4" s="716"/>
      <c r="FW4" s="714" t="s">
        <v>77</v>
      </c>
      <c r="FX4" s="715"/>
      <c r="FY4" s="715"/>
      <c r="FZ4" s="715"/>
      <c r="GA4" s="715"/>
      <c r="GB4" s="715"/>
      <c r="GC4" s="715"/>
      <c r="GD4" s="715"/>
      <c r="GE4" s="715"/>
      <c r="GF4" s="715"/>
      <c r="GG4" s="716"/>
      <c r="GH4" s="714" t="s">
        <v>78</v>
      </c>
      <c r="GI4" s="715"/>
      <c r="GJ4" s="715"/>
      <c r="GK4" s="715"/>
      <c r="GL4" s="715"/>
      <c r="GM4" s="715"/>
      <c r="GN4" s="715"/>
      <c r="GO4" s="715"/>
      <c r="GP4" s="715"/>
      <c r="GQ4" s="715"/>
      <c r="GR4" s="716"/>
      <c r="GS4" s="714" t="s">
        <v>79</v>
      </c>
      <c r="GT4" s="715"/>
      <c r="GU4" s="715"/>
      <c r="GV4" s="715"/>
      <c r="GW4" s="715"/>
      <c r="GX4" s="715"/>
      <c r="GY4" s="715"/>
      <c r="GZ4" s="715"/>
      <c r="HA4" s="715"/>
      <c r="HB4" s="715"/>
      <c r="HC4" s="716"/>
      <c r="HD4" s="714" t="s">
        <v>150</v>
      </c>
      <c r="HE4" s="715"/>
      <c r="HF4" s="715"/>
      <c r="HG4" s="715"/>
      <c r="HH4" s="715"/>
      <c r="HI4" s="715"/>
      <c r="HJ4" s="715"/>
      <c r="HK4" s="715"/>
      <c r="HL4" s="715"/>
      <c r="HM4" s="715"/>
      <c r="HN4" s="716"/>
      <c r="HO4" s="721"/>
      <c r="HP4" s="722"/>
      <c r="HQ4" s="722"/>
      <c r="HR4" s="722"/>
      <c r="HS4" s="722"/>
      <c r="HT4" s="722"/>
      <c r="HU4" s="722"/>
      <c r="HV4" s="722"/>
      <c r="HW4" s="722"/>
      <c r="HX4" s="722"/>
      <c r="HY4" s="723"/>
    </row>
    <row r="5" spans="2:233" ht="21" customHeight="1" x14ac:dyDescent="0.2">
      <c r="B5" s="712"/>
      <c r="C5" s="704" t="s">
        <v>61</v>
      </c>
      <c r="D5" s="705"/>
      <c r="E5" s="706"/>
      <c r="F5" s="707" t="s">
        <v>62</v>
      </c>
      <c r="G5" s="705"/>
      <c r="H5" s="705"/>
      <c r="I5" s="705"/>
      <c r="J5" s="705"/>
      <c r="K5" s="705"/>
      <c r="L5" s="708"/>
      <c r="M5" s="717" t="s">
        <v>52</v>
      </c>
      <c r="N5" s="699" t="s">
        <v>61</v>
      </c>
      <c r="O5" s="700"/>
      <c r="P5" s="701"/>
      <c r="Q5" s="702" t="s">
        <v>62</v>
      </c>
      <c r="R5" s="700"/>
      <c r="S5" s="700"/>
      <c r="T5" s="700"/>
      <c r="U5" s="700"/>
      <c r="V5" s="700"/>
      <c r="W5" s="703"/>
      <c r="X5" s="599" t="s">
        <v>52</v>
      </c>
      <c r="Y5" s="699" t="s">
        <v>61</v>
      </c>
      <c r="Z5" s="700"/>
      <c r="AA5" s="701"/>
      <c r="AB5" s="702" t="s">
        <v>62</v>
      </c>
      <c r="AC5" s="700"/>
      <c r="AD5" s="700"/>
      <c r="AE5" s="700"/>
      <c r="AF5" s="700"/>
      <c r="AG5" s="700"/>
      <c r="AH5" s="703"/>
      <c r="AI5" s="599" t="s">
        <v>52</v>
      </c>
      <c r="AJ5" s="699" t="s">
        <v>61</v>
      </c>
      <c r="AK5" s="700"/>
      <c r="AL5" s="701"/>
      <c r="AM5" s="702" t="s">
        <v>62</v>
      </c>
      <c r="AN5" s="700"/>
      <c r="AO5" s="700"/>
      <c r="AP5" s="700"/>
      <c r="AQ5" s="700"/>
      <c r="AR5" s="700"/>
      <c r="AS5" s="703"/>
      <c r="AT5" s="599" t="s">
        <v>52</v>
      </c>
      <c r="AU5" s="699" t="s">
        <v>61</v>
      </c>
      <c r="AV5" s="700"/>
      <c r="AW5" s="701"/>
      <c r="AX5" s="702" t="s">
        <v>62</v>
      </c>
      <c r="AY5" s="700"/>
      <c r="AZ5" s="700"/>
      <c r="BA5" s="700"/>
      <c r="BB5" s="700"/>
      <c r="BC5" s="700"/>
      <c r="BD5" s="703"/>
      <c r="BE5" s="599" t="s">
        <v>52</v>
      </c>
      <c r="BF5" s="699" t="s">
        <v>61</v>
      </c>
      <c r="BG5" s="700"/>
      <c r="BH5" s="701"/>
      <c r="BI5" s="702" t="s">
        <v>62</v>
      </c>
      <c r="BJ5" s="700"/>
      <c r="BK5" s="700"/>
      <c r="BL5" s="700"/>
      <c r="BM5" s="700"/>
      <c r="BN5" s="700"/>
      <c r="BO5" s="703"/>
      <c r="BP5" s="599" t="s">
        <v>52</v>
      </c>
      <c r="BQ5" s="699" t="s">
        <v>61</v>
      </c>
      <c r="BR5" s="700"/>
      <c r="BS5" s="701"/>
      <c r="BT5" s="702" t="s">
        <v>62</v>
      </c>
      <c r="BU5" s="700"/>
      <c r="BV5" s="700"/>
      <c r="BW5" s="700"/>
      <c r="BX5" s="700"/>
      <c r="BY5" s="700"/>
      <c r="BZ5" s="703"/>
      <c r="CA5" s="599" t="s">
        <v>52</v>
      </c>
      <c r="CB5" s="699" t="s">
        <v>61</v>
      </c>
      <c r="CC5" s="700"/>
      <c r="CD5" s="701"/>
      <c r="CE5" s="702" t="s">
        <v>62</v>
      </c>
      <c r="CF5" s="700"/>
      <c r="CG5" s="700"/>
      <c r="CH5" s="700"/>
      <c r="CI5" s="700"/>
      <c r="CJ5" s="700"/>
      <c r="CK5" s="703"/>
      <c r="CL5" s="599" t="s">
        <v>52</v>
      </c>
      <c r="CM5" s="699" t="s">
        <v>61</v>
      </c>
      <c r="CN5" s="700"/>
      <c r="CO5" s="701"/>
      <c r="CP5" s="702" t="s">
        <v>62</v>
      </c>
      <c r="CQ5" s="700"/>
      <c r="CR5" s="700"/>
      <c r="CS5" s="700"/>
      <c r="CT5" s="700"/>
      <c r="CU5" s="700"/>
      <c r="CV5" s="703"/>
      <c r="CW5" s="599" t="s">
        <v>52</v>
      </c>
      <c r="CX5" s="699" t="s">
        <v>61</v>
      </c>
      <c r="CY5" s="700"/>
      <c r="CZ5" s="701"/>
      <c r="DA5" s="702" t="s">
        <v>62</v>
      </c>
      <c r="DB5" s="700"/>
      <c r="DC5" s="700"/>
      <c r="DD5" s="700"/>
      <c r="DE5" s="700"/>
      <c r="DF5" s="700"/>
      <c r="DG5" s="703"/>
      <c r="DH5" s="599" t="s">
        <v>52</v>
      </c>
      <c r="DI5" s="704" t="s">
        <v>61</v>
      </c>
      <c r="DJ5" s="705"/>
      <c r="DK5" s="706"/>
      <c r="DL5" s="707" t="s">
        <v>62</v>
      </c>
      <c r="DM5" s="705"/>
      <c r="DN5" s="705"/>
      <c r="DO5" s="705"/>
      <c r="DP5" s="705"/>
      <c r="DQ5" s="705"/>
      <c r="DR5" s="708"/>
      <c r="DS5" s="709" t="s">
        <v>52</v>
      </c>
      <c r="DT5" s="699" t="s">
        <v>61</v>
      </c>
      <c r="DU5" s="700"/>
      <c r="DV5" s="701"/>
      <c r="DW5" s="702" t="s">
        <v>62</v>
      </c>
      <c r="DX5" s="700"/>
      <c r="DY5" s="700"/>
      <c r="DZ5" s="700"/>
      <c r="EA5" s="700"/>
      <c r="EB5" s="700"/>
      <c r="EC5" s="703"/>
      <c r="ED5" s="599" t="s">
        <v>52</v>
      </c>
      <c r="EE5" s="699" t="s">
        <v>61</v>
      </c>
      <c r="EF5" s="700"/>
      <c r="EG5" s="701"/>
      <c r="EH5" s="702" t="s">
        <v>62</v>
      </c>
      <c r="EI5" s="700"/>
      <c r="EJ5" s="700"/>
      <c r="EK5" s="700"/>
      <c r="EL5" s="700"/>
      <c r="EM5" s="700"/>
      <c r="EN5" s="703"/>
      <c r="EO5" s="599" t="s">
        <v>52</v>
      </c>
      <c r="EP5" s="699" t="s">
        <v>61</v>
      </c>
      <c r="EQ5" s="700"/>
      <c r="ER5" s="701"/>
      <c r="ES5" s="702" t="s">
        <v>62</v>
      </c>
      <c r="ET5" s="700"/>
      <c r="EU5" s="700"/>
      <c r="EV5" s="700"/>
      <c r="EW5" s="700"/>
      <c r="EX5" s="700"/>
      <c r="EY5" s="703"/>
      <c r="EZ5" s="599" t="s">
        <v>52</v>
      </c>
      <c r="FA5" s="699" t="s">
        <v>61</v>
      </c>
      <c r="FB5" s="700"/>
      <c r="FC5" s="701"/>
      <c r="FD5" s="702" t="s">
        <v>62</v>
      </c>
      <c r="FE5" s="700"/>
      <c r="FF5" s="700"/>
      <c r="FG5" s="700"/>
      <c r="FH5" s="700"/>
      <c r="FI5" s="700"/>
      <c r="FJ5" s="703"/>
      <c r="FK5" s="599" t="s">
        <v>52</v>
      </c>
      <c r="FL5" s="699" t="s">
        <v>61</v>
      </c>
      <c r="FM5" s="700"/>
      <c r="FN5" s="701"/>
      <c r="FO5" s="702" t="s">
        <v>62</v>
      </c>
      <c r="FP5" s="700"/>
      <c r="FQ5" s="700"/>
      <c r="FR5" s="700"/>
      <c r="FS5" s="700"/>
      <c r="FT5" s="700"/>
      <c r="FU5" s="703"/>
      <c r="FV5" s="599" t="s">
        <v>52</v>
      </c>
      <c r="FW5" s="699" t="s">
        <v>61</v>
      </c>
      <c r="FX5" s="700"/>
      <c r="FY5" s="701"/>
      <c r="FZ5" s="702" t="s">
        <v>62</v>
      </c>
      <c r="GA5" s="700"/>
      <c r="GB5" s="700"/>
      <c r="GC5" s="700"/>
      <c r="GD5" s="700"/>
      <c r="GE5" s="700"/>
      <c r="GF5" s="703"/>
      <c r="GG5" s="599" t="s">
        <v>52</v>
      </c>
      <c r="GH5" s="699" t="s">
        <v>61</v>
      </c>
      <c r="GI5" s="700"/>
      <c r="GJ5" s="701"/>
      <c r="GK5" s="702" t="s">
        <v>62</v>
      </c>
      <c r="GL5" s="700"/>
      <c r="GM5" s="700"/>
      <c r="GN5" s="700"/>
      <c r="GO5" s="700"/>
      <c r="GP5" s="700"/>
      <c r="GQ5" s="703"/>
      <c r="GR5" s="599" t="s">
        <v>52</v>
      </c>
      <c r="GS5" s="699" t="s">
        <v>61</v>
      </c>
      <c r="GT5" s="700"/>
      <c r="GU5" s="701"/>
      <c r="GV5" s="702" t="s">
        <v>62</v>
      </c>
      <c r="GW5" s="700"/>
      <c r="GX5" s="700"/>
      <c r="GY5" s="700"/>
      <c r="GZ5" s="700"/>
      <c r="HA5" s="700"/>
      <c r="HB5" s="703"/>
      <c r="HC5" s="599" t="s">
        <v>52</v>
      </c>
      <c r="HD5" s="699" t="s">
        <v>61</v>
      </c>
      <c r="HE5" s="700"/>
      <c r="HF5" s="701"/>
      <c r="HG5" s="702" t="s">
        <v>62</v>
      </c>
      <c r="HH5" s="700"/>
      <c r="HI5" s="700"/>
      <c r="HJ5" s="700"/>
      <c r="HK5" s="700"/>
      <c r="HL5" s="700"/>
      <c r="HM5" s="703"/>
      <c r="HN5" s="599" t="s">
        <v>52</v>
      </c>
      <c r="HO5" s="699" t="s">
        <v>61</v>
      </c>
      <c r="HP5" s="700"/>
      <c r="HQ5" s="701"/>
      <c r="HR5" s="702" t="s">
        <v>62</v>
      </c>
      <c r="HS5" s="700"/>
      <c r="HT5" s="700"/>
      <c r="HU5" s="700"/>
      <c r="HV5" s="700"/>
      <c r="HW5" s="700"/>
      <c r="HX5" s="703"/>
      <c r="HY5" s="599" t="s">
        <v>52</v>
      </c>
    </row>
    <row r="6" spans="2:233" ht="30" customHeight="1" thickBot="1" x14ac:dyDescent="0.25">
      <c r="B6" s="713"/>
      <c r="C6" s="327" t="s">
        <v>119</v>
      </c>
      <c r="D6" s="328" t="s">
        <v>44</v>
      </c>
      <c r="E6" s="335" t="s">
        <v>45</v>
      </c>
      <c r="F6" s="336" t="s">
        <v>83</v>
      </c>
      <c r="G6" s="328" t="s">
        <v>47</v>
      </c>
      <c r="H6" s="328" t="s">
        <v>48</v>
      </c>
      <c r="I6" s="328" t="s">
        <v>49</v>
      </c>
      <c r="J6" s="328" t="s">
        <v>50</v>
      </c>
      <c r="K6" s="328" t="s">
        <v>51</v>
      </c>
      <c r="L6" s="337" t="s">
        <v>45</v>
      </c>
      <c r="M6" s="698"/>
      <c r="N6" s="327" t="s">
        <v>119</v>
      </c>
      <c r="O6" s="328" t="s">
        <v>44</v>
      </c>
      <c r="P6" s="335" t="s">
        <v>45</v>
      </c>
      <c r="Q6" s="336" t="s">
        <v>83</v>
      </c>
      <c r="R6" s="328" t="s">
        <v>47</v>
      </c>
      <c r="S6" s="328" t="s">
        <v>48</v>
      </c>
      <c r="T6" s="328" t="s">
        <v>49</v>
      </c>
      <c r="U6" s="328" t="s">
        <v>50</v>
      </c>
      <c r="V6" s="328" t="s">
        <v>51</v>
      </c>
      <c r="W6" s="337" t="s">
        <v>45</v>
      </c>
      <c r="X6" s="698"/>
      <c r="Y6" s="327" t="s">
        <v>119</v>
      </c>
      <c r="Z6" s="328" t="s">
        <v>44</v>
      </c>
      <c r="AA6" s="335" t="s">
        <v>45</v>
      </c>
      <c r="AB6" s="336" t="s">
        <v>83</v>
      </c>
      <c r="AC6" s="328" t="s">
        <v>47</v>
      </c>
      <c r="AD6" s="328" t="s">
        <v>48</v>
      </c>
      <c r="AE6" s="328" t="s">
        <v>49</v>
      </c>
      <c r="AF6" s="328" t="s">
        <v>50</v>
      </c>
      <c r="AG6" s="328" t="s">
        <v>51</v>
      </c>
      <c r="AH6" s="337" t="s">
        <v>45</v>
      </c>
      <c r="AI6" s="698"/>
      <c r="AJ6" s="327" t="s">
        <v>119</v>
      </c>
      <c r="AK6" s="328" t="s">
        <v>44</v>
      </c>
      <c r="AL6" s="335" t="s">
        <v>45</v>
      </c>
      <c r="AM6" s="336" t="s">
        <v>83</v>
      </c>
      <c r="AN6" s="328" t="s">
        <v>47</v>
      </c>
      <c r="AO6" s="328" t="s">
        <v>48</v>
      </c>
      <c r="AP6" s="328" t="s">
        <v>49</v>
      </c>
      <c r="AQ6" s="328" t="s">
        <v>50</v>
      </c>
      <c r="AR6" s="328" t="s">
        <v>51</v>
      </c>
      <c r="AS6" s="337" t="s">
        <v>45</v>
      </c>
      <c r="AT6" s="698"/>
      <c r="AU6" s="327" t="s">
        <v>119</v>
      </c>
      <c r="AV6" s="328" t="s">
        <v>44</v>
      </c>
      <c r="AW6" s="335" t="s">
        <v>45</v>
      </c>
      <c r="AX6" s="336" t="s">
        <v>83</v>
      </c>
      <c r="AY6" s="328" t="s">
        <v>47</v>
      </c>
      <c r="AZ6" s="328" t="s">
        <v>48</v>
      </c>
      <c r="BA6" s="328" t="s">
        <v>49</v>
      </c>
      <c r="BB6" s="328" t="s">
        <v>50</v>
      </c>
      <c r="BC6" s="328" t="s">
        <v>51</v>
      </c>
      <c r="BD6" s="337" t="s">
        <v>45</v>
      </c>
      <c r="BE6" s="698"/>
      <c r="BF6" s="327" t="s">
        <v>119</v>
      </c>
      <c r="BG6" s="328" t="s">
        <v>44</v>
      </c>
      <c r="BH6" s="335" t="s">
        <v>45</v>
      </c>
      <c r="BI6" s="336" t="s">
        <v>83</v>
      </c>
      <c r="BJ6" s="328" t="s">
        <v>47</v>
      </c>
      <c r="BK6" s="328" t="s">
        <v>48</v>
      </c>
      <c r="BL6" s="328" t="s">
        <v>49</v>
      </c>
      <c r="BM6" s="328" t="s">
        <v>50</v>
      </c>
      <c r="BN6" s="328" t="s">
        <v>51</v>
      </c>
      <c r="BO6" s="337" t="s">
        <v>45</v>
      </c>
      <c r="BP6" s="698"/>
      <c r="BQ6" s="327" t="s">
        <v>119</v>
      </c>
      <c r="BR6" s="328" t="s">
        <v>44</v>
      </c>
      <c r="BS6" s="335" t="s">
        <v>45</v>
      </c>
      <c r="BT6" s="336" t="s">
        <v>83</v>
      </c>
      <c r="BU6" s="328" t="s">
        <v>47</v>
      </c>
      <c r="BV6" s="328" t="s">
        <v>48</v>
      </c>
      <c r="BW6" s="328" t="s">
        <v>49</v>
      </c>
      <c r="BX6" s="328" t="s">
        <v>50</v>
      </c>
      <c r="BY6" s="328" t="s">
        <v>51</v>
      </c>
      <c r="BZ6" s="337" t="s">
        <v>45</v>
      </c>
      <c r="CA6" s="698"/>
      <c r="CB6" s="327" t="s">
        <v>119</v>
      </c>
      <c r="CC6" s="328" t="s">
        <v>44</v>
      </c>
      <c r="CD6" s="335" t="s">
        <v>45</v>
      </c>
      <c r="CE6" s="336" t="s">
        <v>83</v>
      </c>
      <c r="CF6" s="328" t="s">
        <v>47</v>
      </c>
      <c r="CG6" s="328" t="s">
        <v>48</v>
      </c>
      <c r="CH6" s="328" t="s">
        <v>49</v>
      </c>
      <c r="CI6" s="328" t="s">
        <v>50</v>
      </c>
      <c r="CJ6" s="328" t="s">
        <v>51</v>
      </c>
      <c r="CK6" s="337" t="s">
        <v>45</v>
      </c>
      <c r="CL6" s="698"/>
      <c r="CM6" s="327" t="s">
        <v>119</v>
      </c>
      <c r="CN6" s="328" t="s">
        <v>44</v>
      </c>
      <c r="CO6" s="335" t="s">
        <v>45</v>
      </c>
      <c r="CP6" s="336" t="s">
        <v>83</v>
      </c>
      <c r="CQ6" s="328" t="s">
        <v>47</v>
      </c>
      <c r="CR6" s="328" t="s">
        <v>48</v>
      </c>
      <c r="CS6" s="328" t="s">
        <v>49</v>
      </c>
      <c r="CT6" s="328" t="s">
        <v>50</v>
      </c>
      <c r="CU6" s="328" t="s">
        <v>51</v>
      </c>
      <c r="CV6" s="337" t="s">
        <v>45</v>
      </c>
      <c r="CW6" s="698"/>
      <c r="CX6" s="327" t="s">
        <v>119</v>
      </c>
      <c r="CY6" s="328" t="s">
        <v>44</v>
      </c>
      <c r="CZ6" s="335" t="s">
        <v>45</v>
      </c>
      <c r="DA6" s="336" t="s">
        <v>83</v>
      </c>
      <c r="DB6" s="328" t="s">
        <v>47</v>
      </c>
      <c r="DC6" s="328" t="s">
        <v>48</v>
      </c>
      <c r="DD6" s="328" t="s">
        <v>49</v>
      </c>
      <c r="DE6" s="328" t="s">
        <v>50</v>
      </c>
      <c r="DF6" s="328" t="s">
        <v>51</v>
      </c>
      <c r="DG6" s="337" t="s">
        <v>45</v>
      </c>
      <c r="DH6" s="698"/>
      <c r="DI6" s="327" t="s">
        <v>119</v>
      </c>
      <c r="DJ6" s="328" t="s">
        <v>44</v>
      </c>
      <c r="DK6" s="335" t="s">
        <v>45</v>
      </c>
      <c r="DL6" s="336" t="s">
        <v>83</v>
      </c>
      <c r="DM6" s="328" t="s">
        <v>47</v>
      </c>
      <c r="DN6" s="328" t="s">
        <v>48</v>
      </c>
      <c r="DO6" s="328" t="s">
        <v>49</v>
      </c>
      <c r="DP6" s="328" t="s">
        <v>50</v>
      </c>
      <c r="DQ6" s="328" t="s">
        <v>51</v>
      </c>
      <c r="DR6" s="337" t="s">
        <v>45</v>
      </c>
      <c r="DS6" s="710"/>
      <c r="DT6" s="327" t="s">
        <v>119</v>
      </c>
      <c r="DU6" s="328" t="s">
        <v>44</v>
      </c>
      <c r="DV6" s="335" t="s">
        <v>45</v>
      </c>
      <c r="DW6" s="336" t="s">
        <v>83</v>
      </c>
      <c r="DX6" s="328" t="s">
        <v>47</v>
      </c>
      <c r="DY6" s="328" t="s">
        <v>48</v>
      </c>
      <c r="DZ6" s="328" t="s">
        <v>49</v>
      </c>
      <c r="EA6" s="328" t="s">
        <v>50</v>
      </c>
      <c r="EB6" s="328" t="s">
        <v>51</v>
      </c>
      <c r="EC6" s="337" t="s">
        <v>45</v>
      </c>
      <c r="ED6" s="698"/>
      <c r="EE6" s="327" t="s">
        <v>119</v>
      </c>
      <c r="EF6" s="328" t="s">
        <v>44</v>
      </c>
      <c r="EG6" s="335" t="s">
        <v>45</v>
      </c>
      <c r="EH6" s="336" t="s">
        <v>83</v>
      </c>
      <c r="EI6" s="328" t="s">
        <v>47</v>
      </c>
      <c r="EJ6" s="328" t="s">
        <v>48</v>
      </c>
      <c r="EK6" s="328" t="s">
        <v>49</v>
      </c>
      <c r="EL6" s="328" t="s">
        <v>50</v>
      </c>
      <c r="EM6" s="328" t="s">
        <v>51</v>
      </c>
      <c r="EN6" s="337" t="s">
        <v>45</v>
      </c>
      <c r="EO6" s="698"/>
      <c r="EP6" s="327" t="s">
        <v>119</v>
      </c>
      <c r="EQ6" s="328" t="s">
        <v>44</v>
      </c>
      <c r="ER6" s="335" t="s">
        <v>45</v>
      </c>
      <c r="ES6" s="336" t="s">
        <v>83</v>
      </c>
      <c r="ET6" s="328" t="s">
        <v>47</v>
      </c>
      <c r="EU6" s="328" t="s">
        <v>48</v>
      </c>
      <c r="EV6" s="328" t="s">
        <v>49</v>
      </c>
      <c r="EW6" s="328" t="s">
        <v>50</v>
      </c>
      <c r="EX6" s="328" t="s">
        <v>51</v>
      </c>
      <c r="EY6" s="337" t="s">
        <v>45</v>
      </c>
      <c r="EZ6" s="698"/>
      <c r="FA6" s="327" t="s">
        <v>119</v>
      </c>
      <c r="FB6" s="328" t="s">
        <v>44</v>
      </c>
      <c r="FC6" s="335" t="s">
        <v>45</v>
      </c>
      <c r="FD6" s="336" t="s">
        <v>83</v>
      </c>
      <c r="FE6" s="328" t="s">
        <v>47</v>
      </c>
      <c r="FF6" s="328" t="s">
        <v>48</v>
      </c>
      <c r="FG6" s="328" t="s">
        <v>49</v>
      </c>
      <c r="FH6" s="328" t="s">
        <v>50</v>
      </c>
      <c r="FI6" s="328" t="s">
        <v>51</v>
      </c>
      <c r="FJ6" s="337" t="s">
        <v>45</v>
      </c>
      <c r="FK6" s="698"/>
      <c r="FL6" s="327" t="s">
        <v>119</v>
      </c>
      <c r="FM6" s="328" t="s">
        <v>44</v>
      </c>
      <c r="FN6" s="335" t="s">
        <v>45</v>
      </c>
      <c r="FO6" s="336" t="s">
        <v>83</v>
      </c>
      <c r="FP6" s="328" t="s">
        <v>47</v>
      </c>
      <c r="FQ6" s="328" t="s">
        <v>48</v>
      </c>
      <c r="FR6" s="328" t="s">
        <v>49</v>
      </c>
      <c r="FS6" s="328" t="s">
        <v>50</v>
      </c>
      <c r="FT6" s="328" t="s">
        <v>51</v>
      </c>
      <c r="FU6" s="337" t="s">
        <v>45</v>
      </c>
      <c r="FV6" s="698"/>
      <c r="FW6" s="327" t="s">
        <v>119</v>
      </c>
      <c r="FX6" s="328" t="s">
        <v>44</v>
      </c>
      <c r="FY6" s="335" t="s">
        <v>45</v>
      </c>
      <c r="FZ6" s="336" t="s">
        <v>83</v>
      </c>
      <c r="GA6" s="328" t="s">
        <v>47</v>
      </c>
      <c r="GB6" s="328" t="s">
        <v>48</v>
      </c>
      <c r="GC6" s="328" t="s">
        <v>49</v>
      </c>
      <c r="GD6" s="328" t="s">
        <v>50</v>
      </c>
      <c r="GE6" s="328" t="s">
        <v>51</v>
      </c>
      <c r="GF6" s="337" t="s">
        <v>45</v>
      </c>
      <c r="GG6" s="698"/>
      <c r="GH6" s="327" t="s">
        <v>119</v>
      </c>
      <c r="GI6" s="328" t="s">
        <v>44</v>
      </c>
      <c r="GJ6" s="335" t="s">
        <v>45</v>
      </c>
      <c r="GK6" s="336" t="s">
        <v>83</v>
      </c>
      <c r="GL6" s="328" t="s">
        <v>47</v>
      </c>
      <c r="GM6" s="328" t="s">
        <v>48</v>
      </c>
      <c r="GN6" s="328" t="s">
        <v>49</v>
      </c>
      <c r="GO6" s="328" t="s">
        <v>50</v>
      </c>
      <c r="GP6" s="328" t="s">
        <v>51</v>
      </c>
      <c r="GQ6" s="337" t="s">
        <v>45</v>
      </c>
      <c r="GR6" s="698"/>
      <c r="GS6" s="327" t="s">
        <v>119</v>
      </c>
      <c r="GT6" s="328" t="s">
        <v>44</v>
      </c>
      <c r="GU6" s="335" t="s">
        <v>45</v>
      </c>
      <c r="GV6" s="336" t="s">
        <v>83</v>
      </c>
      <c r="GW6" s="328" t="s">
        <v>47</v>
      </c>
      <c r="GX6" s="328" t="s">
        <v>48</v>
      </c>
      <c r="GY6" s="328" t="s">
        <v>49</v>
      </c>
      <c r="GZ6" s="328" t="s">
        <v>50</v>
      </c>
      <c r="HA6" s="328" t="s">
        <v>51</v>
      </c>
      <c r="HB6" s="337" t="s">
        <v>45</v>
      </c>
      <c r="HC6" s="698"/>
      <c r="HD6" s="327" t="s">
        <v>119</v>
      </c>
      <c r="HE6" s="328" t="s">
        <v>44</v>
      </c>
      <c r="HF6" s="335" t="s">
        <v>45</v>
      </c>
      <c r="HG6" s="336" t="s">
        <v>83</v>
      </c>
      <c r="HH6" s="328" t="s">
        <v>47</v>
      </c>
      <c r="HI6" s="328" t="s">
        <v>48</v>
      </c>
      <c r="HJ6" s="328" t="s">
        <v>49</v>
      </c>
      <c r="HK6" s="328" t="s">
        <v>50</v>
      </c>
      <c r="HL6" s="328" t="s">
        <v>51</v>
      </c>
      <c r="HM6" s="337" t="s">
        <v>45</v>
      </c>
      <c r="HN6" s="698"/>
      <c r="HO6" s="327" t="s">
        <v>119</v>
      </c>
      <c r="HP6" s="328" t="s">
        <v>44</v>
      </c>
      <c r="HQ6" s="335" t="s">
        <v>45</v>
      </c>
      <c r="HR6" s="336" t="s">
        <v>83</v>
      </c>
      <c r="HS6" s="328" t="s">
        <v>47</v>
      </c>
      <c r="HT6" s="328" t="s">
        <v>48</v>
      </c>
      <c r="HU6" s="328" t="s">
        <v>49</v>
      </c>
      <c r="HV6" s="328" t="s">
        <v>50</v>
      </c>
      <c r="HW6" s="328" t="s">
        <v>51</v>
      </c>
      <c r="HX6" s="337" t="s">
        <v>45</v>
      </c>
      <c r="HY6" s="698"/>
    </row>
    <row r="7" spans="2:233" s="425" customFormat="1" ht="21" customHeight="1" x14ac:dyDescent="0.2">
      <c r="B7" s="435" t="s">
        <v>4</v>
      </c>
      <c r="C7" s="418">
        <v>15010</v>
      </c>
      <c r="D7" s="419">
        <v>101061</v>
      </c>
      <c r="E7" s="420">
        <v>116071</v>
      </c>
      <c r="F7" s="421">
        <v>0</v>
      </c>
      <c r="G7" s="419">
        <v>17133556</v>
      </c>
      <c r="H7" s="419">
        <v>41110877</v>
      </c>
      <c r="I7" s="419">
        <v>118401422</v>
      </c>
      <c r="J7" s="419">
        <v>159410861</v>
      </c>
      <c r="K7" s="419">
        <v>98627184</v>
      </c>
      <c r="L7" s="422">
        <v>434683900</v>
      </c>
      <c r="M7" s="423">
        <v>434799971</v>
      </c>
      <c r="N7" s="418">
        <v>0</v>
      </c>
      <c r="O7" s="419">
        <v>0</v>
      </c>
      <c r="P7" s="420">
        <v>0</v>
      </c>
      <c r="Q7" s="468">
        <v>0</v>
      </c>
      <c r="R7" s="419">
        <v>4611900</v>
      </c>
      <c r="S7" s="419">
        <v>14946901</v>
      </c>
      <c r="T7" s="419">
        <v>80651330</v>
      </c>
      <c r="U7" s="419">
        <v>117202611</v>
      </c>
      <c r="V7" s="419">
        <v>76341117</v>
      </c>
      <c r="W7" s="422">
        <v>293753859</v>
      </c>
      <c r="X7" s="423">
        <v>293753859</v>
      </c>
      <c r="Y7" s="418">
        <v>0</v>
      </c>
      <c r="Z7" s="419">
        <v>0</v>
      </c>
      <c r="AA7" s="420">
        <v>0</v>
      </c>
      <c r="AB7" s="468">
        <v>0</v>
      </c>
      <c r="AC7" s="419">
        <v>10343159</v>
      </c>
      <c r="AD7" s="419">
        <v>21551173</v>
      </c>
      <c r="AE7" s="419">
        <v>27535317</v>
      </c>
      <c r="AF7" s="419">
        <v>30892316</v>
      </c>
      <c r="AG7" s="419">
        <v>14325941</v>
      </c>
      <c r="AH7" s="422">
        <v>104647906</v>
      </c>
      <c r="AI7" s="423">
        <v>104647906</v>
      </c>
      <c r="AJ7" s="418">
        <v>0</v>
      </c>
      <c r="AK7" s="419">
        <v>0</v>
      </c>
      <c r="AL7" s="420">
        <v>0</v>
      </c>
      <c r="AM7" s="468">
        <v>0</v>
      </c>
      <c r="AN7" s="419">
        <v>24045</v>
      </c>
      <c r="AO7" s="419">
        <v>0</v>
      </c>
      <c r="AP7" s="419">
        <v>0</v>
      </c>
      <c r="AQ7" s="419">
        <v>368360</v>
      </c>
      <c r="AR7" s="419">
        <v>363720</v>
      </c>
      <c r="AS7" s="422">
        <v>756125</v>
      </c>
      <c r="AT7" s="423">
        <v>756125</v>
      </c>
      <c r="AU7" s="418">
        <v>0</v>
      </c>
      <c r="AV7" s="419">
        <v>0</v>
      </c>
      <c r="AW7" s="420">
        <v>0</v>
      </c>
      <c r="AX7" s="468">
        <v>0</v>
      </c>
      <c r="AY7" s="419">
        <v>226755</v>
      </c>
      <c r="AZ7" s="419">
        <v>213010</v>
      </c>
      <c r="BA7" s="419">
        <v>436985</v>
      </c>
      <c r="BB7" s="419">
        <v>2160090</v>
      </c>
      <c r="BC7" s="419">
        <v>2551985</v>
      </c>
      <c r="BD7" s="422">
        <v>5588825</v>
      </c>
      <c r="BE7" s="423">
        <v>5588825</v>
      </c>
      <c r="BF7" s="418">
        <v>0</v>
      </c>
      <c r="BG7" s="419">
        <v>0</v>
      </c>
      <c r="BH7" s="420">
        <v>0</v>
      </c>
      <c r="BI7" s="468">
        <v>0</v>
      </c>
      <c r="BJ7" s="419">
        <v>59985</v>
      </c>
      <c r="BK7" s="419">
        <v>272645</v>
      </c>
      <c r="BL7" s="419">
        <v>1535175</v>
      </c>
      <c r="BM7" s="419">
        <v>1773805</v>
      </c>
      <c r="BN7" s="419">
        <v>1407010</v>
      </c>
      <c r="BO7" s="422">
        <v>5048620</v>
      </c>
      <c r="BP7" s="423">
        <v>5048620</v>
      </c>
      <c r="BQ7" s="418">
        <v>15010</v>
      </c>
      <c r="BR7" s="419">
        <v>100046</v>
      </c>
      <c r="BS7" s="420">
        <v>115056</v>
      </c>
      <c r="BT7" s="421">
        <v>0</v>
      </c>
      <c r="BU7" s="419">
        <v>1789147</v>
      </c>
      <c r="BV7" s="419">
        <v>3862909</v>
      </c>
      <c r="BW7" s="419">
        <v>7879017</v>
      </c>
      <c r="BX7" s="419">
        <v>6630033</v>
      </c>
      <c r="BY7" s="419">
        <v>3413356</v>
      </c>
      <c r="BZ7" s="422">
        <v>23574462</v>
      </c>
      <c r="CA7" s="423">
        <v>23689518</v>
      </c>
      <c r="CB7" s="418">
        <v>0</v>
      </c>
      <c r="CC7" s="419">
        <v>1015</v>
      </c>
      <c r="CD7" s="420">
        <v>1015</v>
      </c>
      <c r="CE7" s="421">
        <v>0</v>
      </c>
      <c r="CF7" s="419">
        <v>78565</v>
      </c>
      <c r="CG7" s="419">
        <v>264239</v>
      </c>
      <c r="CH7" s="419">
        <v>363598</v>
      </c>
      <c r="CI7" s="419">
        <v>383646</v>
      </c>
      <c r="CJ7" s="419">
        <v>224055</v>
      </c>
      <c r="CK7" s="422">
        <v>1314103</v>
      </c>
      <c r="CL7" s="423">
        <v>1315118</v>
      </c>
      <c r="CM7" s="418">
        <v>0</v>
      </c>
      <c r="CN7" s="419">
        <v>0</v>
      </c>
      <c r="CO7" s="420">
        <v>0</v>
      </c>
      <c r="CP7" s="421">
        <v>0</v>
      </c>
      <c r="CQ7" s="419">
        <v>0</v>
      </c>
      <c r="CR7" s="419">
        <v>0</v>
      </c>
      <c r="CS7" s="419">
        <v>0</v>
      </c>
      <c r="CT7" s="419">
        <v>0</v>
      </c>
      <c r="CU7" s="419">
        <v>0</v>
      </c>
      <c r="CV7" s="422">
        <v>0</v>
      </c>
      <c r="CW7" s="423">
        <v>0</v>
      </c>
      <c r="CX7" s="418">
        <v>0</v>
      </c>
      <c r="CY7" s="419">
        <v>0</v>
      </c>
      <c r="CZ7" s="420">
        <v>0</v>
      </c>
      <c r="DA7" s="468">
        <v>0</v>
      </c>
      <c r="DB7" s="419">
        <v>0</v>
      </c>
      <c r="DC7" s="419">
        <v>0</v>
      </c>
      <c r="DD7" s="419">
        <v>0</v>
      </c>
      <c r="DE7" s="419">
        <v>0</v>
      </c>
      <c r="DF7" s="419">
        <v>0</v>
      </c>
      <c r="DG7" s="422">
        <v>0</v>
      </c>
      <c r="DH7" s="423">
        <v>0</v>
      </c>
      <c r="DI7" s="418">
        <v>29053</v>
      </c>
      <c r="DJ7" s="419">
        <v>184109</v>
      </c>
      <c r="DK7" s="420">
        <v>213162</v>
      </c>
      <c r="DL7" s="421">
        <v>0</v>
      </c>
      <c r="DM7" s="419">
        <v>11398365</v>
      </c>
      <c r="DN7" s="419">
        <v>32619265</v>
      </c>
      <c r="DO7" s="419">
        <v>129132382</v>
      </c>
      <c r="DP7" s="419">
        <v>168705802</v>
      </c>
      <c r="DQ7" s="419">
        <v>104841833</v>
      </c>
      <c r="DR7" s="422">
        <v>446697647</v>
      </c>
      <c r="DS7" s="424">
        <v>446910809</v>
      </c>
      <c r="DT7" s="418">
        <v>0</v>
      </c>
      <c r="DU7" s="419">
        <v>0</v>
      </c>
      <c r="DV7" s="420">
        <v>0</v>
      </c>
      <c r="DW7" s="468">
        <v>0</v>
      </c>
      <c r="DX7" s="419">
        <v>5858231</v>
      </c>
      <c r="DY7" s="419">
        <v>20686651</v>
      </c>
      <c r="DZ7" s="419">
        <v>107511883</v>
      </c>
      <c r="EA7" s="419">
        <v>147243779</v>
      </c>
      <c r="EB7" s="419">
        <v>92927062</v>
      </c>
      <c r="EC7" s="422">
        <v>374227606</v>
      </c>
      <c r="ED7" s="423">
        <v>374227606</v>
      </c>
      <c r="EE7" s="418">
        <v>0</v>
      </c>
      <c r="EF7" s="419">
        <v>0</v>
      </c>
      <c r="EG7" s="420">
        <v>0</v>
      </c>
      <c r="EH7" s="468">
        <v>0</v>
      </c>
      <c r="EI7" s="419">
        <v>2585379</v>
      </c>
      <c r="EJ7" s="419">
        <v>5173732</v>
      </c>
      <c r="EK7" s="419">
        <v>6468082</v>
      </c>
      <c r="EL7" s="419">
        <v>7044909</v>
      </c>
      <c r="EM7" s="419">
        <v>3581790</v>
      </c>
      <c r="EN7" s="422">
        <v>24853892</v>
      </c>
      <c r="EO7" s="423">
        <v>24853892</v>
      </c>
      <c r="EP7" s="418">
        <v>0</v>
      </c>
      <c r="EQ7" s="419">
        <v>0</v>
      </c>
      <c r="ER7" s="420">
        <v>0</v>
      </c>
      <c r="ES7" s="468">
        <v>0</v>
      </c>
      <c r="ET7" s="419">
        <v>7917</v>
      </c>
      <c r="EU7" s="419">
        <v>0</v>
      </c>
      <c r="EV7" s="419">
        <v>0</v>
      </c>
      <c r="EW7" s="419">
        <v>70773</v>
      </c>
      <c r="EX7" s="419">
        <v>56783</v>
      </c>
      <c r="EY7" s="422">
        <v>135473</v>
      </c>
      <c r="EZ7" s="423">
        <v>135473</v>
      </c>
      <c r="FA7" s="418">
        <v>0</v>
      </c>
      <c r="FB7" s="419">
        <v>0</v>
      </c>
      <c r="FC7" s="420">
        <v>0</v>
      </c>
      <c r="FD7" s="468">
        <v>0</v>
      </c>
      <c r="FE7" s="419">
        <v>26561</v>
      </c>
      <c r="FF7" s="419">
        <v>58153</v>
      </c>
      <c r="FG7" s="419">
        <v>73594</v>
      </c>
      <c r="FH7" s="419">
        <v>297343</v>
      </c>
      <c r="FI7" s="419">
        <v>440358</v>
      </c>
      <c r="FJ7" s="422">
        <v>896009</v>
      </c>
      <c r="FK7" s="423">
        <v>896009</v>
      </c>
      <c r="FL7" s="418">
        <v>0</v>
      </c>
      <c r="FM7" s="419">
        <v>0</v>
      </c>
      <c r="FN7" s="420">
        <v>0</v>
      </c>
      <c r="FO7" s="468">
        <v>0</v>
      </c>
      <c r="FP7" s="419">
        <v>79918</v>
      </c>
      <c r="FQ7" s="419">
        <v>363444</v>
      </c>
      <c r="FR7" s="419">
        <v>2576510</v>
      </c>
      <c r="FS7" s="419">
        <v>3150235</v>
      </c>
      <c r="FT7" s="419">
        <v>2427845</v>
      </c>
      <c r="FU7" s="422">
        <v>8597952</v>
      </c>
      <c r="FV7" s="423">
        <v>8597952</v>
      </c>
      <c r="FW7" s="418">
        <v>29053</v>
      </c>
      <c r="FX7" s="419">
        <v>184060</v>
      </c>
      <c r="FY7" s="420">
        <v>213113</v>
      </c>
      <c r="FZ7" s="421">
        <v>0</v>
      </c>
      <c r="GA7" s="419">
        <v>2800907</v>
      </c>
      <c r="GB7" s="419">
        <v>6220509</v>
      </c>
      <c r="GC7" s="419">
        <v>12270436</v>
      </c>
      <c r="GD7" s="419">
        <v>10642431</v>
      </c>
      <c r="GE7" s="419">
        <v>5223111</v>
      </c>
      <c r="GF7" s="422">
        <v>37157394</v>
      </c>
      <c r="GG7" s="423">
        <v>37370507</v>
      </c>
      <c r="GH7" s="418">
        <v>0</v>
      </c>
      <c r="GI7" s="419">
        <v>49</v>
      </c>
      <c r="GJ7" s="420">
        <v>49</v>
      </c>
      <c r="GK7" s="421">
        <v>0</v>
      </c>
      <c r="GL7" s="419">
        <v>39452</v>
      </c>
      <c r="GM7" s="419">
        <v>116776</v>
      </c>
      <c r="GN7" s="419">
        <v>231877</v>
      </c>
      <c r="GO7" s="419">
        <v>256332</v>
      </c>
      <c r="GP7" s="419">
        <v>184884</v>
      </c>
      <c r="GQ7" s="422">
        <v>829321</v>
      </c>
      <c r="GR7" s="423">
        <v>829370</v>
      </c>
      <c r="GS7" s="418">
        <v>0</v>
      </c>
      <c r="GT7" s="419">
        <v>0</v>
      </c>
      <c r="GU7" s="420">
        <v>0</v>
      </c>
      <c r="GV7" s="421">
        <v>0</v>
      </c>
      <c r="GW7" s="419">
        <v>0</v>
      </c>
      <c r="GX7" s="419">
        <v>0</v>
      </c>
      <c r="GY7" s="419">
        <v>0</v>
      </c>
      <c r="GZ7" s="419">
        <v>0</v>
      </c>
      <c r="HA7" s="419">
        <v>0</v>
      </c>
      <c r="HB7" s="422">
        <v>0</v>
      </c>
      <c r="HC7" s="423">
        <v>0</v>
      </c>
      <c r="HD7" s="418">
        <v>0</v>
      </c>
      <c r="HE7" s="419">
        <v>0</v>
      </c>
      <c r="HF7" s="420">
        <v>0</v>
      </c>
      <c r="HG7" s="468">
        <v>0</v>
      </c>
      <c r="HH7" s="419">
        <v>0</v>
      </c>
      <c r="HI7" s="419">
        <v>0</v>
      </c>
      <c r="HJ7" s="419">
        <v>0</v>
      </c>
      <c r="HK7" s="419">
        <v>0</v>
      </c>
      <c r="HL7" s="419">
        <v>0</v>
      </c>
      <c r="HM7" s="422">
        <v>0</v>
      </c>
      <c r="HN7" s="423">
        <v>0</v>
      </c>
      <c r="HO7" s="418">
        <v>44063</v>
      </c>
      <c r="HP7" s="419">
        <v>285170</v>
      </c>
      <c r="HQ7" s="420">
        <v>329233</v>
      </c>
      <c r="HR7" s="421">
        <v>0</v>
      </c>
      <c r="HS7" s="419">
        <v>28531921</v>
      </c>
      <c r="HT7" s="419">
        <v>73730142</v>
      </c>
      <c r="HU7" s="419">
        <v>247533804</v>
      </c>
      <c r="HV7" s="419">
        <v>328116663</v>
      </c>
      <c r="HW7" s="419">
        <v>203469017</v>
      </c>
      <c r="HX7" s="422">
        <v>881381547</v>
      </c>
      <c r="HY7" s="423">
        <v>881710780</v>
      </c>
    </row>
    <row r="8" spans="2:233" s="425" customFormat="1" ht="21" customHeight="1" x14ac:dyDescent="0.2">
      <c r="B8" s="436" t="s">
        <v>5</v>
      </c>
      <c r="C8" s="426">
        <v>4665</v>
      </c>
      <c r="D8" s="427">
        <v>44065</v>
      </c>
      <c r="E8" s="428">
        <v>48730</v>
      </c>
      <c r="F8" s="429">
        <v>0</v>
      </c>
      <c r="G8" s="427">
        <v>6750975</v>
      </c>
      <c r="H8" s="427">
        <v>20713278</v>
      </c>
      <c r="I8" s="427">
        <v>50602396</v>
      </c>
      <c r="J8" s="427">
        <v>67770986</v>
      </c>
      <c r="K8" s="427">
        <v>41819495</v>
      </c>
      <c r="L8" s="430">
        <v>187657130</v>
      </c>
      <c r="M8" s="431">
        <v>187705860</v>
      </c>
      <c r="N8" s="426">
        <v>0</v>
      </c>
      <c r="O8" s="427">
        <v>0</v>
      </c>
      <c r="P8" s="428">
        <v>0</v>
      </c>
      <c r="Q8" s="469">
        <v>0</v>
      </c>
      <c r="R8" s="427">
        <v>2360212</v>
      </c>
      <c r="S8" s="427">
        <v>9955213</v>
      </c>
      <c r="T8" s="427">
        <v>35604933</v>
      </c>
      <c r="U8" s="427">
        <v>50991177</v>
      </c>
      <c r="V8" s="427">
        <v>32883043</v>
      </c>
      <c r="W8" s="430">
        <v>131794578</v>
      </c>
      <c r="X8" s="431">
        <v>131794578</v>
      </c>
      <c r="Y8" s="426">
        <v>0</v>
      </c>
      <c r="Z8" s="427">
        <v>0</v>
      </c>
      <c r="AA8" s="428">
        <v>0</v>
      </c>
      <c r="AB8" s="469">
        <v>0</v>
      </c>
      <c r="AC8" s="427">
        <v>3766045</v>
      </c>
      <c r="AD8" s="427">
        <v>8994048</v>
      </c>
      <c r="AE8" s="427">
        <v>11341560</v>
      </c>
      <c r="AF8" s="427">
        <v>13458989</v>
      </c>
      <c r="AG8" s="427">
        <v>6653038</v>
      </c>
      <c r="AH8" s="430">
        <v>44213680</v>
      </c>
      <c r="AI8" s="431">
        <v>44213680</v>
      </c>
      <c r="AJ8" s="426">
        <v>0</v>
      </c>
      <c r="AK8" s="427">
        <v>0</v>
      </c>
      <c r="AL8" s="428">
        <v>0</v>
      </c>
      <c r="AM8" s="469">
        <v>0</v>
      </c>
      <c r="AN8" s="427">
        <v>0</v>
      </c>
      <c r="AO8" s="427">
        <v>0</v>
      </c>
      <c r="AP8" s="427">
        <v>0</v>
      </c>
      <c r="AQ8" s="427">
        <v>68045</v>
      </c>
      <c r="AR8" s="427">
        <v>57790</v>
      </c>
      <c r="AS8" s="430">
        <v>125835</v>
      </c>
      <c r="AT8" s="431">
        <v>125835</v>
      </c>
      <c r="AU8" s="426">
        <v>0</v>
      </c>
      <c r="AV8" s="427">
        <v>0</v>
      </c>
      <c r="AW8" s="428">
        <v>0</v>
      </c>
      <c r="AX8" s="469">
        <v>0</v>
      </c>
      <c r="AY8" s="427">
        <v>24645</v>
      </c>
      <c r="AZ8" s="427">
        <v>32405</v>
      </c>
      <c r="BA8" s="427">
        <v>28480</v>
      </c>
      <c r="BB8" s="427">
        <v>499155</v>
      </c>
      <c r="BC8" s="427">
        <v>462635</v>
      </c>
      <c r="BD8" s="430">
        <v>1047320</v>
      </c>
      <c r="BE8" s="431">
        <v>1047320</v>
      </c>
      <c r="BF8" s="426">
        <v>0</v>
      </c>
      <c r="BG8" s="427">
        <v>0</v>
      </c>
      <c r="BH8" s="428">
        <v>0</v>
      </c>
      <c r="BI8" s="469">
        <v>0</v>
      </c>
      <c r="BJ8" s="427">
        <v>35340</v>
      </c>
      <c r="BK8" s="427">
        <v>139345</v>
      </c>
      <c r="BL8" s="427">
        <v>261480</v>
      </c>
      <c r="BM8" s="427">
        <v>147750</v>
      </c>
      <c r="BN8" s="427">
        <v>207450</v>
      </c>
      <c r="BO8" s="430">
        <v>791365</v>
      </c>
      <c r="BP8" s="431">
        <v>791365</v>
      </c>
      <c r="BQ8" s="426">
        <v>4665</v>
      </c>
      <c r="BR8" s="427">
        <v>43050</v>
      </c>
      <c r="BS8" s="428">
        <v>47715</v>
      </c>
      <c r="BT8" s="429">
        <v>0</v>
      </c>
      <c r="BU8" s="427">
        <v>522976</v>
      </c>
      <c r="BV8" s="427">
        <v>1491833</v>
      </c>
      <c r="BW8" s="427">
        <v>3135814</v>
      </c>
      <c r="BX8" s="427">
        <v>2394751</v>
      </c>
      <c r="BY8" s="427">
        <v>1441399</v>
      </c>
      <c r="BZ8" s="430">
        <v>8986773</v>
      </c>
      <c r="CA8" s="431">
        <v>9034488</v>
      </c>
      <c r="CB8" s="426">
        <v>0</v>
      </c>
      <c r="CC8" s="427">
        <v>1015</v>
      </c>
      <c r="CD8" s="428">
        <v>1015</v>
      </c>
      <c r="CE8" s="429">
        <v>0</v>
      </c>
      <c r="CF8" s="427">
        <v>41757</v>
      </c>
      <c r="CG8" s="427">
        <v>100434</v>
      </c>
      <c r="CH8" s="427">
        <v>230129</v>
      </c>
      <c r="CI8" s="427">
        <v>211119</v>
      </c>
      <c r="CJ8" s="427">
        <v>114140</v>
      </c>
      <c r="CK8" s="430">
        <v>697579</v>
      </c>
      <c r="CL8" s="431">
        <v>698594</v>
      </c>
      <c r="CM8" s="426">
        <v>0</v>
      </c>
      <c r="CN8" s="427">
        <v>0</v>
      </c>
      <c r="CO8" s="428">
        <v>0</v>
      </c>
      <c r="CP8" s="429">
        <v>0</v>
      </c>
      <c r="CQ8" s="427">
        <v>0</v>
      </c>
      <c r="CR8" s="427">
        <v>0</v>
      </c>
      <c r="CS8" s="427">
        <v>0</v>
      </c>
      <c r="CT8" s="427">
        <v>0</v>
      </c>
      <c r="CU8" s="427">
        <v>0</v>
      </c>
      <c r="CV8" s="430">
        <v>0</v>
      </c>
      <c r="CW8" s="431">
        <v>0</v>
      </c>
      <c r="CX8" s="426">
        <v>0</v>
      </c>
      <c r="CY8" s="427">
        <v>0</v>
      </c>
      <c r="CZ8" s="428">
        <v>0</v>
      </c>
      <c r="DA8" s="469">
        <v>0</v>
      </c>
      <c r="DB8" s="427">
        <v>0</v>
      </c>
      <c r="DC8" s="427">
        <v>0</v>
      </c>
      <c r="DD8" s="427">
        <v>0</v>
      </c>
      <c r="DE8" s="427">
        <v>0</v>
      </c>
      <c r="DF8" s="427">
        <v>0</v>
      </c>
      <c r="DG8" s="430">
        <v>0</v>
      </c>
      <c r="DH8" s="431">
        <v>0</v>
      </c>
      <c r="DI8" s="426">
        <v>17066</v>
      </c>
      <c r="DJ8" s="427">
        <v>93180</v>
      </c>
      <c r="DK8" s="428">
        <v>110246</v>
      </c>
      <c r="DL8" s="429">
        <v>0</v>
      </c>
      <c r="DM8" s="427">
        <v>5821739</v>
      </c>
      <c r="DN8" s="427">
        <v>20149496</v>
      </c>
      <c r="DO8" s="427">
        <v>57815571</v>
      </c>
      <c r="DP8" s="427">
        <v>73285182</v>
      </c>
      <c r="DQ8" s="427">
        <v>45835218</v>
      </c>
      <c r="DR8" s="430">
        <v>202907206</v>
      </c>
      <c r="DS8" s="432">
        <v>203017452</v>
      </c>
      <c r="DT8" s="426">
        <v>0</v>
      </c>
      <c r="DU8" s="427">
        <v>0</v>
      </c>
      <c r="DV8" s="428">
        <v>0</v>
      </c>
      <c r="DW8" s="469">
        <v>0</v>
      </c>
      <c r="DX8" s="427">
        <v>3506007</v>
      </c>
      <c r="DY8" s="427">
        <v>14053500</v>
      </c>
      <c r="DZ8" s="427">
        <v>48758196</v>
      </c>
      <c r="EA8" s="427">
        <v>64753396</v>
      </c>
      <c r="EB8" s="427">
        <v>40708228</v>
      </c>
      <c r="EC8" s="430">
        <v>171779327</v>
      </c>
      <c r="ED8" s="431">
        <v>171779327</v>
      </c>
      <c r="EE8" s="426">
        <v>0</v>
      </c>
      <c r="EF8" s="427">
        <v>0</v>
      </c>
      <c r="EG8" s="428">
        <v>0</v>
      </c>
      <c r="EH8" s="469">
        <v>0</v>
      </c>
      <c r="EI8" s="427">
        <v>1333062</v>
      </c>
      <c r="EJ8" s="427">
        <v>3249651</v>
      </c>
      <c r="EK8" s="427">
        <v>3397354</v>
      </c>
      <c r="EL8" s="427">
        <v>3976522</v>
      </c>
      <c r="EM8" s="427">
        <v>2354480</v>
      </c>
      <c r="EN8" s="430">
        <v>14311069</v>
      </c>
      <c r="EO8" s="431">
        <v>14311069</v>
      </c>
      <c r="EP8" s="426">
        <v>0</v>
      </c>
      <c r="EQ8" s="427">
        <v>0</v>
      </c>
      <c r="ER8" s="428">
        <v>0</v>
      </c>
      <c r="ES8" s="469">
        <v>0</v>
      </c>
      <c r="ET8" s="427">
        <v>0</v>
      </c>
      <c r="EU8" s="427">
        <v>0</v>
      </c>
      <c r="EV8" s="427">
        <v>0</v>
      </c>
      <c r="EW8" s="427">
        <v>12121</v>
      </c>
      <c r="EX8" s="427">
        <v>504</v>
      </c>
      <c r="EY8" s="430">
        <v>12625</v>
      </c>
      <c r="EZ8" s="431">
        <v>12625</v>
      </c>
      <c r="FA8" s="426">
        <v>0</v>
      </c>
      <c r="FB8" s="427">
        <v>0</v>
      </c>
      <c r="FC8" s="428">
        <v>0</v>
      </c>
      <c r="FD8" s="469">
        <v>0</v>
      </c>
      <c r="FE8" s="427">
        <v>217</v>
      </c>
      <c r="FF8" s="427">
        <v>22785</v>
      </c>
      <c r="FG8" s="427">
        <v>868</v>
      </c>
      <c r="FH8" s="427">
        <v>76072</v>
      </c>
      <c r="FI8" s="427">
        <v>143330</v>
      </c>
      <c r="FJ8" s="430">
        <v>243272</v>
      </c>
      <c r="FK8" s="431">
        <v>243272</v>
      </c>
      <c r="FL8" s="426">
        <v>0</v>
      </c>
      <c r="FM8" s="427">
        <v>0</v>
      </c>
      <c r="FN8" s="428">
        <v>0</v>
      </c>
      <c r="FO8" s="469">
        <v>0</v>
      </c>
      <c r="FP8" s="427">
        <v>58342</v>
      </c>
      <c r="FQ8" s="427">
        <v>138260</v>
      </c>
      <c r="FR8" s="427">
        <v>411222</v>
      </c>
      <c r="FS8" s="427">
        <v>336498</v>
      </c>
      <c r="FT8" s="427">
        <v>376744</v>
      </c>
      <c r="FU8" s="430">
        <v>1321066</v>
      </c>
      <c r="FV8" s="431">
        <v>1321066</v>
      </c>
      <c r="FW8" s="426">
        <v>17066</v>
      </c>
      <c r="FX8" s="427">
        <v>93131</v>
      </c>
      <c r="FY8" s="428">
        <v>110197</v>
      </c>
      <c r="FZ8" s="429">
        <v>0</v>
      </c>
      <c r="GA8" s="427">
        <v>892914</v>
      </c>
      <c r="GB8" s="427">
        <v>2634241</v>
      </c>
      <c r="GC8" s="427">
        <v>5102636</v>
      </c>
      <c r="GD8" s="427">
        <v>3976087</v>
      </c>
      <c r="GE8" s="427">
        <v>2180144</v>
      </c>
      <c r="GF8" s="430">
        <v>14786022</v>
      </c>
      <c r="GG8" s="431">
        <v>14896219</v>
      </c>
      <c r="GH8" s="426">
        <v>0</v>
      </c>
      <c r="GI8" s="427">
        <v>49</v>
      </c>
      <c r="GJ8" s="428">
        <v>49</v>
      </c>
      <c r="GK8" s="429">
        <v>0</v>
      </c>
      <c r="GL8" s="427">
        <v>31197</v>
      </c>
      <c r="GM8" s="427">
        <v>51059</v>
      </c>
      <c r="GN8" s="427">
        <v>145295</v>
      </c>
      <c r="GO8" s="427">
        <v>154486</v>
      </c>
      <c r="GP8" s="427">
        <v>71788</v>
      </c>
      <c r="GQ8" s="430">
        <v>453825</v>
      </c>
      <c r="GR8" s="431">
        <v>453874</v>
      </c>
      <c r="GS8" s="426">
        <v>0</v>
      </c>
      <c r="GT8" s="427">
        <v>0</v>
      </c>
      <c r="GU8" s="428">
        <v>0</v>
      </c>
      <c r="GV8" s="429">
        <v>0</v>
      </c>
      <c r="GW8" s="427">
        <v>0</v>
      </c>
      <c r="GX8" s="427">
        <v>0</v>
      </c>
      <c r="GY8" s="427">
        <v>0</v>
      </c>
      <c r="GZ8" s="427">
        <v>0</v>
      </c>
      <c r="HA8" s="427">
        <v>0</v>
      </c>
      <c r="HB8" s="430">
        <v>0</v>
      </c>
      <c r="HC8" s="431">
        <v>0</v>
      </c>
      <c r="HD8" s="426">
        <v>0</v>
      </c>
      <c r="HE8" s="427">
        <v>0</v>
      </c>
      <c r="HF8" s="428">
        <v>0</v>
      </c>
      <c r="HG8" s="469">
        <v>0</v>
      </c>
      <c r="HH8" s="427">
        <v>0</v>
      </c>
      <c r="HI8" s="427">
        <v>0</v>
      </c>
      <c r="HJ8" s="427">
        <v>0</v>
      </c>
      <c r="HK8" s="427">
        <v>0</v>
      </c>
      <c r="HL8" s="427">
        <v>0</v>
      </c>
      <c r="HM8" s="430">
        <v>0</v>
      </c>
      <c r="HN8" s="431">
        <v>0</v>
      </c>
      <c r="HO8" s="426">
        <v>21731</v>
      </c>
      <c r="HP8" s="427">
        <v>137245</v>
      </c>
      <c r="HQ8" s="428">
        <v>158976</v>
      </c>
      <c r="HR8" s="429">
        <v>0</v>
      </c>
      <c r="HS8" s="427">
        <v>12572714</v>
      </c>
      <c r="HT8" s="427">
        <v>40862774</v>
      </c>
      <c r="HU8" s="427">
        <v>108417967</v>
      </c>
      <c r="HV8" s="427">
        <v>141056168</v>
      </c>
      <c r="HW8" s="427">
        <v>87654713</v>
      </c>
      <c r="HX8" s="430">
        <v>390564336</v>
      </c>
      <c r="HY8" s="431">
        <v>390723312</v>
      </c>
    </row>
    <row r="9" spans="2:233" ht="21" customHeight="1" x14ac:dyDescent="0.2">
      <c r="B9" s="437" t="s">
        <v>6</v>
      </c>
      <c r="C9" s="269">
        <v>0</v>
      </c>
      <c r="D9" s="270">
        <v>13483</v>
      </c>
      <c r="E9" s="271">
        <v>13483</v>
      </c>
      <c r="F9" s="272">
        <v>0</v>
      </c>
      <c r="G9" s="270">
        <v>2777654</v>
      </c>
      <c r="H9" s="270">
        <v>5028103</v>
      </c>
      <c r="I9" s="270">
        <v>15644355</v>
      </c>
      <c r="J9" s="270">
        <v>22471444</v>
      </c>
      <c r="K9" s="270">
        <v>13537261</v>
      </c>
      <c r="L9" s="273">
        <v>59458817</v>
      </c>
      <c r="M9" s="274">
        <v>59472300</v>
      </c>
      <c r="N9" s="269">
        <v>0</v>
      </c>
      <c r="O9" s="270">
        <v>0</v>
      </c>
      <c r="P9" s="271">
        <v>0</v>
      </c>
      <c r="Q9" s="470">
        <v>0</v>
      </c>
      <c r="R9" s="270">
        <v>1152785</v>
      </c>
      <c r="S9" s="270">
        <v>1864225</v>
      </c>
      <c r="T9" s="270">
        <v>10709782</v>
      </c>
      <c r="U9" s="270">
        <v>16527217</v>
      </c>
      <c r="V9" s="270">
        <v>10589335</v>
      </c>
      <c r="W9" s="273">
        <v>40843344</v>
      </c>
      <c r="X9" s="274">
        <v>40843344</v>
      </c>
      <c r="Y9" s="269">
        <v>0</v>
      </c>
      <c r="Z9" s="270">
        <v>0</v>
      </c>
      <c r="AA9" s="271">
        <v>0</v>
      </c>
      <c r="AB9" s="470">
        <v>0</v>
      </c>
      <c r="AC9" s="270">
        <v>1282350</v>
      </c>
      <c r="AD9" s="270">
        <v>2546610</v>
      </c>
      <c r="AE9" s="270">
        <v>3065700</v>
      </c>
      <c r="AF9" s="270">
        <v>4474795</v>
      </c>
      <c r="AG9" s="270">
        <v>1689810</v>
      </c>
      <c r="AH9" s="273">
        <v>13059265</v>
      </c>
      <c r="AI9" s="274">
        <v>13059265</v>
      </c>
      <c r="AJ9" s="269">
        <v>0</v>
      </c>
      <c r="AK9" s="270">
        <v>0</v>
      </c>
      <c r="AL9" s="271">
        <v>0</v>
      </c>
      <c r="AM9" s="470">
        <v>0</v>
      </c>
      <c r="AN9" s="270">
        <v>24045</v>
      </c>
      <c r="AO9" s="270">
        <v>0</v>
      </c>
      <c r="AP9" s="270">
        <v>0</v>
      </c>
      <c r="AQ9" s="270">
        <v>76260</v>
      </c>
      <c r="AR9" s="270">
        <v>100750</v>
      </c>
      <c r="AS9" s="273">
        <v>201055</v>
      </c>
      <c r="AT9" s="274">
        <v>201055</v>
      </c>
      <c r="AU9" s="269">
        <v>0</v>
      </c>
      <c r="AV9" s="270">
        <v>0</v>
      </c>
      <c r="AW9" s="271">
        <v>0</v>
      </c>
      <c r="AX9" s="470">
        <v>0</v>
      </c>
      <c r="AY9" s="270">
        <v>0</v>
      </c>
      <c r="AZ9" s="270">
        <v>0</v>
      </c>
      <c r="BA9" s="270">
        <v>24645</v>
      </c>
      <c r="BB9" s="270">
        <v>210725</v>
      </c>
      <c r="BC9" s="270">
        <v>271660</v>
      </c>
      <c r="BD9" s="273">
        <v>507030</v>
      </c>
      <c r="BE9" s="274">
        <v>507030</v>
      </c>
      <c r="BF9" s="269">
        <v>0</v>
      </c>
      <c r="BG9" s="270">
        <v>0</v>
      </c>
      <c r="BH9" s="271">
        <v>0</v>
      </c>
      <c r="BI9" s="470">
        <v>0</v>
      </c>
      <c r="BJ9" s="270">
        <v>24645</v>
      </c>
      <c r="BK9" s="270">
        <v>73470</v>
      </c>
      <c r="BL9" s="270">
        <v>463225</v>
      </c>
      <c r="BM9" s="270">
        <v>355570</v>
      </c>
      <c r="BN9" s="270">
        <v>390525</v>
      </c>
      <c r="BO9" s="273">
        <v>1307435</v>
      </c>
      <c r="BP9" s="274">
        <v>1307435</v>
      </c>
      <c r="BQ9" s="269">
        <v>0</v>
      </c>
      <c r="BR9" s="270">
        <v>13483</v>
      </c>
      <c r="BS9" s="271">
        <v>13483</v>
      </c>
      <c r="BT9" s="272">
        <v>0</v>
      </c>
      <c r="BU9" s="270">
        <v>292589</v>
      </c>
      <c r="BV9" s="270">
        <v>479132</v>
      </c>
      <c r="BW9" s="270">
        <v>1307255</v>
      </c>
      <c r="BX9" s="270">
        <v>765900</v>
      </c>
      <c r="BY9" s="270">
        <v>442992</v>
      </c>
      <c r="BZ9" s="273">
        <v>3287868</v>
      </c>
      <c r="CA9" s="274">
        <v>3301351</v>
      </c>
      <c r="CB9" s="269">
        <v>0</v>
      </c>
      <c r="CC9" s="270">
        <v>0</v>
      </c>
      <c r="CD9" s="271">
        <v>0</v>
      </c>
      <c r="CE9" s="272">
        <v>0</v>
      </c>
      <c r="CF9" s="270">
        <v>1240</v>
      </c>
      <c r="CG9" s="270">
        <v>64666</v>
      </c>
      <c r="CH9" s="270">
        <v>73748</v>
      </c>
      <c r="CI9" s="270">
        <v>60977</v>
      </c>
      <c r="CJ9" s="270">
        <v>52189</v>
      </c>
      <c r="CK9" s="273">
        <v>252820</v>
      </c>
      <c r="CL9" s="274">
        <v>252820</v>
      </c>
      <c r="CM9" s="269">
        <v>0</v>
      </c>
      <c r="CN9" s="270">
        <v>0</v>
      </c>
      <c r="CO9" s="271">
        <v>0</v>
      </c>
      <c r="CP9" s="272">
        <v>0</v>
      </c>
      <c r="CQ9" s="270">
        <v>0</v>
      </c>
      <c r="CR9" s="270">
        <v>0</v>
      </c>
      <c r="CS9" s="270">
        <v>0</v>
      </c>
      <c r="CT9" s="270">
        <v>0</v>
      </c>
      <c r="CU9" s="270">
        <v>0</v>
      </c>
      <c r="CV9" s="273">
        <v>0</v>
      </c>
      <c r="CW9" s="274">
        <v>0</v>
      </c>
      <c r="CX9" s="269">
        <v>0</v>
      </c>
      <c r="CY9" s="270">
        <v>0</v>
      </c>
      <c r="CZ9" s="271">
        <v>0</v>
      </c>
      <c r="DA9" s="470">
        <v>0</v>
      </c>
      <c r="DB9" s="270">
        <v>0</v>
      </c>
      <c r="DC9" s="270">
        <v>0</v>
      </c>
      <c r="DD9" s="270">
        <v>0</v>
      </c>
      <c r="DE9" s="270">
        <v>0</v>
      </c>
      <c r="DF9" s="270">
        <v>0</v>
      </c>
      <c r="DG9" s="273">
        <v>0</v>
      </c>
      <c r="DH9" s="274">
        <v>0</v>
      </c>
      <c r="DI9" s="269">
        <v>0</v>
      </c>
      <c r="DJ9" s="270">
        <v>18121</v>
      </c>
      <c r="DK9" s="271">
        <v>18121</v>
      </c>
      <c r="DL9" s="272">
        <v>0</v>
      </c>
      <c r="DM9" s="270">
        <v>1689286</v>
      </c>
      <c r="DN9" s="270">
        <v>3278620</v>
      </c>
      <c r="DO9" s="270">
        <v>14649911</v>
      </c>
      <c r="DP9" s="270">
        <v>20665965</v>
      </c>
      <c r="DQ9" s="270">
        <v>13259726</v>
      </c>
      <c r="DR9" s="273">
        <v>53543508</v>
      </c>
      <c r="DS9" s="275">
        <v>53561629</v>
      </c>
      <c r="DT9" s="269">
        <v>0</v>
      </c>
      <c r="DU9" s="270">
        <v>0</v>
      </c>
      <c r="DV9" s="271">
        <v>0</v>
      </c>
      <c r="DW9" s="470">
        <v>0</v>
      </c>
      <c r="DX9" s="270">
        <v>1045977</v>
      </c>
      <c r="DY9" s="270">
        <v>2021694</v>
      </c>
      <c r="DZ9" s="270">
        <v>11728857</v>
      </c>
      <c r="EA9" s="270">
        <v>17648992</v>
      </c>
      <c r="EB9" s="270">
        <v>11465439</v>
      </c>
      <c r="EC9" s="273">
        <v>43910959</v>
      </c>
      <c r="ED9" s="274">
        <v>43910959</v>
      </c>
      <c r="EE9" s="269">
        <v>0</v>
      </c>
      <c r="EF9" s="270">
        <v>0</v>
      </c>
      <c r="EG9" s="271">
        <v>0</v>
      </c>
      <c r="EH9" s="470">
        <v>0</v>
      </c>
      <c r="EI9" s="270">
        <v>231577</v>
      </c>
      <c r="EJ9" s="270">
        <v>487610</v>
      </c>
      <c r="EK9" s="270">
        <v>690103</v>
      </c>
      <c r="EL9" s="270">
        <v>992063</v>
      </c>
      <c r="EM9" s="270">
        <v>378249</v>
      </c>
      <c r="EN9" s="273">
        <v>2779602</v>
      </c>
      <c r="EO9" s="274">
        <v>2779602</v>
      </c>
      <c r="EP9" s="269">
        <v>0</v>
      </c>
      <c r="EQ9" s="270">
        <v>0</v>
      </c>
      <c r="ER9" s="271">
        <v>0</v>
      </c>
      <c r="ES9" s="470">
        <v>0</v>
      </c>
      <c r="ET9" s="270">
        <v>7917</v>
      </c>
      <c r="EU9" s="270">
        <v>0</v>
      </c>
      <c r="EV9" s="270">
        <v>0</v>
      </c>
      <c r="EW9" s="270">
        <v>23808</v>
      </c>
      <c r="EX9" s="270">
        <v>12555</v>
      </c>
      <c r="EY9" s="273">
        <v>44280</v>
      </c>
      <c r="EZ9" s="274">
        <v>44280</v>
      </c>
      <c r="FA9" s="269">
        <v>0</v>
      </c>
      <c r="FB9" s="270">
        <v>0</v>
      </c>
      <c r="FC9" s="271">
        <v>0</v>
      </c>
      <c r="FD9" s="470">
        <v>0</v>
      </c>
      <c r="FE9" s="270">
        <v>0</v>
      </c>
      <c r="FF9" s="270">
        <v>0</v>
      </c>
      <c r="FG9" s="270">
        <v>217</v>
      </c>
      <c r="FH9" s="270">
        <v>37470</v>
      </c>
      <c r="FI9" s="270">
        <v>16744</v>
      </c>
      <c r="FJ9" s="273">
        <v>54431</v>
      </c>
      <c r="FK9" s="274">
        <v>54431</v>
      </c>
      <c r="FL9" s="269">
        <v>0</v>
      </c>
      <c r="FM9" s="270">
        <v>0</v>
      </c>
      <c r="FN9" s="271">
        <v>0</v>
      </c>
      <c r="FO9" s="470">
        <v>0</v>
      </c>
      <c r="FP9" s="270">
        <v>21576</v>
      </c>
      <c r="FQ9" s="270">
        <v>106423</v>
      </c>
      <c r="FR9" s="270">
        <v>741578</v>
      </c>
      <c r="FS9" s="270">
        <v>768490</v>
      </c>
      <c r="FT9" s="270">
        <v>669589</v>
      </c>
      <c r="FU9" s="273">
        <v>2307656</v>
      </c>
      <c r="FV9" s="274">
        <v>2307656</v>
      </c>
      <c r="FW9" s="269">
        <v>0</v>
      </c>
      <c r="FX9" s="270">
        <v>18121</v>
      </c>
      <c r="FY9" s="271">
        <v>18121</v>
      </c>
      <c r="FZ9" s="272">
        <v>0</v>
      </c>
      <c r="GA9" s="270">
        <v>379883</v>
      </c>
      <c r="GB9" s="270">
        <v>625276</v>
      </c>
      <c r="GC9" s="270">
        <v>1431640</v>
      </c>
      <c r="GD9" s="270">
        <v>1146836</v>
      </c>
      <c r="GE9" s="270">
        <v>637074</v>
      </c>
      <c r="GF9" s="273">
        <v>4220709</v>
      </c>
      <c r="GG9" s="274">
        <v>4238830</v>
      </c>
      <c r="GH9" s="269">
        <v>0</v>
      </c>
      <c r="GI9" s="270">
        <v>0</v>
      </c>
      <c r="GJ9" s="271">
        <v>0</v>
      </c>
      <c r="GK9" s="272">
        <v>0</v>
      </c>
      <c r="GL9" s="270">
        <v>2356</v>
      </c>
      <c r="GM9" s="270">
        <v>37617</v>
      </c>
      <c r="GN9" s="270">
        <v>57516</v>
      </c>
      <c r="GO9" s="270">
        <v>48306</v>
      </c>
      <c r="GP9" s="270">
        <v>80076</v>
      </c>
      <c r="GQ9" s="273">
        <v>225871</v>
      </c>
      <c r="GR9" s="274">
        <v>225871</v>
      </c>
      <c r="GS9" s="269">
        <v>0</v>
      </c>
      <c r="GT9" s="270">
        <v>0</v>
      </c>
      <c r="GU9" s="271">
        <v>0</v>
      </c>
      <c r="GV9" s="272">
        <v>0</v>
      </c>
      <c r="GW9" s="270">
        <v>0</v>
      </c>
      <c r="GX9" s="270">
        <v>0</v>
      </c>
      <c r="GY9" s="270">
        <v>0</v>
      </c>
      <c r="GZ9" s="270">
        <v>0</v>
      </c>
      <c r="HA9" s="270">
        <v>0</v>
      </c>
      <c r="HB9" s="273">
        <v>0</v>
      </c>
      <c r="HC9" s="274">
        <v>0</v>
      </c>
      <c r="HD9" s="269">
        <v>0</v>
      </c>
      <c r="HE9" s="270">
        <v>0</v>
      </c>
      <c r="HF9" s="271">
        <v>0</v>
      </c>
      <c r="HG9" s="470">
        <v>0</v>
      </c>
      <c r="HH9" s="270">
        <v>0</v>
      </c>
      <c r="HI9" s="270">
        <v>0</v>
      </c>
      <c r="HJ9" s="270">
        <v>0</v>
      </c>
      <c r="HK9" s="270">
        <v>0</v>
      </c>
      <c r="HL9" s="270">
        <v>0</v>
      </c>
      <c r="HM9" s="273">
        <v>0</v>
      </c>
      <c r="HN9" s="274">
        <v>0</v>
      </c>
      <c r="HO9" s="269">
        <v>0</v>
      </c>
      <c r="HP9" s="270">
        <v>31604</v>
      </c>
      <c r="HQ9" s="271">
        <v>31604</v>
      </c>
      <c r="HR9" s="272">
        <v>0</v>
      </c>
      <c r="HS9" s="270">
        <v>4466940</v>
      </c>
      <c r="HT9" s="270">
        <v>8306723</v>
      </c>
      <c r="HU9" s="270">
        <v>30294266</v>
      </c>
      <c r="HV9" s="270">
        <v>43137409</v>
      </c>
      <c r="HW9" s="270">
        <v>26796987</v>
      </c>
      <c r="HX9" s="273">
        <v>113002325</v>
      </c>
      <c r="HY9" s="274">
        <v>113033929</v>
      </c>
    </row>
    <row r="10" spans="2:233" ht="21" customHeight="1" x14ac:dyDescent="0.2">
      <c r="B10" s="437" t="s">
        <v>14</v>
      </c>
      <c r="C10" s="269">
        <v>0</v>
      </c>
      <c r="D10" s="270">
        <v>4866</v>
      </c>
      <c r="E10" s="271">
        <v>4866</v>
      </c>
      <c r="F10" s="272">
        <v>0</v>
      </c>
      <c r="G10" s="270">
        <v>686969</v>
      </c>
      <c r="H10" s="270">
        <v>1829961</v>
      </c>
      <c r="I10" s="270">
        <v>8121334</v>
      </c>
      <c r="J10" s="270">
        <v>12998660</v>
      </c>
      <c r="K10" s="270">
        <v>8162444</v>
      </c>
      <c r="L10" s="273">
        <v>31799368</v>
      </c>
      <c r="M10" s="274">
        <v>31804234</v>
      </c>
      <c r="N10" s="269">
        <v>0</v>
      </c>
      <c r="O10" s="270">
        <v>0</v>
      </c>
      <c r="P10" s="271">
        <v>0</v>
      </c>
      <c r="Q10" s="470">
        <v>0</v>
      </c>
      <c r="R10" s="270">
        <v>101215</v>
      </c>
      <c r="S10" s="270">
        <v>281005</v>
      </c>
      <c r="T10" s="270">
        <v>5539956</v>
      </c>
      <c r="U10" s="270">
        <v>9355526</v>
      </c>
      <c r="V10" s="270">
        <v>6339248</v>
      </c>
      <c r="W10" s="273">
        <v>21616950</v>
      </c>
      <c r="X10" s="274">
        <v>21616950</v>
      </c>
      <c r="Y10" s="269">
        <v>0</v>
      </c>
      <c r="Z10" s="270">
        <v>0</v>
      </c>
      <c r="AA10" s="271">
        <v>0</v>
      </c>
      <c r="AB10" s="470">
        <v>0</v>
      </c>
      <c r="AC10" s="270">
        <v>459560</v>
      </c>
      <c r="AD10" s="270">
        <v>1332372</v>
      </c>
      <c r="AE10" s="270">
        <v>1852845</v>
      </c>
      <c r="AF10" s="270">
        <v>2025407</v>
      </c>
      <c r="AG10" s="270">
        <v>991845</v>
      </c>
      <c r="AH10" s="273">
        <v>6662029</v>
      </c>
      <c r="AI10" s="274">
        <v>6662029</v>
      </c>
      <c r="AJ10" s="269">
        <v>0</v>
      </c>
      <c r="AK10" s="270">
        <v>0</v>
      </c>
      <c r="AL10" s="271">
        <v>0</v>
      </c>
      <c r="AM10" s="470">
        <v>0</v>
      </c>
      <c r="AN10" s="270">
        <v>0</v>
      </c>
      <c r="AO10" s="270">
        <v>0</v>
      </c>
      <c r="AP10" s="270">
        <v>0</v>
      </c>
      <c r="AQ10" s="270">
        <v>188715</v>
      </c>
      <c r="AR10" s="270">
        <v>108965</v>
      </c>
      <c r="AS10" s="273">
        <v>297680</v>
      </c>
      <c r="AT10" s="274">
        <v>297680</v>
      </c>
      <c r="AU10" s="269">
        <v>0</v>
      </c>
      <c r="AV10" s="270">
        <v>0</v>
      </c>
      <c r="AW10" s="271">
        <v>0</v>
      </c>
      <c r="AX10" s="470">
        <v>0</v>
      </c>
      <c r="AY10" s="270">
        <v>0</v>
      </c>
      <c r="AZ10" s="270">
        <v>0</v>
      </c>
      <c r="BA10" s="270">
        <v>2635</v>
      </c>
      <c r="BB10" s="270">
        <v>718025</v>
      </c>
      <c r="BC10" s="270">
        <v>320900</v>
      </c>
      <c r="BD10" s="273">
        <v>1041560</v>
      </c>
      <c r="BE10" s="274">
        <v>1041560</v>
      </c>
      <c r="BF10" s="269">
        <v>0</v>
      </c>
      <c r="BG10" s="270">
        <v>0</v>
      </c>
      <c r="BH10" s="271">
        <v>0</v>
      </c>
      <c r="BI10" s="470">
        <v>0</v>
      </c>
      <c r="BJ10" s="270">
        <v>0</v>
      </c>
      <c r="BK10" s="270">
        <v>0</v>
      </c>
      <c r="BL10" s="270">
        <v>32550</v>
      </c>
      <c r="BM10" s="270">
        <v>103075</v>
      </c>
      <c r="BN10" s="270">
        <v>73170</v>
      </c>
      <c r="BO10" s="273">
        <v>208795</v>
      </c>
      <c r="BP10" s="274">
        <v>208795</v>
      </c>
      <c r="BQ10" s="269">
        <v>0</v>
      </c>
      <c r="BR10" s="270">
        <v>4866</v>
      </c>
      <c r="BS10" s="271">
        <v>4866</v>
      </c>
      <c r="BT10" s="272">
        <v>0</v>
      </c>
      <c r="BU10" s="270">
        <v>125904</v>
      </c>
      <c r="BV10" s="270">
        <v>216584</v>
      </c>
      <c r="BW10" s="270">
        <v>691463</v>
      </c>
      <c r="BX10" s="270">
        <v>606897</v>
      </c>
      <c r="BY10" s="270">
        <v>328316</v>
      </c>
      <c r="BZ10" s="273">
        <v>1969164</v>
      </c>
      <c r="CA10" s="274">
        <v>1974030</v>
      </c>
      <c r="CB10" s="269">
        <v>0</v>
      </c>
      <c r="CC10" s="270">
        <v>0</v>
      </c>
      <c r="CD10" s="271">
        <v>0</v>
      </c>
      <c r="CE10" s="272">
        <v>0</v>
      </c>
      <c r="CF10" s="270">
        <v>290</v>
      </c>
      <c r="CG10" s="270">
        <v>0</v>
      </c>
      <c r="CH10" s="270">
        <v>1885</v>
      </c>
      <c r="CI10" s="270">
        <v>1015</v>
      </c>
      <c r="CJ10" s="270">
        <v>0</v>
      </c>
      <c r="CK10" s="273">
        <v>3190</v>
      </c>
      <c r="CL10" s="274">
        <v>3190</v>
      </c>
      <c r="CM10" s="269">
        <v>0</v>
      </c>
      <c r="CN10" s="270">
        <v>0</v>
      </c>
      <c r="CO10" s="271">
        <v>0</v>
      </c>
      <c r="CP10" s="272">
        <v>0</v>
      </c>
      <c r="CQ10" s="270">
        <v>0</v>
      </c>
      <c r="CR10" s="270">
        <v>0</v>
      </c>
      <c r="CS10" s="270">
        <v>0</v>
      </c>
      <c r="CT10" s="270">
        <v>0</v>
      </c>
      <c r="CU10" s="270">
        <v>0</v>
      </c>
      <c r="CV10" s="273">
        <v>0</v>
      </c>
      <c r="CW10" s="274">
        <v>0</v>
      </c>
      <c r="CX10" s="269">
        <v>0</v>
      </c>
      <c r="CY10" s="270">
        <v>0</v>
      </c>
      <c r="CZ10" s="271">
        <v>0</v>
      </c>
      <c r="DA10" s="470">
        <v>0</v>
      </c>
      <c r="DB10" s="270">
        <v>0</v>
      </c>
      <c r="DC10" s="270">
        <v>0</v>
      </c>
      <c r="DD10" s="270">
        <v>0</v>
      </c>
      <c r="DE10" s="270">
        <v>0</v>
      </c>
      <c r="DF10" s="270">
        <v>0</v>
      </c>
      <c r="DG10" s="273">
        <v>0</v>
      </c>
      <c r="DH10" s="274">
        <v>0</v>
      </c>
      <c r="DI10" s="269">
        <v>0</v>
      </c>
      <c r="DJ10" s="270">
        <v>7334</v>
      </c>
      <c r="DK10" s="271">
        <v>7334</v>
      </c>
      <c r="DL10" s="272">
        <v>0</v>
      </c>
      <c r="DM10" s="270">
        <v>409061</v>
      </c>
      <c r="DN10" s="270">
        <v>1096798</v>
      </c>
      <c r="DO10" s="270">
        <v>9904792</v>
      </c>
      <c r="DP10" s="270">
        <v>14025924</v>
      </c>
      <c r="DQ10" s="270">
        <v>8352636</v>
      </c>
      <c r="DR10" s="273">
        <v>33789211</v>
      </c>
      <c r="DS10" s="275">
        <v>33796545</v>
      </c>
      <c r="DT10" s="269">
        <v>0</v>
      </c>
      <c r="DU10" s="270">
        <v>0</v>
      </c>
      <c r="DV10" s="271">
        <v>0</v>
      </c>
      <c r="DW10" s="470">
        <v>0</v>
      </c>
      <c r="DX10" s="270">
        <v>94798</v>
      </c>
      <c r="DY10" s="270">
        <v>492798</v>
      </c>
      <c r="DZ10" s="270">
        <v>8459067</v>
      </c>
      <c r="EA10" s="270">
        <v>12339132</v>
      </c>
      <c r="EB10" s="270">
        <v>7426552</v>
      </c>
      <c r="EC10" s="273">
        <v>28812347</v>
      </c>
      <c r="ED10" s="274">
        <v>28812347</v>
      </c>
      <c r="EE10" s="269">
        <v>0</v>
      </c>
      <c r="EF10" s="270">
        <v>0</v>
      </c>
      <c r="EG10" s="271">
        <v>0</v>
      </c>
      <c r="EH10" s="470">
        <v>0</v>
      </c>
      <c r="EI10" s="270">
        <v>77334</v>
      </c>
      <c r="EJ10" s="270">
        <v>196921</v>
      </c>
      <c r="EK10" s="270">
        <v>277618</v>
      </c>
      <c r="EL10" s="270">
        <v>395260</v>
      </c>
      <c r="EM10" s="270">
        <v>135978</v>
      </c>
      <c r="EN10" s="273">
        <v>1083111</v>
      </c>
      <c r="EO10" s="274">
        <v>1083111</v>
      </c>
      <c r="EP10" s="269">
        <v>0</v>
      </c>
      <c r="EQ10" s="270">
        <v>0</v>
      </c>
      <c r="ER10" s="271">
        <v>0</v>
      </c>
      <c r="ES10" s="470">
        <v>0</v>
      </c>
      <c r="ET10" s="270">
        <v>0</v>
      </c>
      <c r="EU10" s="270">
        <v>0</v>
      </c>
      <c r="EV10" s="270">
        <v>0</v>
      </c>
      <c r="EW10" s="270">
        <v>34844</v>
      </c>
      <c r="EX10" s="270">
        <v>22940</v>
      </c>
      <c r="EY10" s="273">
        <v>57784</v>
      </c>
      <c r="EZ10" s="274">
        <v>57784</v>
      </c>
      <c r="FA10" s="269">
        <v>0</v>
      </c>
      <c r="FB10" s="270">
        <v>0</v>
      </c>
      <c r="FC10" s="271">
        <v>0</v>
      </c>
      <c r="FD10" s="470">
        <v>0</v>
      </c>
      <c r="FE10" s="270">
        <v>0</v>
      </c>
      <c r="FF10" s="270">
        <v>0</v>
      </c>
      <c r="FG10" s="270">
        <v>217</v>
      </c>
      <c r="FH10" s="270">
        <v>94180</v>
      </c>
      <c r="FI10" s="270">
        <v>77533</v>
      </c>
      <c r="FJ10" s="273">
        <v>171930</v>
      </c>
      <c r="FK10" s="274">
        <v>171930</v>
      </c>
      <c r="FL10" s="269">
        <v>0</v>
      </c>
      <c r="FM10" s="270">
        <v>0</v>
      </c>
      <c r="FN10" s="271">
        <v>0</v>
      </c>
      <c r="FO10" s="470">
        <v>0</v>
      </c>
      <c r="FP10" s="270">
        <v>0</v>
      </c>
      <c r="FQ10" s="270">
        <v>0</v>
      </c>
      <c r="FR10" s="270">
        <v>86304</v>
      </c>
      <c r="FS10" s="270">
        <v>217713</v>
      </c>
      <c r="FT10" s="270">
        <v>114540</v>
      </c>
      <c r="FU10" s="273">
        <v>418557</v>
      </c>
      <c r="FV10" s="274">
        <v>418557</v>
      </c>
      <c r="FW10" s="269">
        <v>0</v>
      </c>
      <c r="FX10" s="270">
        <v>7334</v>
      </c>
      <c r="FY10" s="271">
        <v>7334</v>
      </c>
      <c r="FZ10" s="272">
        <v>0</v>
      </c>
      <c r="GA10" s="270">
        <v>236908</v>
      </c>
      <c r="GB10" s="270">
        <v>407079</v>
      </c>
      <c r="GC10" s="270">
        <v>1076932</v>
      </c>
      <c r="GD10" s="270">
        <v>944746</v>
      </c>
      <c r="GE10" s="270">
        <v>575093</v>
      </c>
      <c r="GF10" s="273">
        <v>3240758</v>
      </c>
      <c r="GG10" s="274">
        <v>3248092</v>
      </c>
      <c r="GH10" s="269">
        <v>0</v>
      </c>
      <c r="GI10" s="270">
        <v>0</v>
      </c>
      <c r="GJ10" s="271">
        <v>0</v>
      </c>
      <c r="GK10" s="272">
        <v>0</v>
      </c>
      <c r="GL10" s="270">
        <v>21</v>
      </c>
      <c r="GM10" s="270">
        <v>0</v>
      </c>
      <c r="GN10" s="270">
        <v>4654</v>
      </c>
      <c r="GO10" s="270">
        <v>49</v>
      </c>
      <c r="GP10" s="270">
        <v>0</v>
      </c>
      <c r="GQ10" s="273">
        <v>4724</v>
      </c>
      <c r="GR10" s="274">
        <v>4724</v>
      </c>
      <c r="GS10" s="269">
        <v>0</v>
      </c>
      <c r="GT10" s="270">
        <v>0</v>
      </c>
      <c r="GU10" s="271">
        <v>0</v>
      </c>
      <c r="GV10" s="272">
        <v>0</v>
      </c>
      <c r="GW10" s="270">
        <v>0</v>
      </c>
      <c r="GX10" s="270">
        <v>0</v>
      </c>
      <c r="GY10" s="270">
        <v>0</v>
      </c>
      <c r="GZ10" s="270">
        <v>0</v>
      </c>
      <c r="HA10" s="270">
        <v>0</v>
      </c>
      <c r="HB10" s="273">
        <v>0</v>
      </c>
      <c r="HC10" s="274">
        <v>0</v>
      </c>
      <c r="HD10" s="269">
        <v>0</v>
      </c>
      <c r="HE10" s="270">
        <v>0</v>
      </c>
      <c r="HF10" s="271">
        <v>0</v>
      </c>
      <c r="HG10" s="470">
        <v>0</v>
      </c>
      <c r="HH10" s="270">
        <v>0</v>
      </c>
      <c r="HI10" s="270">
        <v>0</v>
      </c>
      <c r="HJ10" s="270">
        <v>0</v>
      </c>
      <c r="HK10" s="270">
        <v>0</v>
      </c>
      <c r="HL10" s="270">
        <v>0</v>
      </c>
      <c r="HM10" s="273">
        <v>0</v>
      </c>
      <c r="HN10" s="274">
        <v>0</v>
      </c>
      <c r="HO10" s="269">
        <v>0</v>
      </c>
      <c r="HP10" s="270">
        <v>12200</v>
      </c>
      <c r="HQ10" s="271">
        <v>12200</v>
      </c>
      <c r="HR10" s="272">
        <v>0</v>
      </c>
      <c r="HS10" s="270">
        <v>1096030</v>
      </c>
      <c r="HT10" s="270">
        <v>2926759</v>
      </c>
      <c r="HU10" s="270">
        <v>18026126</v>
      </c>
      <c r="HV10" s="270">
        <v>27024584</v>
      </c>
      <c r="HW10" s="270">
        <v>16515080</v>
      </c>
      <c r="HX10" s="273">
        <v>65588579</v>
      </c>
      <c r="HY10" s="274">
        <v>65600779</v>
      </c>
    </row>
    <row r="11" spans="2:233" ht="21" customHeight="1" x14ac:dyDescent="0.2">
      <c r="B11" s="437" t="s">
        <v>7</v>
      </c>
      <c r="C11" s="269">
        <v>0</v>
      </c>
      <c r="D11" s="270">
        <v>145</v>
      </c>
      <c r="E11" s="271">
        <v>145</v>
      </c>
      <c r="F11" s="272">
        <v>0</v>
      </c>
      <c r="G11" s="270">
        <v>1771920</v>
      </c>
      <c r="H11" s="270">
        <v>2348143</v>
      </c>
      <c r="I11" s="270">
        <v>7072692</v>
      </c>
      <c r="J11" s="270">
        <v>8520843</v>
      </c>
      <c r="K11" s="270">
        <v>4234838</v>
      </c>
      <c r="L11" s="273">
        <v>23948436</v>
      </c>
      <c r="M11" s="274">
        <v>23948581</v>
      </c>
      <c r="N11" s="269">
        <v>0</v>
      </c>
      <c r="O11" s="270">
        <v>0</v>
      </c>
      <c r="P11" s="271">
        <v>0</v>
      </c>
      <c r="Q11" s="470">
        <v>0</v>
      </c>
      <c r="R11" s="270">
        <v>226610</v>
      </c>
      <c r="S11" s="270">
        <v>481030</v>
      </c>
      <c r="T11" s="270">
        <v>5139920</v>
      </c>
      <c r="U11" s="270">
        <v>6642442</v>
      </c>
      <c r="V11" s="270">
        <v>3643950</v>
      </c>
      <c r="W11" s="273">
        <v>16133952</v>
      </c>
      <c r="X11" s="274">
        <v>16133952</v>
      </c>
      <c r="Y11" s="269">
        <v>0</v>
      </c>
      <c r="Z11" s="270">
        <v>0</v>
      </c>
      <c r="AA11" s="271">
        <v>0</v>
      </c>
      <c r="AB11" s="470">
        <v>0</v>
      </c>
      <c r="AC11" s="270">
        <v>1352637</v>
      </c>
      <c r="AD11" s="270">
        <v>1507343</v>
      </c>
      <c r="AE11" s="270">
        <v>1560352</v>
      </c>
      <c r="AF11" s="270">
        <v>1436692</v>
      </c>
      <c r="AG11" s="270">
        <v>498437</v>
      </c>
      <c r="AH11" s="273">
        <v>6355461</v>
      </c>
      <c r="AI11" s="274">
        <v>6355461</v>
      </c>
      <c r="AJ11" s="269">
        <v>0</v>
      </c>
      <c r="AK11" s="270">
        <v>0</v>
      </c>
      <c r="AL11" s="271">
        <v>0</v>
      </c>
      <c r="AM11" s="470">
        <v>0</v>
      </c>
      <c r="AN11" s="270">
        <v>0</v>
      </c>
      <c r="AO11" s="270">
        <v>0</v>
      </c>
      <c r="AP11" s="270">
        <v>0</v>
      </c>
      <c r="AQ11" s="270">
        <v>0</v>
      </c>
      <c r="AR11" s="270">
        <v>2635</v>
      </c>
      <c r="AS11" s="273">
        <v>2635</v>
      </c>
      <c r="AT11" s="274">
        <v>2635</v>
      </c>
      <c r="AU11" s="269">
        <v>0</v>
      </c>
      <c r="AV11" s="270">
        <v>0</v>
      </c>
      <c r="AW11" s="271">
        <v>0</v>
      </c>
      <c r="AX11" s="470">
        <v>0</v>
      </c>
      <c r="AY11" s="270">
        <v>0</v>
      </c>
      <c r="AZ11" s="270">
        <v>0</v>
      </c>
      <c r="BA11" s="270">
        <v>0</v>
      </c>
      <c r="BB11" s="270">
        <v>35340</v>
      </c>
      <c r="BC11" s="270">
        <v>0</v>
      </c>
      <c r="BD11" s="273">
        <v>35340</v>
      </c>
      <c r="BE11" s="274">
        <v>35340</v>
      </c>
      <c r="BF11" s="269">
        <v>0</v>
      </c>
      <c r="BG11" s="270">
        <v>0</v>
      </c>
      <c r="BH11" s="271">
        <v>0</v>
      </c>
      <c r="BI11" s="470">
        <v>0</v>
      </c>
      <c r="BJ11" s="270">
        <v>0</v>
      </c>
      <c r="BK11" s="270">
        <v>0</v>
      </c>
      <c r="BL11" s="270">
        <v>0</v>
      </c>
      <c r="BM11" s="270">
        <v>0</v>
      </c>
      <c r="BN11" s="270">
        <v>0</v>
      </c>
      <c r="BO11" s="273">
        <v>0</v>
      </c>
      <c r="BP11" s="274">
        <v>0</v>
      </c>
      <c r="BQ11" s="269">
        <v>0</v>
      </c>
      <c r="BR11" s="270">
        <v>145</v>
      </c>
      <c r="BS11" s="271">
        <v>145</v>
      </c>
      <c r="BT11" s="272">
        <v>0</v>
      </c>
      <c r="BU11" s="270">
        <v>182208</v>
      </c>
      <c r="BV11" s="270">
        <v>329257</v>
      </c>
      <c r="BW11" s="270">
        <v>347430</v>
      </c>
      <c r="BX11" s="270">
        <v>383248</v>
      </c>
      <c r="BY11" s="270">
        <v>85480</v>
      </c>
      <c r="BZ11" s="273">
        <v>1327623</v>
      </c>
      <c r="CA11" s="274">
        <v>1327768</v>
      </c>
      <c r="CB11" s="269">
        <v>0</v>
      </c>
      <c r="CC11" s="270">
        <v>0</v>
      </c>
      <c r="CD11" s="271">
        <v>0</v>
      </c>
      <c r="CE11" s="272">
        <v>0</v>
      </c>
      <c r="CF11" s="270">
        <v>10465</v>
      </c>
      <c r="CG11" s="270">
        <v>30513</v>
      </c>
      <c r="CH11" s="270">
        <v>24990</v>
      </c>
      <c r="CI11" s="270">
        <v>23121</v>
      </c>
      <c r="CJ11" s="270">
        <v>4336</v>
      </c>
      <c r="CK11" s="273">
        <v>93425</v>
      </c>
      <c r="CL11" s="274">
        <v>93425</v>
      </c>
      <c r="CM11" s="269">
        <v>0</v>
      </c>
      <c r="CN11" s="270">
        <v>0</v>
      </c>
      <c r="CO11" s="271">
        <v>0</v>
      </c>
      <c r="CP11" s="272">
        <v>0</v>
      </c>
      <c r="CQ11" s="270">
        <v>0</v>
      </c>
      <c r="CR11" s="270">
        <v>0</v>
      </c>
      <c r="CS11" s="270">
        <v>0</v>
      </c>
      <c r="CT11" s="270">
        <v>0</v>
      </c>
      <c r="CU11" s="270">
        <v>0</v>
      </c>
      <c r="CV11" s="273">
        <v>0</v>
      </c>
      <c r="CW11" s="274">
        <v>0</v>
      </c>
      <c r="CX11" s="269">
        <v>0</v>
      </c>
      <c r="CY11" s="270">
        <v>0</v>
      </c>
      <c r="CZ11" s="271">
        <v>0</v>
      </c>
      <c r="DA11" s="470">
        <v>0</v>
      </c>
      <c r="DB11" s="270">
        <v>0</v>
      </c>
      <c r="DC11" s="270">
        <v>0</v>
      </c>
      <c r="DD11" s="270">
        <v>0</v>
      </c>
      <c r="DE11" s="270">
        <v>0</v>
      </c>
      <c r="DF11" s="270">
        <v>0</v>
      </c>
      <c r="DG11" s="273">
        <v>0</v>
      </c>
      <c r="DH11" s="274">
        <v>0</v>
      </c>
      <c r="DI11" s="269">
        <v>0</v>
      </c>
      <c r="DJ11" s="270">
        <v>1053</v>
      </c>
      <c r="DK11" s="271">
        <v>1053</v>
      </c>
      <c r="DL11" s="272">
        <v>0</v>
      </c>
      <c r="DM11" s="270">
        <v>656237</v>
      </c>
      <c r="DN11" s="270">
        <v>1225541</v>
      </c>
      <c r="DO11" s="270">
        <v>7178761</v>
      </c>
      <c r="DP11" s="270">
        <v>8736256</v>
      </c>
      <c r="DQ11" s="270">
        <v>4550768</v>
      </c>
      <c r="DR11" s="273">
        <v>22347563</v>
      </c>
      <c r="DS11" s="275">
        <v>22348616</v>
      </c>
      <c r="DT11" s="269">
        <v>0</v>
      </c>
      <c r="DU11" s="270">
        <v>0</v>
      </c>
      <c r="DV11" s="271">
        <v>0</v>
      </c>
      <c r="DW11" s="470">
        <v>0</v>
      </c>
      <c r="DX11" s="270">
        <v>213032</v>
      </c>
      <c r="DY11" s="270">
        <v>614546</v>
      </c>
      <c r="DZ11" s="270">
        <v>6259052</v>
      </c>
      <c r="EA11" s="270">
        <v>7887196</v>
      </c>
      <c r="EB11" s="270">
        <v>4384455</v>
      </c>
      <c r="EC11" s="273">
        <v>19358281</v>
      </c>
      <c r="ED11" s="274">
        <v>19358281</v>
      </c>
      <c r="EE11" s="269">
        <v>0</v>
      </c>
      <c r="EF11" s="270">
        <v>0</v>
      </c>
      <c r="EG11" s="271">
        <v>0</v>
      </c>
      <c r="EH11" s="470">
        <v>0</v>
      </c>
      <c r="EI11" s="270">
        <v>167230</v>
      </c>
      <c r="EJ11" s="270">
        <v>210547</v>
      </c>
      <c r="EK11" s="270">
        <v>338390</v>
      </c>
      <c r="EL11" s="270">
        <v>289492</v>
      </c>
      <c r="EM11" s="270">
        <v>47498</v>
      </c>
      <c r="EN11" s="273">
        <v>1053157</v>
      </c>
      <c r="EO11" s="274">
        <v>1053157</v>
      </c>
      <c r="EP11" s="269">
        <v>0</v>
      </c>
      <c r="EQ11" s="270">
        <v>0</v>
      </c>
      <c r="ER11" s="271">
        <v>0</v>
      </c>
      <c r="ES11" s="470">
        <v>0</v>
      </c>
      <c r="ET11" s="270">
        <v>0</v>
      </c>
      <c r="EU11" s="270">
        <v>0</v>
      </c>
      <c r="EV11" s="270">
        <v>0</v>
      </c>
      <c r="EW11" s="270">
        <v>0</v>
      </c>
      <c r="EX11" s="270">
        <v>217</v>
      </c>
      <c r="EY11" s="273">
        <v>217</v>
      </c>
      <c r="EZ11" s="274">
        <v>217</v>
      </c>
      <c r="FA11" s="269">
        <v>0</v>
      </c>
      <c r="FB11" s="270">
        <v>0</v>
      </c>
      <c r="FC11" s="271">
        <v>0</v>
      </c>
      <c r="FD11" s="470">
        <v>0</v>
      </c>
      <c r="FE11" s="270">
        <v>0</v>
      </c>
      <c r="FF11" s="270">
        <v>0</v>
      </c>
      <c r="FG11" s="270">
        <v>0</v>
      </c>
      <c r="FH11" s="270">
        <v>434</v>
      </c>
      <c r="FI11" s="270">
        <v>0</v>
      </c>
      <c r="FJ11" s="273">
        <v>434</v>
      </c>
      <c r="FK11" s="274">
        <v>434</v>
      </c>
      <c r="FL11" s="269">
        <v>0</v>
      </c>
      <c r="FM11" s="270">
        <v>0</v>
      </c>
      <c r="FN11" s="271">
        <v>0</v>
      </c>
      <c r="FO11" s="470">
        <v>0</v>
      </c>
      <c r="FP11" s="270">
        <v>0</v>
      </c>
      <c r="FQ11" s="270">
        <v>0</v>
      </c>
      <c r="FR11" s="270">
        <v>0</v>
      </c>
      <c r="FS11" s="270">
        <v>0</v>
      </c>
      <c r="FT11" s="270">
        <v>0</v>
      </c>
      <c r="FU11" s="273">
        <v>0</v>
      </c>
      <c r="FV11" s="274">
        <v>0</v>
      </c>
      <c r="FW11" s="269">
        <v>0</v>
      </c>
      <c r="FX11" s="270">
        <v>1053</v>
      </c>
      <c r="FY11" s="271">
        <v>1053</v>
      </c>
      <c r="FZ11" s="272">
        <v>0</v>
      </c>
      <c r="GA11" s="270">
        <v>275625</v>
      </c>
      <c r="GB11" s="270">
        <v>394932</v>
      </c>
      <c r="GC11" s="270">
        <v>579895</v>
      </c>
      <c r="GD11" s="270">
        <v>535062</v>
      </c>
      <c r="GE11" s="270">
        <v>115306</v>
      </c>
      <c r="GF11" s="273">
        <v>1900820</v>
      </c>
      <c r="GG11" s="274">
        <v>1901873</v>
      </c>
      <c r="GH11" s="269">
        <v>0</v>
      </c>
      <c r="GI11" s="270">
        <v>0</v>
      </c>
      <c r="GJ11" s="271">
        <v>0</v>
      </c>
      <c r="GK11" s="272">
        <v>0</v>
      </c>
      <c r="GL11" s="270">
        <v>350</v>
      </c>
      <c r="GM11" s="270">
        <v>5516</v>
      </c>
      <c r="GN11" s="270">
        <v>1424</v>
      </c>
      <c r="GO11" s="270">
        <v>24072</v>
      </c>
      <c r="GP11" s="270">
        <v>3292</v>
      </c>
      <c r="GQ11" s="273">
        <v>34654</v>
      </c>
      <c r="GR11" s="274">
        <v>34654</v>
      </c>
      <c r="GS11" s="269">
        <v>0</v>
      </c>
      <c r="GT11" s="270">
        <v>0</v>
      </c>
      <c r="GU11" s="271">
        <v>0</v>
      </c>
      <c r="GV11" s="272">
        <v>0</v>
      </c>
      <c r="GW11" s="270">
        <v>0</v>
      </c>
      <c r="GX11" s="270">
        <v>0</v>
      </c>
      <c r="GY11" s="270">
        <v>0</v>
      </c>
      <c r="GZ11" s="270">
        <v>0</v>
      </c>
      <c r="HA11" s="270">
        <v>0</v>
      </c>
      <c r="HB11" s="273">
        <v>0</v>
      </c>
      <c r="HC11" s="274">
        <v>0</v>
      </c>
      <c r="HD11" s="269">
        <v>0</v>
      </c>
      <c r="HE11" s="270">
        <v>0</v>
      </c>
      <c r="HF11" s="271">
        <v>0</v>
      </c>
      <c r="HG11" s="470">
        <v>0</v>
      </c>
      <c r="HH11" s="270">
        <v>0</v>
      </c>
      <c r="HI11" s="270">
        <v>0</v>
      </c>
      <c r="HJ11" s="270">
        <v>0</v>
      </c>
      <c r="HK11" s="270">
        <v>0</v>
      </c>
      <c r="HL11" s="270">
        <v>0</v>
      </c>
      <c r="HM11" s="273">
        <v>0</v>
      </c>
      <c r="HN11" s="274">
        <v>0</v>
      </c>
      <c r="HO11" s="269">
        <v>0</v>
      </c>
      <c r="HP11" s="270">
        <v>1198</v>
      </c>
      <c r="HQ11" s="271">
        <v>1198</v>
      </c>
      <c r="HR11" s="272">
        <v>0</v>
      </c>
      <c r="HS11" s="270">
        <v>2428157</v>
      </c>
      <c r="HT11" s="270">
        <v>3573684</v>
      </c>
      <c r="HU11" s="270">
        <v>14251453</v>
      </c>
      <c r="HV11" s="270">
        <v>17257099</v>
      </c>
      <c r="HW11" s="270">
        <v>8785606</v>
      </c>
      <c r="HX11" s="273">
        <v>46295999</v>
      </c>
      <c r="HY11" s="274">
        <v>46297197</v>
      </c>
    </row>
    <row r="12" spans="2:233" ht="21" customHeight="1" x14ac:dyDescent="0.2">
      <c r="B12" s="437" t="s">
        <v>8</v>
      </c>
      <c r="C12" s="269">
        <v>0</v>
      </c>
      <c r="D12" s="270">
        <v>7907</v>
      </c>
      <c r="E12" s="271">
        <v>7907</v>
      </c>
      <c r="F12" s="272">
        <v>0</v>
      </c>
      <c r="G12" s="270">
        <v>711152</v>
      </c>
      <c r="H12" s="270">
        <v>1230007</v>
      </c>
      <c r="I12" s="270">
        <v>5147245</v>
      </c>
      <c r="J12" s="270">
        <v>4945723</v>
      </c>
      <c r="K12" s="270">
        <v>2604693</v>
      </c>
      <c r="L12" s="273">
        <v>14638820</v>
      </c>
      <c r="M12" s="274">
        <v>14646727</v>
      </c>
      <c r="N12" s="269">
        <v>0</v>
      </c>
      <c r="O12" s="270">
        <v>0</v>
      </c>
      <c r="P12" s="271">
        <v>0</v>
      </c>
      <c r="Q12" s="470">
        <v>0</v>
      </c>
      <c r="R12" s="270">
        <v>214055</v>
      </c>
      <c r="S12" s="270">
        <v>392220</v>
      </c>
      <c r="T12" s="270">
        <v>3438743</v>
      </c>
      <c r="U12" s="270">
        <v>3431945</v>
      </c>
      <c r="V12" s="270">
        <v>2013277</v>
      </c>
      <c r="W12" s="273">
        <v>9490240</v>
      </c>
      <c r="X12" s="274">
        <v>9490240</v>
      </c>
      <c r="Y12" s="269">
        <v>0</v>
      </c>
      <c r="Z12" s="270">
        <v>0</v>
      </c>
      <c r="AA12" s="271">
        <v>0</v>
      </c>
      <c r="AB12" s="470">
        <v>0</v>
      </c>
      <c r="AC12" s="270">
        <v>366295</v>
      </c>
      <c r="AD12" s="270">
        <v>703160</v>
      </c>
      <c r="AE12" s="270">
        <v>1285395</v>
      </c>
      <c r="AF12" s="270">
        <v>1009340</v>
      </c>
      <c r="AG12" s="270">
        <v>376595</v>
      </c>
      <c r="AH12" s="273">
        <v>3740785</v>
      </c>
      <c r="AI12" s="274">
        <v>3740785</v>
      </c>
      <c r="AJ12" s="269">
        <v>0</v>
      </c>
      <c r="AK12" s="270">
        <v>0</v>
      </c>
      <c r="AL12" s="271">
        <v>0</v>
      </c>
      <c r="AM12" s="470">
        <v>0</v>
      </c>
      <c r="AN12" s="270">
        <v>0</v>
      </c>
      <c r="AO12" s="270">
        <v>0</v>
      </c>
      <c r="AP12" s="270">
        <v>0</v>
      </c>
      <c r="AQ12" s="270">
        <v>0</v>
      </c>
      <c r="AR12" s="270">
        <v>0</v>
      </c>
      <c r="AS12" s="273">
        <v>0</v>
      </c>
      <c r="AT12" s="274">
        <v>0</v>
      </c>
      <c r="AU12" s="269">
        <v>0</v>
      </c>
      <c r="AV12" s="270">
        <v>0</v>
      </c>
      <c r="AW12" s="271">
        <v>0</v>
      </c>
      <c r="AX12" s="470">
        <v>0</v>
      </c>
      <c r="AY12" s="270">
        <v>35495</v>
      </c>
      <c r="AZ12" s="270">
        <v>0</v>
      </c>
      <c r="BA12" s="270">
        <v>32705</v>
      </c>
      <c r="BB12" s="270">
        <v>2635</v>
      </c>
      <c r="BC12" s="270">
        <v>49735</v>
      </c>
      <c r="BD12" s="273">
        <v>120570</v>
      </c>
      <c r="BE12" s="274">
        <v>120570</v>
      </c>
      <c r="BF12" s="269">
        <v>0</v>
      </c>
      <c r="BG12" s="270">
        <v>0</v>
      </c>
      <c r="BH12" s="271">
        <v>0</v>
      </c>
      <c r="BI12" s="470">
        <v>0</v>
      </c>
      <c r="BJ12" s="270">
        <v>0</v>
      </c>
      <c r="BK12" s="270">
        <v>2635</v>
      </c>
      <c r="BL12" s="270">
        <v>44775</v>
      </c>
      <c r="BM12" s="270">
        <v>285975</v>
      </c>
      <c r="BN12" s="270">
        <v>63555</v>
      </c>
      <c r="BO12" s="273">
        <v>396940</v>
      </c>
      <c r="BP12" s="274">
        <v>396940</v>
      </c>
      <c r="BQ12" s="269">
        <v>0</v>
      </c>
      <c r="BR12" s="270">
        <v>7907</v>
      </c>
      <c r="BS12" s="271">
        <v>7907</v>
      </c>
      <c r="BT12" s="272">
        <v>0</v>
      </c>
      <c r="BU12" s="270">
        <v>95307</v>
      </c>
      <c r="BV12" s="270">
        <v>117952</v>
      </c>
      <c r="BW12" s="270">
        <v>345237</v>
      </c>
      <c r="BX12" s="270">
        <v>215828</v>
      </c>
      <c r="BY12" s="270">
        <v>100550</v>
      </c>
      <c r="BZ12" s="273">
        <v>874874</v>
      </c>
      <c r="CA12" s="274">
        <v>882781</v>
      </c>
      <c r="CB12" s="269">
        <v>0</v>
      </c>
      <c r="CC12" s="270">
        <v>0</v>
      </c>
      <c r="CD12" s="271">
        <v>0</v>
      </c>
      <c r="CE12" s="272">
        <v>0</v>
      </c>
      <c r="CF12" s="270">
        <v>0</v>
      </c>
      <c r="CG12" s="270">
        <v>14040</v>
      </c>
      <c r="CH12" s="270">
        <v>390</v>
      </c>
      <c r="CI12" s="270">
        <v>0</v>
      </c>
      <c r="CJ12" s="270">
        <v>981</v>
      </c>
      <c r="CK12" s="273">
        <v>15411</v>
      </c>
      <c r="CL12" s="274">
        <v>15411</v>
      </c>
      <c r="CM12" s="269">
        <v>0</v>
      </c>
      <c r="CN12" s="270">
        <v>0</v>
      </c>
      <c r="CO12" s="271">
        <v>0</v>
      </c>
      <c r="CP12" s="272">
        <v>0</v>
      </c>
      <c r="CQ12" s="270">
        <v>0</v>
      </c>
      <c r="CR12" s="270">
        <v>0</v>
      </c>
      <c r="CS12" s="270">
        <v>0</v>
      </c>
      <c r="CT12" s="270">
        <v>0</v>
      </c>
      <c r="CU12" s="270">
        <v>0</v>
      </c>
      <c r="CV12" s="273">
        <v>0</v>
      </c>
      <c r="CW12" s="274">
        <v>0</v>
      </c>
      <c r="CX12" s="269">
        <v>0</v>
      </c>
      <c r="CY12" s="270">
        <v>0</v>
      </c>
      <c r="CZ12" s="271">
        <v>0</v>
      </c>
      <c r="DA12" s="470">
        <v>0</v>
      </c>
      <c r="DB12" s="270">
        <v>0</v>
      </c>
      <c r="DC12" s="270">
        <v>0</v>
      </c>
      <c r="DD12" s="270">
        <v>0</v>
      </c>
      <c r="DE12" s="270">
        <v>0</v>
      </c>
      <c r="DF12" s="270">
        <v>0</v>
      </c>
      <c r="DG12" s="273">
        <v>0</v>
      </c>
      <c r="DH12" s="274">
        <v>0</v>
      </c>
      <c r="DI12" s="269">
        <v>0</v>
      </c>
      <c r="DJ12" s="270">
        <v>12968</v>
      </c>
      <c r="DK12" s="271">
        <v>12968</v>
      </c>
      <c r="DL12" s="272">
        <v>0</v>
      </c>
      <c r="DM12" s="270">
        <v>495215</v>
      </c>
      <c r="DN12" s="270">
        <v>1153635</v>
      </c>
      <c r="DO12" s="270">
        <v>6062374</v>
      </c>
      <c r="DP12" s="270">
        <v>5711699</v>
      </c>
      <c r="DQ12" s="270">
        <v>3178303</v>
      </c>
      <c r="DR12" s="273">
        <v>16601226</v>
      </c>
      <c r="DS12" s="275">
        <v>16614194</v>
      </c>
      <c r="DT12" s="269">
        <v>0</v>
      </c>
      <c r="DU12" s="270">
        <v>0</v>
      </c>
      <c r="DV12" s="271">
        <v>0</v>
      </c>
      <c r="DW12" s="470">
        <v>0</v>
      </c>
      <c r="DX12" s="270">
        <v>295864</v>
      </c>
      <c r="DY12" s="270">
        <v>793507</v>
      </c>
      <c r="DZ12" s="270">
        <v>4996618</v>
      </c>
      <c r="EA12" s="270">
        <v>4704023</v>
      </c>
      <c r="EB12" s="270">
        <v>2852981</v>
      </c>
      <c r="EC12" s="273">
        <v>13642993</v>
      </c>
      <c r="ED12" s="274">
        <v>13642993</v>
      </c>
      <c r="EE12" s="269">
        <v>0</v>
      </c>
      <c r="EF12" s="270">
        <v>0</v>
      </c>
      <c r="EG12" s="271">
        <v>0</v>
      </c>
      <c r="EH12" s="470">
        <v>0</v>
      </c>
      <c r="EI12" s="270">
        <v>58735</v>
      </c>
      <c r="EJ12" s="270">
        <v>76635</v>
      </c>
      <c r="EK12" s="270">
        <v>188816</v>
      </c>
      <c r="EL12" s="270">
        <v>93499</v>
      </c>
      <c r="EM12" s="270">
        <v>32704</v>
      </c>
      <c r="EN12" s="273">
        <v>450389</v>
      </c>
      <c r="EO12" s="274">
        <v>450389</v>
      </c>
      <c r="EP12" s="269">
        <v>0</v>
      </c>
      <c r="EQ12" s="270">
        <v>0</v>
      </c>
      <c r="ER12" s="271">
        <v>0</v>
      </c>
      <c r="ES12" s="470">
        <v>0</v>
      </c>
      <c r="ET12" s="270">
        <v>0</v>
      </c>
      <c r="EU12" s="270">
        <v>0</v>
      </c>
      <c r="EV12" s="270">
        <v>0</v>
      </c>
      <c r="EW12" s="270">
        <v>0</v>
      </c>
      <c r="EX12" s="270">
        <v>0</v>
      </c>
      <c r="EY12" s="273">
        <v>0</v>
      </c>
      <c r="EZ12" s="274">
        <v>0</v>
      </c>
      <c r="FA12" s="269">
        <v>0</v>
      </c>
      <c r="FB12" s="270">
        <v>0</v>
      </c>
      <c r="FC12" s="271">
        <v>0</v>
      </c>
      <c r="FD12" s="470">
        <v>0</v>
      </c>
      <c r="FE12" s="270">
        <v>11687</v>
      </c>
      <c r="FF12" s="270">
        <v>0</v>
      </c>
      <c r="FG12" s="270">
        <v>217</v>
      </c>
      <c r="FH12" s="270">
        <v>217</v>
      </c>
      <c r="FI12" s="270">
        <v>11988</v>
      </c>
      <c r="FJ12" s="273">
        <v>24109</v>
      </c>
      <c r="FK12" s="274">
        <v>24109</v>
      </c>
      <c r="FL12" s="269">
        <v>0</v>
      </c>
      <c r="FM12" s="270">
        <v>0</v>
      </c>
      <c r="FN12" s="271">
        <v>0</v>
      </c>
      <c r="FO12" s="470">
        <v>0</v>
      </c>
      <c r="FP12" s="270">
        <v>0</v>
      </c>
      <c r="FQ12" s="270">
        <v>21576</v>
      </c>
      <c r="FR12" s="270">
        <v>140470</v>
      </c>
      <c r="FS12" s="270">
        <v>414780</v>
      </c>
      <c r="FT12" s="270">
        <v>109150</v>
      </c>
      <c r="FU12" s="273">
        <v>685976</v>
      </c>
      <c r="FV12" s="274">
        <v>685976</v>
      </c>
      <c r="FW12" s="269">
        <v>0</v>
      </c>
      <c r="FX12" s="270">
        <v>12968</v>
      </c>
      <c r="FY12" s="271">
        <v>12968</v>
      </c>
      <c r="FZ12" s="272">
        <v>0</v>
      </c>
      <c r="GA12" s="270">
        <v>128929</v>
      </c>
      <c r="GB12" s="270">
        <v>261791</v>
      </c>
      <c r="GC12" s="270">
        <v>734821</v>
      </c>
      <c r="GD12" s="270">
        <v>499180</v>
      </c>
      <c r="GE12" s="270">
        <v>171465</v>
      </c>
      <c r="GF12" s="273">
        <v>1796186</v>
      </c>
      <c r="GG12" s="274">
        <v>1809154</v>
      </c>
      <c r="GH12" s="269">
        <v>0</v>
      </c>
      <c r="GI12" s="270">
        <v>0</v>
      </c>
      <c r="GJ12" s="271">
        <v>0</v>
      </c>
      <c r="GK12" s="272">
        <v>0</v>
      </c>
      <c r="GL12" s="270">
        <v>0</v>
      </c>
      <c r="GM12" s="270">
        <v>126</v>
      </c>
      <c r="GN12" s="270">
        <v>1432</v>
      </c>
      <c r="GO12" s="270">
        <v>0</v>
      </c>
      <c r="GP12" s="270">
        <v>15</v>
      </c>
      <c r="GQ12" s="273">
        <v>1573</v>
      </c>
      <c r="GR12" s="274">
        <v>1573</v>
      </c>
      <c r="GS12" s="269">
        <v>0</v>
      </c>
      <c r="GT12" s="270">
        <v>0</v>
      </c>
      <c r="GU12" s="271">
        <v>0</v>
      </c>
      <c r="GV12" s="272">
        <v>0</v>
      </c>
      <c r="GW12" s="270">
        <v>0</v>
      </c>
      <c r="GX12" s="270">
        <v>0</v>
      </c>
      <c r="GY12" s="270">
        <v>0</v>
      </c>
      <c r="GZ12" s="270">
        <v>0</v>
      </c>
      <c r="HA12" s="270">
        <v>0</v>
      </c>
      <c r="HB12" s="273">
        <v>0</v>
      </c>
      <c r="HC12" s="274">
        <v>0</v>
      </c>
      <c r="HD12" s="269">
        <v>0</v>
      </c>
      <c r="HE12" s="270">
        <v>0</v>
      </c>
      <c r="HF12" s="271">
        <v>0</v>
      </c>
      <c r="HG12" s="470">
        <v>0</v>
      </c>
      <c r="HH12" s="270">
        <v>0</v>
      </c>
      <c r="HI12" s="270">
        <v>0</v>
      </c>
      <c r="HJ12" s="270">
        <v>0</v>
      </c>
      <c r="HK12" s="270">
        <v>0</v>
      </c>
      <c r="HL12" s="270">
        <v>0</v>
      </c>
      <c r="HM12" s="273">
        <v>0</v>
      </c>
      <c r="HN12" s="274">
        <v>0</v>
      </c>
      <c r="HO12" s="269">
        <v>0</v>
      </c>
      <c r="HP12" s="270">
        <v>20875</v>
      </c>
      <c r="HQ12" s="271">
        <v>20875</v>
      </c>
      <c r="HR12" s="272">
        <v>0</v>
      </c>
      <c r="HS12" s="270">
        <v>1206367</v>
      </c>
      <c r="HT12" s="270">
        <v>2383642</v>
      </c>
      <c r="HU12" s="270">
        <v>11209619</v>
      </c>
      <c r="HV12" s="270">
        <v>10657422</v>
      </c>
      <c r="HW12" s="270">
        <v>5782996</v>
      </c>
      <c r="HX12" s="273">
        <v>31240046</v>
      </c>
      <c r="HY12" s="274">
        <v>31260921</v>
      </c>
    </row>
    <row r="13" spans="2:233" ht="21" customHeight="1" x14ac:dyDescent="0.2">
      <c r="B13" s="437" t="s">
        <v>9</v>
      </c>
      <c r="C13" s="269">
        <v>0</v>
      </c>
      <c r="D13" s="270">
        <v>175</v>
      </c>
      <c r="E13" s="271">
        <v>175</v>
      </c>
      <c r="F13" s="272">
        <v>0</v>
      </c>
      <c r="G13" s="270">
        <v>167299</v>
      </c>
      <c r="H13" s="270">
        <v>166972</v>
      </c>
      <c r="I13" s="270">
        <v>2330611</v>
      </c>
      <c r="J13" s="270">
        <v>2245276</v>
      </c>
      <c r="K13" s="270">
        <v>1675250</v>
      </c>
      <c r="L13" s="273">
        <v>6585408</v>
      </c>
      <c r="M13" s="274">
        <v>6585583</v>
      </c>
      <c r="N13" s="269">
        <v>0</v>
      </c>
      <c r="O13" s="270">
        <v>0</v>
      </c>
      <c r="P13" s="271">
        <v>0</v>
      </c>
      <c r="Q13" s="470">
        <v>0</v>
      </c>
      <c r="R13" s="270">
        <v>59985</v>
      </c>
      <c r="S13" s="270">
        <v>37975</v>
      </c>
      <c r="T13" s="270">
        <v>1697332</v>
      </c>
      <c r="U13" s="270">
        <v>1851617</v>
      </c>
      <c r="V13" s="270">
        <v>1276492</v>
      </c>
      <c r="W13" s="273">
        <v>4923401</v>
      </c>
      <c r="X13" s="274">
        <v>4923401</v>
      </c>
      <c r="Y13" s="269">
        <v>0</v>
      </c>
      <c r="Z13" s="270">
        <v>0</v>
      </c>
      <c r="AA13" s="271">
        <v>0</v>
      </c>
      <c r="AB13" s="470">
        <v>0</v>
      </c>
      <c r="AC13" s="270">
        <v>91884</v>
      </c>
      <c r="AD13" s="270">
        <v>80740</v>
      </c>
      <c r="AE13" s="270">
        <v>453730</v>
      </c>
      <c r="AF13" s="270">
        <v>339760</v>
      </c>
      <c r="AG13" s="270">
        <v>311960</v>
      </c>
      <c r="AH13" s="273">
        <v>1278074</v>
      </c>
      <c r="AI13" s="274">
        <v>1278074</v>
      </c>
      <c r="AJ13" s="269">
        <v>0</v>
      </c>
      <c r="AK13" s="270">
        <v>0</v>
      </c>
      <c r="AL13" s="271">
        <v>0</v>
      </c>
      <c r="AM13" s="470">
        <v>0</v>
      </c>
      <c r="AN13" s="270">
        <v>0</v>
      </c>
      <c r="AO13" s="270">
        <v>0</v>
      </c>
      <c r="AP13" s="270">
        <v>0</v>
      </c>
      <c r="AQ13" s="270">
        <v>0</v>
      </c>
      <c r="AR13" s="270">
        <v>0</v>
      </c>
      <c r="AS13" s="273">
        <v>0</v>
      </c>
      <c r="AT13" s="274">
        <v>0</v>
      </c>
      <c r="AU13" s="269">
        <v>0</v>
      </c>
      <c r="AV13" s="270">
        <v>0</v>
      </c>
      <c r="AW13" s="271">
        <v>0</v>
      </c>
      <c r="AX13" s="470">
        <v>0</v>
      </c>
      <c r="AY13" s="270">
        <v>0</v>
      </c>
      <c r="AZ13" s="270">
        <v>0</v>
      </c>
      <c r="BA13" s="270">
        <v>0</v>
      </c>
      <c r="BB13" s="270">
        <v>0</v>
      </c>
      <c r="BC13" s="270">
        <v>7905</v>
      </c>
      <c r="BD13" s="273">
        <v>7905</v>
      </c>
      <c r="BE13" s="274">
        <v>7905</v>
      </c>
      <c r="BF13" s="269">
        <v>0</v>
      </c>
      <c r="BG13" s="270">
        <v>0</v>
      </c>
      <c r="BH13" s="271">
        <v>0</v>
      </c>
      <c r="BI13" s="470">
        <v>0</v>
      </c>
      <c r="BJ13" s="270">
        <v>0</v>
      </c>
      <c r="BK13" s="270">
        <v>0</v>
      </c>
      <c r="BL13" s="270">
        <v>0</v>
      </c>
      <c r="BM13" s="270">
        <v>24645</v>
      </c>
      <c r="BN13" s="270">
        <v>0</v>
      </c>
      <c r="BO13" s="273">
        <v>24645</v>
      </c>
      <c r="BP13" s="274">
        <v>24645</v>
      </c>
      <c r="BQ13" s="269">
        <v>0</v>
      </c>
      <c r="BR13" s="270">
        <v>175</v>
      </c>
      <c r="BS13" s="271">
        <v>175</v>
      </c>
      <c r="BT13" s="272">
        <v>0</v>
      </c>
      <c r="BU13" s="270">
        <v>13325</v>
      </c>
      <c r="BV13" s="270">
        <v>48062</v>
      </c>
      <c r="BW13" s="270">
        <v>171970</v>
      </c>
      <c r="BX13" s="270">
        <v>23271</v>
      </c>
      <c r="BY13" s="270">
        <v>75908</v>
      </c>
      <c r="BZ13" s="273">
        <v>332536</v>
      </c>
      <c r="CA13" s="274">
        <v>332711</v>
      </c>
      <c r="CB13" s="269">
        <v>0</v>
      </c>
      <c r="CC13" s="270">
        <v>0</v>
      </c>
      <c r="CD13" s="271">
        <v>0</v>
      </c>
      <c r="CE13" s="272">
        <v>0</v>
      </c>
      <c r="CF13" s="270">
        <v>2105</v>
      </c>
      <c r="CG13" s="270">
        <v>195</v>
      </c>
      <c r="CH13" s="270">
        <v>7579</v>
      </c>
      <c r="CI13" s="270">
        <v>5983</v>
      </c>
      <c r="CJ13" s="270">
        <v>2985</v>
      </c>
      <c r="CK13" s="273">
        <v>18847</v>
      </c>
      <c r="CL13" s="274">
        <v>18847</v>
      </c>
      <c r="CM13" s="269">
        <v>0</v>
      </c>
      <c r="CN13" s="270">
        <v>0</v>
      </c>
      <c r="CO13" s="271">
        <v>0</v>
      </c>
      <c r="CP13" s="272">
        <v>0</v>
      </c>
      <c r="CQ13" s="270">
        <v>0</v>
      </c>
      <c r="CR13" s="270">
        <v>0</v>
      </c>
      <c r="CS13" s="270">
        <v>0</v>
      </c>
      <c r="CT13" s="270">
        <v>0</v>
      </c>
      <c r="CU13" s="270">
        <v>0</v>
      </c>
      <c r="CV13" s="273">
        <v>0</v>
      </c>
      <c r="CW13" s="274">
        <v>0</v>
      </c>
      <c r="CX13" s="269">
        <v>0</v>
      </c>
      <c r="CY13" s="270">
        <v>0</v>
      </c>
      <c r="CZ13" s="271">
        <v>0</v>
      </c>
      <c r="DA13" s="470">
        <v>0</v>
      </c>
      <c r="DB13" s="270">
        <v>0</v>
      </c>
      <c r="DC13" s="270">
        <v>0</v>
      </c>
      <c r="DD13" s="270">
        <v>0</v>
      </c>
      <c r="DE13" s="270">
        <v>0</v>
      </c>
      <c r="DF13" s="270">
        <v>0</v>
      </c>
      <c r="DG13" s="273">
        <v>0</v>
      </c>
      <c r="DH13" s="274">
        <v>0</v>
      </c>
      <c r="DI13" s="269">
        <v>0</v>
      </c>
      <c r="DJ13" s="270">
        <v>2088</v>
      </c>
      <c r="DK13" s="271">
        <v>2088</v>
      </c>
      <c r="DL13" s="272">
        <v>0</v>
      </c>
      <c r="DM13" s="270">
        <v>134360</v>
      </c>
      <c r="DN13" s="270">
        <v>191909</v>
      </c>
      <c r="DO13" s="270">
        <v>2604941</v>
      </c>
      <c r="DP13" s="270">
        <v>2569819</v>
      </c>
      <c r="DQ13" s="270">
        <v>2130626</v>
      </c>
      <c r="DR13" s="273">
        <v>7631655</v>
      </c>
      <c r="DS13" s="275">
        <v>7633743</v>
      </c>
      <c r="DT13" s="269">
        <v>0</v>
      </c>
      <c r="DU13" s="270">
        <v>0</v>
      </c>
      <c r="DV13" s="271">
        <v>0</v>
      </c>
      <c r="DW13" s="470">
        <v>0</v>
      </c>
      <c r="DX13" s="270">
        <v>79918</v>
      </c>
      <c r="DY13" s="270">
        <v>73377</v>
      </c>
      <c r="DZ13" s="270">
        <v>2259319</v>
      </c>
      <c r="EA13" s="270">
        <v>2424360</v>
      </c>
      <c r="EB13" s="270">
        <v>1956754</v>
      </c>
      <c r="EC13" s="273">
        <v>6793728</v>
      </c>
      <c r="ED13" s="274">
        <v>6793728</v>
      </c>
      <c r="EE13" s="269">
        <v>0</v>
      </c>
      <c r="EF13" s="270">
        <v>0</v>
      </c>
      <c r="EG13" s="271">
        <v>0</v>
      </c>
      <c r="EH13" s="470">
        <v>0</v>
      </c>
      <c r="EI13" s="270">
        <v>12617</v>
      </c>
      <c r="EJ13" s="270">
        <v>24390</v>
      </c>
      <c r="EK13" s="270">
        <v>56297</v>
      </c>
      <c r="EL13" s="270">
        <v>33635</v>
      </c>
      <c r="EM13" s="270">
        <v>54164</v>
      </c>
      <c r="EN13" s="273">
        <v>181103</v>
      </c>
      <c r="EO13" s="274">
        <v>181103</v>
      </c>
      <c r="EP13" s="269">
        <v>0</v>
      </c>
      <c r="EQ13" s="270">
        <v>0</v>
      </c>
      <c r="ER13" s="271">
        <v>0</v>
      </c>
      <c r="ES13" s="470">
        <v>0</v>
      </c>
      <c r="ET13" s="270">
        <v>0</v>
      </c>
      <c r="EU13" s="270">
        <v>0</v>
      </c>
      <c r="EV13" s="270">
        <v>0</v>
      </c>
      <c r="EW13" s="270">
        <v>0</v>
      </c>
      <c r="EX13" s="270">
        <v>0</v>
      </c>
      <c r="EY13" s="273">
        <v>0</v>
      </c>
      <c r="EZ13" s="274">
        <v>0</v>
      </c>
      <c r="FA13" s="269">
        <v>0</v>
      </c>
      <c r="FB13" s="270">
        <v>0</v>
      </c>
      <c r="FC13" s="271">
        <v>0</v>
      </c>
      <c r="FD13" s="470">
        <v>0</v>
      </c>
      <c r="FE13" s="270">
        <v>0</v>
      </c>
      <c r="FF13" s="270">
        <v>0</v>
      </c>
      <c r="FG13" s="270">
        <v>0</v>
      </c>
      <c r="FH13" s="270">
        <v>0</v>
      </c>
      <c r="FI13" s="270">
        <v>651</v>
      </c>
      <c r="FJ13" s="273">
        <v>651</v>
      </c>
      <c r="FK13" s="274">
        <v>651</v>
      </c>
      <c r="FL13" s="269">
        <v>0</v>
      </c>
      <c r="FM13" s="270">
        <v>0</v>
      </c>
      <c r="FN13" s="271">
        <v>0</v>
      </c>
      <c r="FO13" s="470">
        <v>0</v>
      </c>
      <c r="FP13" s="270">
        <v>0</v>
      </c>
      <c r="FQ13" s="270">
        <v>0</v>
      </c>
      <c r="FR13" s="270">
        <v>0</v>
      </c>
      <c r="FS13" s="270">
        <v>21576</v>
      </c>
      <c r="FT13" s="270">
        <v>0</v>
      </c>
      <c r="FU13" s="273">
        <v>21576</v>
      </c>
      <c r="FV13" s="274">
        <v>21576</v>
      </c>
      <c r="FW13" s="269">
        <v>0</v>
      </c>
      <c r="FX13" s="270">
        <v>2088</v>
      </c>
      <c r="FY13" s="271">
        <v>2088</v>
      </c>
      <c r="FZ13" s="272">
        <v>0</v>
      </c>
      <c r="GA13" s="270">
        <v>41790</v>
      </c>
      <c r="GB13" s="270">
        <v>94121</v>
      </c>
      <c r="GC13" s="270">
        <v>279582</v>
      </c>
      <c r="GD13" s="270">
        <v>90017</v>
      </c>
      <c r="GE13" s="270">
        <v>117625</v>
      </c>
      <c r="GF13" s="273">
        <v>623135</v>
      </c>
      <c r="GG13" s="274">
        <v>625223</v>
      </c>
      <c r="GH13" s="269">
        <v>0</v>
      </c>
      <c r="GI13" s="270">
        <v>0</v>
      </c>
      <c r="GJ13" s="271">
        <v>0</v>
      </c>
      <c r="GK13" s="272">
        <v>0</v>
      </c>
      <c r="GL13" s="270">
        <v>35</v>
      </c>
      <c r="GM13" s="270">
        <v>21</v>
      </c>
      <c r="GN13" s="270">
        <v>9743</v>
      </c>
      <c r="GO13" s="270">
        <v>231</v>
      </c>
      <c r="GP13" s="270">
        <v>1432</v>
      </c>
      <c r="GQ13" s="273">
        <v>11462</v>
      </c>
      <c r="GR13" s="274">
        <v>11462</v>
      </c>
      <c r="GS13" s="269">
        <v>0</v>
      </c>
      <c r="GT13" s="270">
        <v>0</v>
      </c>
      <c r="GU13" s="271">
        <v>0</v>
      </c>
      <c r="GV13" s="272">
        <v>0</v>
      </c>
      <c r="GW13" s="270">
        <v>0</v>
      </c>
      <c r="GX13" s="270">
        <v>0</v>
      </c>
      <c r="GY13" s="270">
        <v>0</v>
      </c>
      <c r="GZ13" s="270">
        <v>0</v>
      </c>
      <c r="HA13" s="270">
        <v>0</v>
      </c>
      <c r="HB13" s="273">
        <v>0</v>
      </c>
      <c r="HC13" s="274">
        <v>0</v>
      </c>
      <c r="HD13" s="269">
        <v>0</v>
      </c>
      <c r="HE13" s="270">
        <v>0</v>
      </c>
      <c r="HF13" s="271">
        <v>0</v>
      </c>
      <c r="HG13" s="470">
        <v>0</v>
      </c>
      <c r="HH13" s="270">
        <v>0</v>
      </c>
      <c r="HI13" s="270">
        <v>0</v>
      </c>
      <c r="HJ13" s="270">
        <v>0</v>
      </c>
      <c r="HK13" s="270">
        <v>0</v>
      </c>
      <c r="HL13" s="270">
        <v>0</v>
      </c>
      <c r="HM13" s="273">
        <v>0</v>
      </c>
      <c r="HN13" s="274">
        <v>0</v>
      </c>
      <c r="HO13" s="269">
        <v>0</v>
      </c>
      <c r="HP13" s="270">
        <v>2263</v>
      </c>
      <c r="HQ13" s="271">
        <v>2263</v>
      </c>
      <c r="HR13" s="272">
        <v>0</v>
      </c>
      <c r="HS13" s="270">
        <v>301659</v>
      </c>
      <c r="HT13" s="270">
        <v>358881</v>
      </c>
      <c r="HU13" s="270">
        <v>4935552</v>
      </c>
      <c r="HV13" s="270">
        <v>4815095</v>
      </c>
      <c r="HW13" s="270">
        <v>3805876</v>
      </c>
      <c r="HX13" s="273">
        <v>14217063</v>
      </c>
      <c r="HY13" s="274">
        <v>14219326</v>
      </c>
    </row>
    <row r="14" spans="2:233" ht="21" customHeight="1" x14ac:dyDescent="0.2">
      <c r="B14" s="437" t="s">
        <v>10</v>
      </c>
      <c r="C14" s="269">
        <v>0</v>
      </c>
      <c r="D14" s="270">
        <v>16930</v>
      </c>
      <c r="E14" s="271">
        <v>16930</v>
      </c>
      <c r="F14" s="272">
        <v>0</v>
      </c>
      <c r="G14" s="270">
        <v>652103</v>
      </c>
      <c r="H14" s="270">
        <v>1086057</v>
      </c>
      <c r="I14" s="270">
        <v>2792150</v>
      </c>
      <c r="J14" s="270">
        <v>4575974</v>
      </c>
      <c r="K14" s="270">
        <v>4136917</v>
      </c>
      <c r="L14" s="273">
        <v>13243201</v>
      </c>
      <c r="M14" s="274">
        <v>13260131</v>
      </c>
      <c r="N14" s="269">
        <v>0</v>
      </c>
      <c r="O14" s="270">
        <v>0</v>
      </c>
      <c r="P14" s="271">
        <v>0</v>
      </c>
      <c r="Q14" s="470">
        <v>0</v>
      </c>
      <c r="R14" s="270">
        <v>48670</v>
      </c>
      <c r="S14" s="270">
        <v>322350</v>
      </c>
      <c r="T14" s="270">
        <v>1770995</v>
      </c>
      <c r="U14" s="270">
        <v>3284891</v>
      </c>
      <c r="V14" s="270">
        <v>3159060</v>
      </c>
      <c r="W14" s="273">
        <v>8585966</v>
      </c>
      <c r="X14" s="274">
        <v>8585966</v>
      </c>
      <c r="Y14" s="269">
        <v>0</v>
      </c>
      <c r="Z14" s="270">
        <v>0</v>
      </c>
      <c r="AA14" s="271">
        <v>0</v>
      </c>
      <c r="AB14" s="470">
        <v>0</v>
      </c>
      <c r="AC14" s="270">
        <v>471099</v>
      </c>
      <c r="AD14" s="270">
        <v>533875</v>
      </c>
      <c r="AE14" s="270">
        <v>789977</v>
      </c>
      <c r="AF14" s="270">
        <v>853837</v>
      </c>
      <c r="AG14" s="270">
        <v>574172</v>
      </c>
      <c r="AH14" s="273">
        <v>3222960</v>
      </c>
      <c r="AI14" s="274">
        <v>3222960</v>
      </c>
      <c r="AJ14" s="269">
        <v>0</v>
      </c>
      <c r="AK14" s="270">
        <v>0</v>
      </c>
      <c r="AL14" s="271">
        <v>0</v>
      </c>
      <c r="AM14" s="470">
        <v>0</v>
      </c>
      <c r="AN14" s="270">
        <v>0</v>
      </c>
      <c r="AO14" s="270">
        <v>0</v>
      </c>
      <c r="AP14" s="270">
        <v>0</v>
      </c>
      <c r="AQ14" s="270">
        <v>0</v>
      </c>
      <c r="AR14" s="270">
        <v>0</v>
      </c>
      <c r="AS14" s="273">
        <v>0</v>
      </c>
      <c r="AT14" s="274">
        <v>0</v>
      </c>
      <c r="AU14" s="269">
        <v>0</v>
      </c>
      <c r="AV14" s="270">
        <v>0</v>
      </c>
      <c r="AW14" s="271">
        <v>0</v>
      </c>
      <c r="AX14" s="470">
        <v>0</v>
      </c>
      <c r="AY14" s="270">
        <v>0</v>
      </c>
      <c r="AZ14" s="270">
        <v>0</v>
      </c>
      <c r="BA14" s="270">
        <v>0</v>
      </c>
      <c r="BB14" s="270">
        <v>57350</v>
      </c>
      <c r="BC14" s="270">
        <v>196515</v>
      </c>
      <c r="BD14" s="273">
        <v>253865</v>
      </c>
      <c r="BE14" s="274">
        <v>253865</v>
      </c>
      <c r="BF14" s="269">
        <v>0</v>
      </c>
      <c r="BG14" s="270">
        <v>0</v>
      </c>
      <c r="BH14" s="271">
        <v>0</v>
      </c>
      <c r="BI14" s="470">
        <v>0</v>
      </c>
      <c r="BJ14" s="270">
        <v>0</v>
      </c>
      <c r="BK14" s="270">
        <v>0</v>
      </c>
      <c r="BL14" s="270">
        <v>0</v>
      </c>
      <c r="BM14" s="270">
        <v>32705</v>
      </c>
      <c r="BN14" s="270">
        <v>78585</v>
      </c>
      <c r="BO14" s="273">
        <v>111290</v>
      </c>
      <c r="BP14" s="274">
        <v>111290</v>
      </c>
      <c r="BQ14" s="269">
        <v>0</v>
      </c>
      <c r="BR14" s="270">
        <v>16930</v>
      </c>
      <c r="BS14" s="271">
        <v>16930</v>
      </c>
      <c r="BT14" s="272">
        <v>0</v>
      </c>
      <c r="BU14" s="270">
        <v>132334</v>
      </c>
      <c r="BV14" s="270">
        <v>226109</v>
      </c>
      <c r="BW14" s="270">
        <v>231178</v>
      </c>
      <c r="BX14" s="270">
        <v>339227</v>
      </c>
      <c r="BY14" s="270">
        <v>114001</v>
      </c>
      <c r="BZ14" s="273">
        <v>1042849</v>
      </c>
      <c r="CA14" s="274">
        <v>1059779</v>
      </c>
      <c r="CB14" s="269">
        <v>0</v>
      </c>
      <c r="CC14" s="270">
        <v>0</v>
      </c>
      <c r="CD14" s="271">
        <v>0</v>
      </c>
      <c r="CE14" s="272">
        <v>0</v>
      </c>
      <c r="CF14" s="270">
        <v>0</v>
      </c>
      <c r="CG14" s="270">
        <v>3723</v>
      </c>
      <c r="CH14" s="270">
        <v>0</v>
      </c>
      <c r="CI14" s="270">
        <v>7964</v>
      </c>
      <c r="CJ14" s="270">
        <v>14584</v>
      </c>
      <c r="CK14" s="273">
        <v>26271</v>
      </c>
      <c r="CL14" s="274">
        <v>26271</v>
      </c>
      <c r="CM14" s="269">
        <v>0</v>
      </c>
      <c r="CN14" s="270">
        <v>0</v>
      </c>
      <c r="CO14" s="271">
        <v>0</v>
      </c>
      <c r="CP14" s="272">
        <v>0</v>
      </c>
      <c r="CQ14" s="270">
        <v>0</v>
      </c>
      <c r="CR14" s="270">
        <v>0</v>
      </c>
      <c r="CS14" s="270">
        <v>0</v>
      </c>
      <c r="CT14" s="270">
        <v>0</v>
      </c>
      <c r="CU14" s="270">
        <v>0</v>
      </c>
      <c r="CV14" s="273">
        <v>0</v>
      </c>
      <c r="CW14" s="274">
        <v>0</v>
      </c>
      <c r="CX14" s="269">
        <v>0</v>
      </c>
      <c r="CY14" s="270">
        <v>0</v>
      </c>
      <c r="CZ14" s="271">
        <v>0</v>
      </c>
      <c r="DA14" s="470">
        <v>0</v>
      </c>
      <c r="DB14" s="270">
        <v>0</v>
      </c>
      <c r="DC14" s="270">
        <v>0</v>
      </c>
      <c r="DD14" s="270">
        <v>0</v>
      </c>
      <c r="DE14" s="270">
        <v>0</v>
      </c>
      <c r="DF14" s="270">
        <v>0</v>
      </c>
      <c r="DG14" s="273">
        <v>0</v>
      </c>
      <c r="DH14" s="274">
        <v>0</v>
      </c>
      <c r="DI14" s="269">
        <v>0</v>
      </c>
      <c r="DJ14" s="270">
        <v>20207</v>
      </c>
      <c r="DK14" s="271">
        <v>20207</v>
      </c>
      <c r="DL14" s="272">
        <v>0</v>
      </c>
      <c r="DM14" s="270">
        <v>425447</v>
      </c>
      <c r="DN14" s="270">
        <v>953861</v>
      </c>
      <c r="DO14" s="270">
        <v>3175694</v>
      </c>
      <c r="DP14" s="270">
        <v>5332829</v>
      </c>
      <c r="DQ14" s="270">
        <v>4328111</v>
      </c>
      <c r="DR14" s="273">
        <v>14215942</v>
      </c>
      <c r="DS14" s="275">
        <v>14236149</v>
      </c>
      <c r="DT14" s="269">
        <v>0</v>
      </c>
      <c r="DU14" s="270">
        <v>0</v>
      </c>
      <c r="DV14" s="271">
        <v>0</v>
      </c>
      <c r="DW14" s="470">
        <v>0</v>
      </c>
      <c r="DX14" s="270">
        <v>143530</v>
      </c>
      <c r="DY14" s="270">
        <v>504074</v>
      </c>
      <c r="DZ14" s="270">
        <v>2583808</v>
      </c>
      <c r="EA14" s="270">
        <v>4555376</v>
      </c>
      <c r="EB14" s="270">
        <v>3888513</v>
      </c>
      <c r="EC14" s="273">
        <v>11675301</v>
      </c>
      <c r="ED14" s="274">
        <v>11675301</v>
      </c>
      <c r="EE14" s="269">
        <v>0</v>
      </c>
      <c r="EF14" s="270">
        <v>0</v>
      </c>
      <c r="EG14" s="271">
        <v>0</v>
      </c>
      <c r="EH14" s="470">
        <v>0</v>
      </c>
      <c r="EI14" s="270">
        <v>89382</v>
      </c>
      <c r="EJ14" s="270">
        <v>67776</v>
      </c>
      <c r="EK14" s="270">
        <v>134562</v>
      </c>
      <c r="EL14" s="270">
        <v>167114</v>
      </c>
      <c r="EM14" s="270">
        <v>86874</v>
      </c>
      <c r="EN14" s="273">
        <v>545708</v>
      </c>
      <c r="EO14" s="274">
        <v>545708</v>
      </c>
      <c r="EP14" s="269">
        <v>0</v>
      </c>
      <c r="EQ14" s="270">
        <v>0</v>
      </c>
      <c r="ER14" s="271">
        <v>0</v>
      </c>
      <c r="ES14" s="470">
        <v>0</v>
      </c>
      <c r="ET14" s="270">
        <v>0</v>
      </c>
      <c r="EU14" s="270">
        <v>0</v>
      </c>
      <c r="EV14" s="270">
        <v>0</v>
      </c>
      <c r="EW14" s="270">
        <v>0</v>
      </c>
      <c r="EX14" s="270">
        <v>0</v>
      </c>
      <c r="EY14" s="273">
        <v>0</v>
      </c>
      <c r="EZ14" s="274">
        <v>0</v>
      </c>
      <c r="FA14" s="269">
        <v>0</v>
      </c>
      <c r="FB14" s="270">
        <v>0</v>
      </c>
      <c r="FC14" s="271">
        <v>0</v>
      </c>
      <c r="FD14" s="470">
        <v>0</v>
      </c>
      <c r="FE14" s="270">
        <v>0</v>
      </c>
      <c r="FF14" s="270">
        <v>0</v>
      </c>
      <c r="FG14" s="270">
        <v>0</v>
      </c>
      <c r="FH14" s="270">
        <v>434</v>
      </c>
      <c r="FI14" s="270">
        <v>2681</v>
      </c>
      <c r="FJ14" s="273">
        <v>3115</v>
      </c>
      <c r="FK14" s="274">
        <v>3115</v>
      </c>
      <c r="FL14" s="269">
        <v>0</v>
      </c>
      <c r="FM14" s="270">
        <v>0</v>
      </c>
      <c r="FN14" s="271">
        <v>0</v>
      </c>
      <c r="FO14" s="470">
        <v>0</v>
      </c>
      <c r="FP14" s="270">
        <v>0</v>
      </c>
      <c r="FQ14" s="270">
        <v>0</v>
      </c>
      <c r="FR14" s="270">
        <v>0</v>
      </c>
      <c r="FS14" s="270">
        <v>36766</v>
      </c>
      <c r="FT14" s="270">
        <v>157232</v>
      </c>
      <c r="FU14" s="273">
        <v>193998</v>
      </c>
      <c r="FV14" s="274">
        <v>193998</v>
      </c>
      <c r="FW14" s="269">
        <v>0</v>
      </c>
      <c r="FX14" s="270">
        <v>20207</v>
      </c>
      <c r="FY14" s="271">
        <v>20207</v>
      </c>
      <c r="FZ14" s="272">
        <v>0</v>
      </c>
      <c r="GA14" s="270">
        <v>192535</v>
      </c>
      <c r="GB14" s="270">
        <v>380551</v>
      </c>
      <c r="GC14" s="270">
        <v>457310</v>
      </c>
      <c r="GD14" s="270">
        <v>570500</v>
      </c>
      <c r="GE14" s="270">
        <v>187882</v>
      </c>
      <c r="GF14" s="273">
        <v>1788778</v>
      </c>
      <c r="GG14" s="274">
        <v>1808985</v>
      </c>
      <c r="GH14" s="269">
        <v>0</v>
      </c>
      <c r="GI14" s="270">
        <v>0</v>
      </c>
      <c r="GJ14" s="271">
        <v>0</v>
      </c>
      <c r="GK14" s="272">
        <v>0</v>
      </c>
      <c r="GL14" s="270">
        <v>0</v>
      </c>
      <c r="GM14" s="270">
        <v>1460</v>
      </c>
      <c r="GN14" s="270">
        <v>14</v>
      </c>
      <c r="GO14" s="270">
        <v>2639</v>
      </c>
      <c r="GP14" s="270">
        <v>4929</v>
      </c>
      <c r="GQ14" s="273">
        <v>9042</v>
      </c>
      <c r="GR14" s="274">
        <v>9042</v>
      </c>
      <c r="GS14" s="269">
        <v>0</v>
      </c>
      <c r="GT14" s="270">
        <v>0</v>
      </c>
      <c r="GU14" s="271">
        <v>0</v>
      </c>
      <c r="GV14" s="272">
        <v>0</v>
      </c>
      <c r="GW14" s="270">
        <v>0</v>
      </c>
      <c r="GX14" s="270">
        <v>0</v>
      </c>
      <c r="GY14" s="270">
        <v>0</v>
      </c>
      <c r="GZ14" s="270">
        <v>0</v>
      </c>
      <c r="HA14" s="270">
        <v>0</v>
      </c>
      <c r="HB14" s="273">
        <v>0</v>
      </c>
      <c r="HC14" s="274">
        <v>0</v>
      </c>
      <c r="HD14" s="269">
        <v>0</v>
      </c>
      <c r="HE14" s="270">
        <v>0</v>
      </c>
      <c r="HF14" s="271">
        <v>0</v>
      </c>
      <c r="HG14" s="470">
        <v>0</v>
      </c>
      <c r="HH14" s="270">
        <v>0</v>
      </c>
      <c r="HI14" s="270">
        <v>0</v>
      </c>
      <c r="HJ14" s="270">
        <v>0</v>
      </c>
      <c r="HK14" s="270">
        <v>0</v>
      </c>
      <c r="HL14" s="270">
        <v>0</v>
      </c>
      <c r="HM14" s="273">
        <v>0</v>
      </c>
      <c r="HN14" s="274">
        <v>0</v>
      </c>
      <c r="HO14" s="269">
        <v>0</v>
      </c>
      <c r="HP14" s="270">
        <v>37137</v>
      </c>
      <c r="HQ14" s="271">
        <v>37137</v>
      </c>
      <c r="HR14" s="272">
        <v>0</v>
      </c>
      <c r="HS14" s="270">
        <v>1077550</v>
      </c>
      <c r="HT14" s="270">
        <v>2039918</v>
      </c>
      <c r="HU14" s="270">
        <v>5967844</v>
      </c>
      <c r="HV14" s="270">
        <v>9908803</v>
      </c>
      <c r="HW14" s="270">
        <v>8465028</v>
      </c>
      <c r="HX14" s="273">
        <v>27459143</v>
      </c>
      <c r="HY14" s="274">
        <v>27496280</v>
      </c>
    </row>
    <row r="15" spans="2:233" ht="21" customHeight="1" x14ac:dyDescent="0.2">
      <c r="B15" s="437" t="s">
        <v>11</v>
      </c>
      <c r="C15" s="269">
        <v>0</v>
      </c>
      <c r="D15" s="270">
        <v>3760</v>
      </c>
      <c r="E15" s="271">
        <v>3760</v>
      </c>
      <c r="F15" s="272">
        <v>0</v>
      </c>
      <c r="G15" s="270">
        <v>755467</v>
      </c>
      <c r="H15" s="270">
        <v>919009</v>
      </c>
      <c r="I15" s="270">
        <v>2894247</v>
      </c>
      <c r="J15" s="270">
        <v>4193817</v>
      </c>
      <c r="K15" s="270">
        <v>2569383</v>
      </c>
      <c r="L15" s="273">
        <v>11331923</v>
      </c>
      <c r="M15" s="274">
        <v>11335683</v>
      </c>
      <c r="N15" s="269">
        <v>0</v>
      </c>
      <c r="O15" s="270">
        <v>0</v>
      </c>
      <c r="P15" s="271">
        <v>0</v>
      </c>
      <c r="Q15" s="470">
        <v>0</v>
      </c>
      <c r="R15" s="270">
        <v>0</v>
      </c>
      <c r="S15" s="270">
        <v>128495</v>
      </c>
      <c r="T15" s="270">
        <v>1676370</v>
      </c>
      <c r="U15" s="270">
        <v>2747200</v>
      </c>
      <c r="V15" s="270">
        <v>1638055</v>
      </c>
      <c r="W15" s="273">
        <v>6190120</v>
      </c>
      <c r="X15" s="274">
        <v>6190120</v>
      </c>
      <c r="Y15" s="269">
        <v>0</v>
      </c>
      <c r="Z15" s="270">
        <v>0</v>
      </c>
      <c r="AA15" s="271">
        <v>0</v>
      </c>
      <c r="AB15" s="470">
        <v>0</v>
      </c>
      <c r="AC15" s="270">
        <v>616340</v>
      </c>
      <c r="AD15" s="270">
        <v>579945</v>
      </c>
      <c r="AE15" s="270">
        <v>849567</v>
      </c>
      <c r="AF15" s="270">
        <v>1275037</v>
      </c>
      <c r="AG15" s="270">
        <v>435180</v>
      </c>
      <c r="AH15" s="273">
        <v>3756069</v>
      </c>
      <c r="AI15" s="274">
        <v>3756069</v>
      </c>
      <c r="AJ15" s="269">
        <v>0</v>
      </c>
      <c r="AK15" s="270">
        <v>0</v>
      </c>
      <c r="AL15" s="271">
        <v>0</v>
      </c>
      <c r="AM15" s="470">
        <v>0</v>
      </c>
      <c r="AN15" s="270">
        <v>0</v>
      </c>
      <c r="AO15" s="270">
        <v>0</v>
      </c>
      <c r="AP15" s="270">
        <v>0</v>
      </c>
      <c r="AQ15" s="270">
        <v>0</v>
      </c>
      <c r="AR15" s="270">
        <v>0</v>
      </c>
      <c r="AS15" s="273">
        <v>0</v>
      </c>
      <c r="AT15" s="274">
        <v>0</v>
      </c>
      <c r="AU15" s="269">
        <v>0</v>
      </c>
      <c r="AV15" s="270">
        <v>0</v>
      </c>
      <c r="AW15" s="271">
        <v>0</v>
      </c>
      <c r="AX15" s="470">
        <v>0</v>
      </c>
      <c r="AY15" s="270">
        <v>95480</v>
      </c>
      <c r="AZ15" s="270">
        <v>93185</v>
      </c>
      <c r="BA15" s="270">
        <v>95325</v>
      </c>
      <c r="BB15" s="270">
        <v>79205</v>
      </c>
      <c r="BC15" s="270">
        <v>402110</v>
      </c>
      <c r="BD15" s="273">
        <v>765305</v>
      </c>
      <c r="BE15" s="274">
        <v>765305</v>
      </c>
      <c r="BF15" s="269">
        <v>0</v>
      </c>
      <c r="BG15" s="270">
        <v>0</v>
      </c>
      <c r="BH15" s="271">
        <v>0</v>
      </c>
      <c r="BI15" s="470">
        <v>0</v>
      </c>
      <c r="BJ15" s="270">
        <v>0</v>
      </c>
      <c r="BK15" s="270">
        <v>24645</v>
      </c>
      <c r="BL15" s="270">
        <v>0</v>
      </c>
      <c r="BM15" s="270">
        <v>0</v>
      </c>
      <c r="BN15" s="270">
        <v>0</v>
      </c>
      <c r="BO15" s="273">
        <v>24645</v>
      </c>
      <c r="BP15" s="274">
        <v>24645</v>
      </c>
      <c r="BQ15" s="269">
        <v>0</v>
      </c>
      <c r="BR15" s="270">
        <v>3760</v>
      </c>
      <c r="BS15" s="271">
        <v>3760</v>
      </c>
      <c r="BT15" s="272">
        <v>0</v>
      </c>
      <c r="BU15" s="270">
        <v>43647</v>
      </c>
      <c r="BV15" s="270">
        <v>89529</v>
      </c>
      <c r="BW15" s="270">
        <v>272260</v>
      </c>
      <c r="BX15" s="270">
        <v>92375</v>
      </c>
      <c r="BY15" s="270">
        <v>94038</v>
      </c>
      <c r="BZ15" s="273">
        <v>591849</v>
      </c>
      <c r="CA15" s="274">
        <v>595609</v>
      </c>
      <c r="CB15" s="269">
        <v>0</v>
      </c>
      <c r="CC15" s="270">
        <v>0</v>
      </c>
      <c r="CD15" s="271">
        <v>0</v>
      </c>
      <c r="CE15" s="272">
        <v>0</v>
      </c>
      <c r="CF15" s="270">
        <v>0</v>
      </c>
      <c r="CG15" s="270">
        <v>3210</v>
      </c>
      <c r="CH15" s="270">
        <v>725</v>
      </c>
      <c r="CI15" s="270">
        <v>0</v>
      </c>
      <c r="CJ15" s="270">
        <v>0</v>
      </c>
      <c r="CK15" s="273">
        <v>3935</v>
      </c>
      <c r="CL15" s="274">
        <v>3935</v>
      </c>
      <c r="CM15" s="269">
        <v>0</v>
      </c>
      <c r="CN15" s="270">
        <v>0</v>
      </c>
      <c r="CO15" s="271">
        <v>0</v>
      </c>
      <c r="CP15" s="272">
        <v>0</v>
      </c>
      <c r="CQ15" s="270">
        <v>0</v>
      </c>
      <c r="CR15" s="270">
        <v>0</v>
      </c>
      <c r="CS15" s="270">
        <v>0</v>
      </c>
      <c r="CT15" s="270">
        <v>0</v>
      </c>
      <c r="CU15" s="270">
        <v>0</v>
      </c>
      <c r="CV15" s="273">
        <v>0</v>
      </c>
      <c r="CW15" s="274">
        <v>0</v>
      </c>
      <c r="CX15" s="269">
        <v>0</v>
      </c>
      <c r="CY15" s="270">
        <v>0</v>
      </c>
      <c r="CZ15" s="271">
        <v>0</v>
      </c>
      <c r="DA15" s="470">
        <v>0</v>
      </c>
      <c r="DB15" s="270">
        <v>0</v>
      </c>
      <c r="DC15" s="270">
        <v>0</v>
      </c>
      <c r="DD15" s="270">
        <v>0</v>
      </c>
      <c r="DE15" s="270">
        <v>0</v>
      </c>
      <c r="DF15" s="270">
        <v>0</v>
      </c>
      <c r="DG15" s="273">
        <v>0</v>
      </c>
      <c r="DH15" s="274">
        <v>0</v>
      </c>
      <c r="DI15" s="269">
        <v>0</v>
      </c>
      <c r="DJ15" s="270">
        <v>4480</v>
      </c>
      <c r="DK15" s="271">
        <v>4480</v>
      </c>
      <c r="DL15" s="272">
        <v>0</v>
      </c>
      <c r="DM15" s="270">
        <v>211085</v>
      </c>
      <c r="DN15" s="270">
        <v>358996</v>
      </c>
      <c r="DO15" s="270">
        <v>2736683</v>
      </c>
      <c r="DP15" s="270">
        <v>3793169</v>
      </c>
      <c r="DQ15" s="270">
        <v>2018759</v>
      </c>
      <c r="DR15" s="273">
        <v>9118692</v>
      </c>
      <c r="DS15" s="275">
        <v>9123172</v>
      </c>
      <c r="DT15" s="269">
        <v>0</v>
      </c>
      <c r="DU15" s="270">
        <v>0</v>
      </c>
      <c r="DV15" s="271">
        <v>0</v>
      </c>
      <c r="DW15" s="470">
        <v>0</v>
      </c>
      <c r="DX15" s="270">
        <v>0</v>
      </c>
      <c r="DY15" s="270">
        <v>118327</v>
      </c>
      <c r="DZ15" s="270">
        <v>2166338</v>
      </c>
      <c r="EA15" s="270">
        <v>3443516</v>
      </c>
      <c r="EB15" s="270">
        <v>1817219</v>
      </c>
      <c r="EC15" s="273">
        <v>7545400</v>
      </c>
      <c r="ED15" s="274">
        <v>7545400</v>
      </c>
      <c r="EE15" s="269">
        <v>0</v>
      </c>
      <c r="EF15" s="270">
        <v>0</v>
      </c>
      <c r="EG15" s="271">
        <v>0</v>
      </c>
      <c r="EH15" s="470">
        <v>0</v>
      </c>
      <c r="EI15" s="270">
        <v>125451</v>
      </c>
      <c r="EJ15" s="270">
        <v>90166</v>
      </c>
      <c r="EK15" s="270">
        <v>244593</v>
      </c>
      <c r="EL15" s="270">
        <v>226116</v>
      </c>
      <c r="EM15" s="270">
        <v>46237</v>
      </c>
      <c r="EN15" s="273">
        <v>732563</v>
      </c>
      <c r="EO15" s="274">
        <v>732563</v>
      </c>
      <c r="EP15" s="269">
        <v>0</v>
      </c>
      <c r="EQ15" s="270">
        <v>0</v>
      </c>
      <c r="ER15" s="271">
        <v>0</v>
      </c>
      <c r="ES15" s="470">
        <v>0</v>
      </c>
      <c r="ET15" s="270">
        <v>0</v>
      </c>
      <c r="EU15" s="270">
        <v>0</v>
      </c>
      <c r="EV15" s="270">
        <v>0</v>
      </c>
      <c r="EW15" s="270">
        <v>0</v>
      </c>
      <c r="EX15" s="270">
        <v>0</v>
      </c>
      <c r="EY15" s="273">
        <v>0</v>
      </c>
      <c r="EZ15" s="274">
        <v>0</v>
      </c>
      <c r="FA15" s="269">
        <v>0</v>
      </c>
      <c r="FB15" s="270">
        <v>0</v>
      </c>
      <c r="FC15" s="271">
        <v>0</v>
      </c>
      <c r="FD15" s="470">
        <v>0</v>
      </c>
      <c r="FE15" s="270">
        <v>12338</v>
      </c>
      <c r="FF15" s="270">
        <v>23030</v>
      </c>
      <c r="FG15" s="270">
        <v>1085</v>
      </c>
      <c r="FH15" s="270">
        <v>1085</v>
      </c>
      <c r="FI15" s="270">
        <v>60591</v>
      </c>
      <c r="FJ15" s="273">
        <v>98129</v>
      </c>
      <c r="FK15" s="274">
        <v>98129</v>
      </c>
      <c r="FL15" s="269">
        <v>0</v>
      </c>
      <c r="FM15" s="270">
        <v>0</v>
      </c>
      <c r="FN15" s="271">
        <v>0</v>
      </c>
      <c r="FO15" s="470">
        <v>0</v>
      </c>
      <c r="FP15" s="270">
        <v>0</v>
      </c>
      <c r="FQ15" s="270">
        <v>21576</v>
      </c>
      <c r="FR15" s="270">
        <v>0</v>
      </c>
      <c r="FS15" s="270">
        <v>0</v>
      </c>
      <c r="FT15" s="270">
        <v>0</v>
      </c>
      <c r="FU15" s="273">
        <v>21576</v>
      </c>
      <c r="FV15" s="274">
        <v>21576</v>
      </c>
      <c r="FW15" s="269">
        <v>0</v>
      </c>
      <c r="FX15" s="270">
        <v>4480</v>
      </c>
      <c r="FY15" s="271">
        <v>4480</v>
      </c>
      <c r="FZ15" s="272">
        <v>0</v>
      </c>
      <c r="GA15" s="270">
        <v>73296</v>
      </c>
      <c r="GB15" s="270">
        <v>105869</v>
      </c>
      <c r="GC15" s="270">
        <v>324632</v>
      </c>
      <c r="GD15" s="270">
        <v>122452</v>
      </c>
      <c r="GE15" s="270">
        <v>94712</v>
      </c>
      <c r="GF15" s="273">
        <v>720961</v>
      </c>
      <c r="GG15" s="274">
        <v>725441</v>
      </c>
      <c r="GH15" s="269">
        <v>0</v>
      </c>
      <c r="GI15" s="270">
        <v>0</v>
      </c>
      <c r="GJ15" s="271">
        <v>0</v>
      </c>
      <c r="GK15" s="272">
        <v>0</v>
      </c>
      <c r="GL15" s="270">
        <v>0</v>
      </c>
      <c r="GM15" s="270">
        <v>28</v>
      </c>
      <c r="GN15" s="270">
        <v>35</v>
      </c>
      <c r="GO15" s="270">
        <v>0</v>
      </c>
      <c r="GP15" s="270">
        <v>0</v>
      </c>
      <c r="GQ15" s="273">
        <v>63</v>
      </c>
      <c r="GR15" s="274">
        <v>63</v>
      </c>
      <c r="GS15" s="269">
        <v>0</v>
      </c>
      <c r="GT15" s="270">
        <v>0</v>
      </c>
      <c r="GU15" s="271">
        <v>0</v>
      </c>
      <c r="GV15" s="272">
        <v>0</v>
      </c>
      <c r="GW15" s="270">
        <v>0</v>
      </c>
      <c r="GX15" s="270">
        <v>0</v>
      </c>
      <c r="GY15" s="270">
        <v>0</v>
      </c>
      <c r="GZ15" s="270">
        <v>0</v>
      </c>
      <c r="HA15" s="270">
        <v>0</v>
      </c>
      <c r="HB15" s="273">
        <v>0</v>
      </c>
      <c r="HC15" s="274">
        <v>0</v>
      </c>
      <c r="HD15" s="269">
        <v>0</v>
      </c>
      <c r="HE15" s="270">
        <v>0</v>
      </c>
      <c r="HF15" s="271">
        <v>0</v>
      </c>
      <c r="HG15" s="470">
        <v>0</v>
      </c>
      <c r="HH15" s="270">
        <v>0</v>
      </c>
      <c r="HI15" s="270">
        <v>0</v>
      </c>
      <c r="HJ15" s="270">
        <v>0</v>
      </c>
      <c r="HK15" s="270">
        <v>0</v>
      </c>
      <c r="HL15" s="270">
        <v>0</v>
      </c>
      <c r="HM15" s="273">
        <v>0</v>
      </c>
      <c r="HN15" s="274">
        <v>0</v>
      </c>
      <c r="HO15" s="269">
        <v>0</v>
      </c>
      <c r="HP15" s="270">
        <v>8240</v>
      </c>
      <c r="HQ15" s="271">
        <v>8240</v>
      </c>
      <c r="HR15" s="272">
        <v>0</v>
      </c>
      <c r="HS15" s="270">
        <v>966552</v>
      </c>
      <c r="HT15" s="270">
        <v>1278005</v>
      </c>
      <c r="HU15" s="270">
        <v>5630930</v>
      </c>
      <c r="HV15" s="270">
        <v>7986986</v>
      </c>
      <c r="HW15" s="270">
        <v>4588142</v>
      </c>
      <c r="HX15" s="273">
        <v>20450615</v>
      </c>
      <c r="HY15" s="274">
        <v>20458855</v>
      </c>
    </row>
    <row r="16" spans="2:233" ht="21" customHeight="1" x14ac:dyDescent="0.2">
      <c r="B16" s="437" t="s">
        <v>12</v>
      </c>
      <c r="C16" s="269">
        <v>4325</v>
      </c>
      <c r="D16" s="270">
        <v>9295</v>
      </c>
      <c r="E16" s="271">
        <v>13620</v>
      </c>
      <c r="F16" s="272">
        <v>0</v>
      </c>
      <c r="G16" s="270">
        <v>150373</v>
      </c>
      <c r="H16" s="270">
        <v>749948</v>
      </c>
      <c r="I16" s="270">
        <v>2428778</v>
      </c>
      <c r="J16" s="270">
        <v>3986654</v>
      </c>
      <c r="K16" s="270">
        <v>1758580</v>
      </c>
      <c r="L16" s="273">
        <v>9074333</v>
      </c>
      <c r="M16" s="274">
        <v>9087953</v>
      </c>
      <c r="N16" s="269">
        <v>0</v>
      </c>
      <c r="O16" s="270">
        <v>0</v>
      </c>
      <c r="P16" s="271">
        <v>0</v>
      </c>
      <c r="Q16" s="470">
        <v>0</v>
      </c>
      <c r="R16" s="270">
        <v>2635</v>
      </c>
      <c r="S16" s="270">
        <v>76915</v>
      </c>
      <c r="T16" s="270">
        <v>1462554</v>
      </c>
      <c r="U16" s="270">
        <v>2757683</v>
      </c>
      <c r="V16" s="270">
        <v>1138280</v>
      </c>
      <c r="W16" s="273">
        <v>5438067</v>
      </c>
      <c r="X16" s="274">
        <v>5438067</v>
      </c>
      <c r="Y16" s="269">
        <v>0</v>
      </c>
      <c r="Z16" s="270">
        <v>0</v>
      </c>
      <c r="AA16" s="271">
        <v>0</v>
      </c>
      <c r="AB16" s="470">
        <v>0</v>
      </c>
      <c r="AC16" s="270">
        <v>111978</v>
      </c>
      <c r="AD16" s="270">
        <v>604650</v>
      </c>
      <c r="AE16" s="270">
        <v>740500</v>
      </c>
      <c r="AF16" s="270">
        <v>806281</v>
      </c>
      <c r="AG16" s="270">
        <v>427400</v>
      </c>
      <c r="AH16" s="273">
        <v>2690809</v>
      </c>
      <c r="AI16" s="274">
        <v>2690809</v>
      </c>
      <c r="AJ16" s="269">
        <v>0</v>
      </c>
      <c r="AK16" s="270">
        <v>0</v>
      </c>
      <c r="AL16" s="271">
        <v>0</v>
      </c>
      <c r="AM16" s="470">
        <v>0</v>
      </c>
      <c r="AN16" s="270">
        <v>0</v>
      </c>
      <c r="AO16" s="270">
        <v>0</v>
      </c>
      <c r="AP16" s="270">
        <v>0</v>
      </c>
      <c r="AQ16" s="270">
        <v>0</v>
      </c>
      <c r="AR16" s="270">
        <v>0</v>
      </c>
      <c r="AS16" s="273">
        <v>0</v>
      </c>
      <c r="AT16" s="274">
        <v>0</v>
      </c>
      <c r="AU16" s="269">
        <v>0</v>
      </c>
      <c r="AV16" s="270">
        <v>0</v>
      </c>
      <c r="AW16" s="271">
        <v>0</v>
      </c>
      <c r="AX16" s="470">
        <v>0</v>
      </c>
      <c r="AY16" s="270">
        <v>0</v>
      </c>
      <c r="AZ16" s="270">
        <v>0</v>
      </c>
      <c r="BA16" s="270">
        <v>0</v>
      </c>
      <c r="BB16" s="270">
        <v>40610</v>
      </c>
      <c r="BC16" s="270">
        <v>37820</v>
      </c>
      <c r="BD16" s="273">
        <v>78430</v>
      </c>
      <c r="BE16" s="274">
        <v>78430</v>
      </c>
      <c r="BF16" s="269">
        <v>0</v>
      </c>
      <c r="BG16" s="270">
        <v>0</v>
      </c>
      <c r="BH16" s="271">
        <v>0</v>
      </c>
      <c r="BI16" s="470">
        <v>0</v>
      </c>
      <c r="BJ16" s="270">
        <v>0</v>
      </c>
      <c r="BK16" s="270">
        <v>0</v>
      </c>
      <c r="BL16" s="270">
        <v>93130</v>
      </c>
      <c r="BM16" s="270">
        <v>100595</v>
      </c>
      <c r="BN16" s="270">
        <v>35935</v>
      </c>
      <c r="BO16" s="273">
        <v>229660</v>
      </c>
      <c r="BP16" s="274">
        <v>229660</v>
      </c>
      <c r="BQ16" s="269">
        <v>4325</v>
      </c>
      <c r="BR16" s="270">
        <v>9295</v>
      </c>
      <c r="BS16" s="271">
        <v>13620</v>
      </c>
      <c r="BT16" s="272">
        <v>0</v>
      </c>
      <c r="BU16" s="270">
        <v>29555</v>
      </c>
      <c r="BV16" s="270">
        <v>68383</v>
      </c>
      <c r="BW16" s="270">
        <v>129479</v>
      </c>
      <c r="BX16" s="270">
        <v>281485</v>
      </c>
      <c r="BY16" s="270">
        <v>119145</v>
      </c>
      <c r="BZ16" s="273">
        <v>628047</v>
      </c>
      <c r="CA16" s="274">
        <v>641667</v>
      </c>
      <c r="CB16" s="269">
        <v>0</v>
      </c>
      <c r="CC16" s="270">
        <v>0</v>
      </c>
      <c r="CD16" s="271">
        <v>0</v>
      </c>
      <c r="CE16" s="272">
        <v>0</v>
      </c>
      <c r="CF16" s="270">
        <v>6205</v>
      </c>
      <c r="CG16" s="270">
        <v>0</v>
      </c>
      <c r="CH16" s="270">
        <v>3115</v>
      </c>
      <c r="CI16" s="270">
        <v>0</v>
      </c>
      <c r="CJ16" s="270">
        <v>0</v>
      </c>
      <c r="CK16" s="273">
        <v>9320</v>
      </c>
      <c r="CL16" s="274">
        <v>9320</v>
      </c>
      <c r="CM16" s="269">
        <v>0</v>
      </c>
      <c r="CN16" s="270">
        <v>0</v>
      </c>
      <c r="CO16" s="271">
        <v>0</v>
      </c>
      <c r="CP16" s="272">
        <v>0</v>
      </c>
      <c r="CQ16" s="270">
        <v>0</v>
      </c>
      <c r="CR16" s="270">
        <v>0</v>
      </c>
      <c r="CS16" s="270">
        <v>0</v>
      </c>
      <c r="CT16" s="270">
        <v>0</v>
      </c>
      <c r="CU16" s="270">
        <v>0</v>
      </c>
      <c r="CV16" s="273">
        <v>0</v>
      </c>
      <c r="CW16" s="274">
        <v>0</v>
      </c>
      <c r="CX16" s="269">
        <v>0</v>
      </c>
      <c r="CY16" s="270">
        <v>0</v>
      </c>
      <c r="CZ16" s="271">
        <v>0</v>
      </c>
      <c r="DA16" s="470">
        <v>0</v>
      </c>
      <c r="DB16" s="270">
        <v>0</v>
      </c>
      <c r="DC16" s="270">
        <v>0</v>
      </c>
      <c r="DD16" s="270">
        <v>0</v>
      </c>
      <c r="DE16" s="270">
        <v>0</v>
      </c>
      <c r="DF16" s="270">
        <v>0</v>
      </c>
      <c r="DG16" s="273">
        <v>0</v>
      </c>
      <c r="DH16" s="274">
        <v>0</v>
      </c>
      <c r="DI16" s="269">
        <v>3255</v>
      </c>
      <c r="DJ16" s="270">
        <v>18408</v>
      </c>
      <c r="DK16" s="271">
        <v>21663</v>
      </c>
      <c r="DL16" s="272">
        <v>0</v>
      </c>
      <c r="DM16" s="270">
        <v>135777</v>
      </c>
      <c r="DN16" s="270">
        <v>470543</v>
      </c>
      <c r="DO16" s="270">
        <v>2732577</v>
      </c>
      <c r="DP16" s="270">
        <v>4076009</v>
      </c>
      <c r="DQ16" s="270">
        <v>2013513</v>
      </c>
      <c r="DR16" s="273">
        <v>9428419</v>
      </c>
      <c r="DS16" s="275">
        <v>9450082</v>
      </c>
      <c r="DT16" s="269">
        <v>0</v>
      </c>
      <c r="DU16" s="270">
        <v>0</v>
      </c>
      <c r="DV16" s="271">
        <v>0</v>
      </c>
      <c r="DW16" s="470">
        <v>0</v>
      </c>
      <c r="DX16" s="270">
        <v>21576</v>
      </c>
      <c r="DY16" s="270">
        <v>270067</v>
      </c>
      <c r="DZ16" s="270">
        <v>2214977</v>
      </c>
      <c r="EA16" s="270">
        <v>3325121</v>
      </c>
      <c r="EB16" s="270">
        <v>1660859</v>
      </c>
      <c r="EC16" s="273">
        <v>7492600</v>
      </c>
      <c r="ED16" s="274">
        <v>7492600</v>
      </c>
      <c r="EE16" s="269">
        <v>0</v>
      </c>
      <c r="EF16" s="270">
        <v>0</v>
      </c>
      <c r="EG16" s="271">
        <v>0</v>
      </c>
      <c r="EH16" s="470">
        <v>0</v>
      </c>
      <c r="EI16" s="270">
        <v>42208</v>
      </c>
      <c r="EJ16" s="270">
        <v>51514</v>
      </c>
      <c r="EK16" s="270">
        <v>137486</v>
      </c>
      <c r="EL16" s="270">
        <v>163398</v>
      </c>
      <c r="EM16" s="270">
        <v>47763</v>
      </c>
      <c r="EN16" s="273">
        <v>442369</v>
      </c>
      <c r="EO16" s="274">
        <v>442369</v>
      </c>
      <c r="EP16" s="269">
        <v>0</v>
      </c>
      <c r="EQ16" s="270">
        <v>0</v>
      </c>
      <c r="ER16" s="271">
        <v>0</v>
      </c>
      <c r="ES16" s="470">
        <v>0</v>
      </c>
      <c r="ET16" s="270">
        <v>0</v>
      </c>
      <c r="EU16" s="270">
        <v>0</v>
      </c>
      <c r="EV16" s="270">
        <v>0</v>
      </c>
      <c r="EW16" s="270">
        <v>0</v>
      </c>
      <c r="EX16" s="270">
        <v>0</v>
      </c>
      <c r="EY16" s="273">
        <v>0</v>
      </c>
      <c r="EZ16" s="274">
        <v>0</v>
      </c>
      <c r="FA16" s="269">
        <v>0</v>
      </c>
      <c r="FB16" s="270">
        <v>0</v>
      </c>
      <c r="FC16" s="271">
        <v>0</v>
      </c>
      <c r="FD16" s="470">
        <v>0</v>
      </c>
      <c r="FE16" s="270">
        <v>0</v>
      </c>
      <c r="FF16" s="270">
        <v>0</v>
      </c>
      <c r="FG16" s="270">
        <v>0</v>
      </c>
      <c r="FH16" s="270">
        <v>868</v>
      </c>
      <c r="FI16" s="270">
        <v>1309</v>
      </c>
      <c r="FJ16" s="273">
        <v>2177</v>
      </c>
      <c r="FK16" s="274">
        <v>2177</v>
      </c>
      <c r="FL16" s="269">
        <v>0</v>
      </c>
      <c r="FM16" s="270">
        <v>0</v>
      </c>
      <c r="FN16" s="271">
        <v>0</v>
      </c>
      <c r="FO16" s="470">
        <v>0</v>
      </c>
      <c r="FP16" s="270">
        <v>0</v>
      </c>
      <c r="FQ16" s="270">
        <v>0</v>
      </c>
      <c r="FR16" s="270">
        <v>171094</v>
      </c>
      <c r="FS16" s="270">
        <v>181412</v>
      </c>
      <c r="FT16" s="270">
        <v>63214</v>
      </c>
      <c r="FU16" s="273">
        <v>415720</v>
      </c>
      <c r="FV16" s="274">
        <v>415720</v>
      </c>
      <c r="FW16" s="269">
        <v>3255</v>
      </c>
      <c r="FX16" s="270">
        <v>18408</v>
      </c>
      <c r="FY16" s="271">
        <v>21663</v>
      </c>
      <c r="FZ16" s="272">
        <v>0</v>
      </c>
      <c r="GA16" s="270">
        <v>71909</v>
      </c>
      <c r="GB16" s="270">
        <v>148962</v>
      </c>
      <c r="GC16" s="270">
        <v>209020</v>
      </c>
      <c r="GD16" s="270">
        <v>405210</v>
      </c>
      <c r="GE16" s="270">
        <v>229766</v>
      </c>
      <c r="GF16" s="273">
        <v>1064867</v>
      </c>
      <c r="GG16" s="274">
        <v>1086530</v>
      </c>
      <c r="GH16" s="269">
        <v>0</v>
      </c>
      <c r="GI16" s="270">
        <v>0</v>
      </c>
      <c r="GJ16" s="271">
        <v>0</v>
      </c>
      <c r="GK16" s="272">
        <v>0</v>
      </c>
      <c r="GL16" s="270">
        <v>84</v>
      </c>
      <c r="GM16" s="270">
        <v>0</v>
      </c>
      <c r="GN16" s="270">
        <v>0</v>
      </c>
      <c r="GO16" s="270">
        <v>0</v>
      </c>
      <c r="GP16" s="270">
        <v>10602</v>
      </c>
      <c r="GQ16" s="273">
        <v>10686</v>
      </c>
      <c r="GR16" s="274">
        <v>10686</v>
      </c>
      <c r="GS16" s="269">
        <v>0</v>
      </c>
      <c r="GT16" s="270">
        <v>0</v>
      </c>
      <c r="GU16" s="271">
        <v>0</v>
      </c>
      <c r="GV16" s="272">
        <v>0</v>
      </c>
      <c r="GW16" s="270">
        <v>0</v>
      </c>
      <c r="GX16" s="270">
        <v>0</v>
      </c>
      <c r="GY16" s="270">
        <v>0</v>
      </c>
      <c r="GZ16" s="270">
        <v>0</v>
      </c>
      <c r="HA16" s="270">
        <v>0</v>
      </c>
      <c r="HB16" s="273">
        <v>0</v>
      </c>
      <c r="HC16" s="274">
        <v>0</v>
      </c>
      <c r="HD16" s="269">
        <v>0</v>
      </c>
      <c r="HE16" s="270">
        <v>0</v>
      </c>
      <c r="HF16" s="271">
        <v>0</v>
      </c>
      <c r="HG16" s="470">
        <v>0</v>
      </c>
      <c r="HH16" s="270">
        <v>0</v>
      </c>
      <c r="HI16" s="270">
        <v>0</v>
      </c>
      <c r="HJ16" s="270">
        <v>0</v>
      </c>
      <c r="HK16" s="270">
        <v>0</v>
      </c>
      <c r="HL16" s="270">
        <v>0</v>
      </c>
      <c r="HM16" s="273">
        <v>0</v>
      </c>
      <c r="HN16" s="274">
        <v>0</v>
      </c>
      <c r="HO16" s="269">
        <v>7580</v>
      </c>
      <c r="HP16" s="270">
        <v>27703</v>
      </c>
      <c r="HQ16" s="271">
        <v>35283</v>
      </c>
      <c r="HR16" s="272">
        <v>0</v>
      </c>
      <c r="HS16" s="270">
        <v>286150</v>
      </c>
      <c r="HT16" s="270">
        <v>1220491</v>
      </c>
      <c r="HU16" s="270">
        <v>5161355</v>
      </c>
      <c r="HV16" s="270">
        <v>8062663</v>
      </c>
      <c r="HW16" s="270">
        <v>3772093</v>
      </c>
      <c r="HX16" s="273">
        <v>18502752</v>
      </c>
      <c r="HY16" s="274">
        <v>18538035</v>
      </c>
    </row>
    <row r="17" spans="2:233" ht="21" customHeight="1" x14ac:dyDescent="0.2">
      <c r="B17" s="437" t="s">
        <v>13</v>
      </c>
      <c r="C17" s="269">
        <v>0</v>
      </c>
      <c r="D17" s="270">
        <v>0</v>
      </c>
      <c r="E17" s="271">
        <v>0</v>
      </c>
      <c r="F17" s="272">
        <v>0</v>
      </c>
      <c r="G17" s="270">
        <v>46355</v>
      </c>
      <c r="H17" s="270">
        <v>158930</v>
      </c>
      <c r="I17" s="270">
        <v>286592</v>
      </c>
      <c r="J17" s="270">
        <v>947447</v>
      </c>
      <c r="K17" s="270">
        <v>878577</v>
      </c>
      <c r="L17" s="273">
        <v>2317901</v>
      </c>
      <c r="M17" s="274">
        <v>2317901</v>
      </c>
      <c r="N17" s="269">
        <v>0</v>
      </c>
      <c r="O17" s="270">
        <v>0</v>
      </c>
      <c r="P17" s="271">
        <v>0</v>
      </c>
      <c r="Q17" s="470">
        <v>0</v>
      </c>
      <c r="R17" s="270">
        <v>2635</v>
      </c>
      <c r="S17" s="270">
        <v>35340</v>
      </c>
      <c r="T17" s="270">
        <v>219365</v>
      </c>
      <c r="U17" s="270">
        <v>838920</v>
      </c>
      <c r="V17" s="270">
        <v>769202</v>
      </c>
      <c r="W17" s="273">
        <v>1865462</v>
      </c>
      <c r="X17" s="274">
        <v>1865462</v>
      </c>
      <c r="Y17" s="269">
        <v>0</v>
      </c>
      <c r="Z17" s="270">
        <v>0</v>
      </c>
      <c r="AA17" s="271">
        <v>0</v>
      </c>
      <c r="AB17" s="470">
        <v>0</v>
      </c>
      <c r="AC17" s="270">
        <v>32290</v>
      </c>
      <c r="AD17" s="270">
        <v>88055</v>
      </c>
      <c r="AE17" s="270">
        <v>51872</v>
      </c>
      <c r="AF17" s="270">
        <v>91507</v>
      </c>
      <c r="AG17" s="270">
        <v>83345</v>
      </c>
      <c r="AH17" s="273">
        <v>347069</v>
      </c>
      <c r="AI17" s="274">
        <v>347069</v>
      </c>
      <c r="AJ17" s="269">
        <v>0</v>
      </c>
      <c r="AK17" s="270">
        <v>0</v>
      </c>
      <c r="AL17" s="271">
        <v>0</v>
      </c>
      <c r="AM17" s="470">
        <v>0</v>
      </c>
      <c r="AN17" s="270">
        <v>0</v>
      </c>
      <c r="AO17" s="270">
        <v>0</v>
      </c>
      <c r="AP17" s="270">
        <v>0</v>
      </c>
      <c r="AQ17" s="270">
        <v>0</v>
      </c>
      <c r="AR17" s="270">
        <v>0</v>
      </c>
      <c r="AS17" s="273">
        <v>0</v>
      </c>
      <c r="AT17" s="274">
        <v>0</v>
      </c>
      <c r="AU17" s="269">
        <v>0</v>
      </c>
      <c r="AV17" s="270">
        <v>0</v>
      </c>
      <c r="AW17" s="271">
        <v>0</v>
      </c>
      <c r="AX17" s="470">
        <v>0</v>
      </c>
      <c r="AY17" s="270">
        <v>0</v>
      </c>
      <c r="AZ17" s="270">
        <v>0</v>
      </c>
      <c r="BA17" s="270">
        <v>0</v>
      </c>
      <c r="BB17" s="270">
        <v>0</v>
      </c>
      <c r="BC17" s="270">
        <v>0</v>
      </c>
      <c r="BD17" s="273">
        <v>0</v>
      </c>
      <c r="BE17" s="274">
        <v>0</v>
      </c>
      <c r="BF17" s="269">
        <v>0</v>
      </c>
      <c r="BG17" s="270">
        <v>0</v>
      </c>
      <c r="BH17" s="271">
        <v>0</v>
      </c>
      <c r="BI17" s="470">
        <v>0</v>
      </c>
      <c r="BJ17" s="270">
        <v>0</v>
      </c>
      <c r="BK17" s="270">
        <v>0</v>
      </c>
      <c r="BL17" s="270">
        <v>0</v>
      </c>
      <c r="BM17" s="270">
        <v>0</v>
      </c>
      <c r="BN17" s="270">
        <v>0</v>
      </c>
      <c r="BO17" s="273">
        <v>0</v>
      </c>
      <c r="BP17" s="274">
        <v>0</v>
      </c>
      <c r="BQ17" s="269">
        <v>0</v>
      </c>
      <c r="BR17" s="270">
        <v>0</v>
      </c>
      <c r="BS17" s="271">
        <v>0</v>
      </c>
      <c r="BT17" s="272">
        <v>0</v>
      </c>
      <c r="BU17" s="270">
        <v>11140</v>
      </c>
      <c r="BV17" s="270">
        <v>13855</v>
      </c>
      <c r="BW17" s="270">
        <v>15355</v>
      </c>
      <c r="BX17" s="270">
        <v>17020</v>
      </c>
      <c r="BY17" s="270">
        <v>26030</v>
      </c>
      <c r="BZ17" s="273">
        <v>83400</v>
      </c>
      <c r="CA17" s="274">
        <v>83400</v>
      </c>
      <c r="CB17" s="269">
        <v>0</v>
      </c>
      <c r="CC17" s="270">
        <v>0</v>
      </c>
      <c r="CD17" s="271">
        <v>0</v>
      </c>
      <c r="CE17" s="272">
        <v>0</v>
      </c>
      <c r="CF17" s="270">
        <v>290</v>
      </c>
      <c r="CG17" s="270">
        <v>21680</v>
      </c>
      <c r="CH17" s="270">
        <v>0</v>
      </c>
      <c r="CI17" s="270">
        <v>0</v>
      </c>
      <c r="CJ17" s="270">
        <v>0</v>
      </c>
      <c r="CK17" s="273">
        <v>21970</v>
      </c>
      <c r="CL17" s="274">
        <v>21970</v>
      </c>
      <c r="CM17" s="269">
        <v>0</v>
      </c>
      <c r="CN17" s="270">
        <v>0</v>
      </c>
      <c r="CO17" s="271">
        <v>0</v>
      </c>
      <c r="CP17" s="272">
        <v>0</v>
      </c>
      <c r="CQ17" s="270">
        <v>0</v>
      </c>
      <c r="CR17" s="270">
        <v>0</v>
      </c>
      <c r="CS17" s="270">
        <v>0</v>
      </c>
      <c r="CT17" s="270">
        <v>0</v>
      </c>
      <c r="CU17" s="270">
        <v>0</v>
      </c>
      <c r="CV17" s="273">
        <v>0</v>
      </c>
      <c r="CW17" s="274">
        <v>0</v>
      </c>
      <c r="CX17" s="269">
        <v>0</v>
      </c>
      <c r="CY17" s="270">
        <v>0</v>
      </c>
      <c r="CZ17" s="271">
        <v>0</v>
      </c>
      <c r="DA17" s="470">
        <v>0</v>
      </c>
      <c r="DB17" s="270">
        <v>0</v>
      </c>
      <c r="DC17" s="270">
        <v>0</v>
      </c>
      <c r="DD17" s="270">
        <v>0</v>
      </c>
      <c r="DE17" s="270">
        <v>0</v>
      </c>
      <c r="DF17" s="270">
        <v>0</v>
      </c>
      <c r="DG17" s="273">
        <v>0</v>
      </c>
      <c r="DH17" s="274">
        <v>0</v>
      </c>
      <c r="DI17" s="269">
        <v>0</v>
      </c>
      <c r="DJ17" s="270">
        <v>0</v>
      </c>
      <c r="DK17" s="271">
        <v>0</v>
      </c>
      <c r="DL17" s="272">
        <v>0</v>
      </c>
      <c r="DM17" s="270">
        <v>46340</v>
      </c>
      <c r="DN17" s="270">
        <v>54801</v>
      </c>
      <c r="DO17" s="270">
        <v>466522</v>
      </c>
      <c r="DP17" s="270">
        <v>1033479</v>
      </c>
      <c r="DQ17" s="270">
        <v>880923</v>
      </c>
      <c r="DR17" s="273">
        <v>2482065</v>
      </c>
      <c r="DS17" s="275">
        <v>2482065</v>
      </c>
      <c r="DT17" s="269">
        <v>0</v>
      </c>
      <c r="DU17" s="270">
        <v>0</v>
      </c>
      <c r="DV17" s="271">
        <v>0</v>
      </c>
      <c r="DW17" s="470">
        <v>0</v>
      </c>
      <c r="DX17" s="270">
        <v>21576</v>
      </c>
      <c r="DY17" s="270">
        <v>38316</v>
      </c>
      <c r="DZ17" s="270">
        <v>382688</v>
      </c>
      <c r="EA17" s="270">
        <v>932007</v>
      </c>
      <c r="EB17" s="270">
        <v>838739</v>
      </c>
      <c r="EC17" s="273">
        <v>2213326</v>
      </c>
      <c r="ED17" s="274">
        <v>2213326</v>
      </c>
      <c r="EE17" s="269">
        <v>0</v>
      </c>
      <c r="EF17" s="270">
        <v>0</v>
      </c>
      <c r="EG17" s="271">
        <v>0</v>
      </c>
      <c r="EH17" s="470">
        <v>0</v>
      </c>
      <c r="EI17" s="270">
        <v>11350</v>
      </c>
      <c r="EJ17" s="270">
        <v>875</v>
      </c>
      <c r="EK17" s="270">
        <v>12737</v>
      </c>
      <c r="EL17" s="270">
        <v>35698</v>
      </c>
      <c r="EM17" s="270">
        <v>23095</v>
      </c>
      <c r="EN17" s="273">
        <v>83755</v>
      </c>
      <c r="EO17" s="274">
        <v>83755</v>
      </c>
      <c r="EP17" s="269">
        <v>0</v>
      </c>
      <c r="EQ17" s="270">
        <v>0</v>
      </c>
      <c r="ER17" s="271">
        <v>0</v>
      </c>
      <c r="ES17" s="470">
        <v>0</v>
      </c>
      <c r="ET17" s="270">
        <v>0</v>
      </c>
      <c r="EU17" s="270">
        <v>0</v>
      </c>
      <c r="EV17" s="270">
        <v>0</v>
      </c>
      <c r="EW17" s="270">
        <v>0</v>
      </c>
      <c r="EX17" s="270">
        <v>0</v>
      </c>
      <c r="EY17" s="273">
        <v>0</v>
      </c>
      <c r="EZ17" s="274">
        <v>0</v>
      </c>
      <c r="FA17" s="269">
        <v>0</v>
      </c>
      <c r="FB17" s="270">
        <v>0</v>
      </c>
      <c r="FC17" s="271">
        <v>0</v>
      </c>
      <c r="FD17" s="470">
        <v>0</v>
      </c>
      <c r="FE17" s="270">
        <v>0</v>
      </c>
      <c r="FF17" s="270">
        <v>0</v>
      </c>
      <c r="FG17" s="270">
        <v>0</v>
      </c>
      <c r="FH17" s="270">
        <v>0</v>
      </c>
      <c r="FI17" s="270">
        <v>0</v>
      </c>
      <c r="FJ17" s="273">
        <v>0</v>
      </c>
      <c r="FK17" s="274">
        <v>0</v>
      </c>
      <c r="FL17" s="269">
        <v>0</v>
      </c>
      <c r="FM17" s="270">
        <v>0</v>
      </c>
      <c r="FN17" s="271">
        <v>0</v>
      </c>
      <c r="FO17" s="470">
        <v>0</v>
      </c>
      <c r="FP17" s="270">
        <v>0</v>
      </c>
      <c r="FQ17" s="270">
        <v>0</v>
      </c>
      <c r="FR17" s="270">
        <v>0</v>
      </c>
      <c r="FS17" s="270">
        <v>0</v>
      </c>
      <c r="FT17" s="270">
        <v>0</v>
      </c>
      <c r="FU17" s="273">
        <v>0</v>
      </c>
      <c r="FV17" s="274">
        <v>0</v>
      </c>
      <c r="FW17" s="269">
        <v>0</v>
      </c>
      <c r="FX17" s="270">
        <v>0</v>
      </c>
      <c r="FY17" s="271">
        <v>0</v>
      </c>
      <c r="FZ17" s="272">
        <v>0</v>
      </c>
      <c r="GA17" s="270">
        <v>11982</v>
      </c>
      <c r="GB17" s="270">
        <v>15428</v>
      </c>
      <c r="GC17" s="270">
        <v>71097</v>
      </c>
      <c r="GD17" s="270">
        <v>65774</v>
      </c>
      <c r="GE17" s="270">
        <v>19089</v>
      </c>
      <c r="GF17" s="273">
        <v>183370</v>
      </c>
      <c r="GG17" s="274">
        <v>183370</v>
      </c>
      <c r="GH17" s="269">
        <v>0</v>
      </c>
      <c r="GI17" s="270">
        <v>0</v>
      </c>
      <c r="GJ17" s="271">
        <v>0</v>
      </c>
      <c r="GK17" s="272">
        <v>0</v>
      </c>
      <c r="GL17" s="270">
        <v>1432</v>
      </c>
      <c r="GM17" s="270">
        <v>182</v>
      </c>
      <c r="GN17" s="270">
        <v>0</v>
      </c>
      <c r="GO17" s="270">
        <v>0</v>
      </c>
      <c r="GP17" s="270">
        <v>0</v>
      </c>
      <c r="GQ17" s="273">
        <v>1614</v>
      </c>
      <c r="GR17" s="274">
        <v>1614</v>
      </c>
      <c r="GS17" s="269">
        <v>0</v>
      </c>
      <c r="GT17" s="270">
        <v>0</v>
      </c>
      <c r="GU17" s="271">
        <v>0</v>
      </c>
      <c r="GV17" s="272">
        <v>0</v>
      </c>
      <c r="GW17" s="270">
        <v>0</v>
      </c>
      <c r="GX17" s="270">
        <v>0</v>
      </c>
      <c r="GY17" s="270">
        <v>0</v>
      </c>
      <c r="GZ17" s="270">
        <v>0</v>
      </c>
      <c r="HA17" s="270">
        <v>0</v>
      </c>
      <c r="HB17" s="273">
        <v>0</v>
      </c>
      <c r="HC17" s="274">
        <v>0</v>
      </c>
      <c r="HD17" s="269">
        <v>0</v>
      </c>
      <c r="HE17" s="270">
        <v>0</v>
      </c>
      <c r="HF17" s="271">
        <v>0</v>
      </c>
      <c r="HG17" s="470">
        <v>0</v>
      </c>
      <c r="HH17" s="270">
        <v>0</v>
      </c>
      <c r="HI17" s="270">
        <v>0</v>
      </c>
      <c r="HJ17" s="270">
        <v>0</v>
      </c>
      <c r="HK17" s="270">
        <v>0</v>
      </c>
      <c r="HL17" s="270">
        <v>0</v>
      </c>
      <c r="HM17" s="273">
        <v>0</v>
      </c>
      <c r="HN17" s="274">
        <v>0</v>
      </c>
      <c r="HO17" s="269">
        <v>0</v>
      </c>
      <c r="HP17" s="270">
        <v>0</v>
      </c>
      <c r="HQ17" s="271">
        <v>0</v>
      </c>
      <c r="HR17" s="272">
        <v>0</v>
      </c>
      <c r="HS17" s="270">
        <v>92695</v>
      </c>
      <c r="HT17" s="270">
        <v>213731</v>
      </c>
      <c r="HU17" s="270">
        <v>753114</v>
      </c>
      <c r="HV17" s="270">
        <v>1980926</v>
      </c>
      <c r="HW17" s="270">
        <v>1759500</v>
      </c>
      <c r="HX17" s="273">
        <v>4799966</v>
      </c>
      <c r="HY17" s="274">
        <v>4799966</v>
      </c>
    </row>
    <row r="18" spans="2:233" ht="21" customHeight="1" x14ac:dyDescent="0.2">
      <c r="B18" s="437" t="s">
        <v>15</v>
      </c>
      <c r="C18" s="269">
        <v>0</v>
      </c>
      <c r="D18" s="270">
        <v>0</v>
      </c>
      <c r="E18" s="271">
        <v>0</v>
      </c>
      <c r="F18" s="272">
        <v>0</v>
      </c>
      <c r="G18" s="270">
        <v>180046</v>
      </c>
      <c r="H18" s="270">
        <v>308853</v>
      </c>
      <c r="I18" s="270">
        <v>1591702</v>
      </c>
      <c r="J18" s="270">
        <v>2201331</v>
      </c>
      <c r="K18" s="270">
        <v>1310834</v>
      </c>
      <c r="L18" s="273">
        <v>5592766</v>
      </c>
      <c r="M18" s="274">
        <v>5592766</v>
      </c>
      <c r="N18" s="269">
        <v>0</v>
      </c>
      <c r="O18" s="270">
        <v>0</v>
      </c>
      <c r="P18" s="271">
        <v>0</v>
      </c>
      <c r="Q18" s="470">
        <v>0</v>
      </c>
      <c r="R18" s="270">
        <v>2635</v>
      </c>
      <c r="S18" s="270">
        <v>0</v>
      </c>
      <c r="T18" s="270">
        <v>1046930</v>
      </c>
      <c r="U18" s="270">
        <v>1333740</v>
      </c>
      <c r="V18" s="270">
        <v>936250</v>
      </c>
      <c r="W18" s="273">
        <v>3319555</v>
      </c>
      <c r="X18" s="274">
        <v>3319555</v>
      </c>
      <c r="Y18" s="269">
        <v>0</v>
      </c>
      <c r="Z18" s="270">
        <v>0</v>
      </c>
      <c r="AA18" s="271">
        <v>0</v>
      </c>
      <c r="AB18" s="470">
        <v>0</v>
      </c>
      <c r="AC18" s="270">
        <v>141353</v>
      </c>
      <c r="AD18" s="270">
        <v>296260</v>
      </c>
      <c r="AE18" s="270">
        <v>272162</v>
      </c>
      <c r="AF18" s="270">
        <v>610114</v>
      </c>
      <c r="AG18" s="270">
        <v>250328</v>
      </c>
      <c r="AH18" s="273">
        <v>1570217</v>
      </c>
      <c r="AI18" s="274">
        <v>1570217</v>
      </c>
      <c r="AJ18" s="269">
        <v>0</v>
      </c>
      <c r="AK18" s="270">
        <v>0</v>
      </c>
      <c r="AL18" s="271">
        <v>0</v>
      </c>
      <c r="AM18" s="470">
        <v>0</v>
      </c>
      <c r="AN18" s="270">
        <v>0</v>
      </c>
      <c r="AO18" s="270">
        <v>0</v>
      </c>
      <c r="AP18" s="270">
        <v>0</v>
      </c>
      <c r="AQ18" s="270">
        <v>0</v>
      </c>
      <c r="AR18" s="270">
        <v>0</v>
      </c>
      <c r="AS18" s="273">
        <v>0</v>
      </c>
      <c r="AT18" s="274">
        <v>0</v>
      </c>
      <c r="AU18" s="269">
        <v>0</v>
      </c>
      <c r="AV18" s="270">
        <v>0</v>
      </c>
      <c r="AW18" s="271">
        <v>0</v>
      </c>
      <c r="AX18" s="470">
        <v>0</v>
      </c>
      <c r="AY18" s="270">
        <v>0</v>
      </c>
      <c r="AZ18" s="270">
        <v>0</v>
      </c>
      <c r="BA18" s="270">
        <v>0</v>
      </c>
      <c r="BB18" s="270">
        <v>0</v>
      </c>
      <c r="BC18" s="270">
        <v>0</v>
      </c>
      <c r="BD18" s="273">
        <v>0</v>
      </c>
      <c r="BE18" s="274">
        <v>0</v>
      </c>
      <c r="BF18" s="269">
        <v>0</v>
      </c>
      <c r="BG18" s="270">
        <v>0</v>
      </c>
      <c r="BH18" s="271">
        <v>0</v>
      </c>
      <c r="BI18" s="470">
        <v>0</v>
      </c>
      <c r="BJ18" s="270">
        <v>0</v>
      </c>
      <c r="BK18" s="270">
        <v>0</v>
      </c>
      <c r="BL18" s="270">
        <v>88995</v>
      </c>
      <c r="BM18" s="270">
        <v>114315</v>
      </c>
      <c r="BN18" s="270">
        <v>74900</v>
      </c>
      <c r="BO18" s="273">
        <v>278210</v>
      </c>
      <c r="BP18" s="274">
        <v>278210</v>
      </c>
      <c r="BQ18" s="269">
        <v>0</v>
      </c>
      <c r="BR18" s="270">
        <v>0</v>
      </c>
      <c r="BS18" s="271">
        <v>0</v>
      </c>
      <c r="BT18" s="272">
        <v>0</v>
      </c>
      <c r="BU18" s="270">
        <v>27080</v>
      </c>
      <c r="BV18" s="270">
        <v>12000</v>
      </c>
      <c r="BW18" s="270">
        <v>182877</v>
      </c>
      <c r="BX18" s="270">
        <v>133494</v>
      </c>
      <c r="BY18" s="270">
        <v>49356</v>
      </c>
      <c r="BZ18" s="273">
        <v>404807</v>
      </c>
      <c r="CA18" s="274">
        <v>404807</v>
      </c>
      <c r="CB18" s="269">
        <v>0</v>
      </c>
      <c r="CC18" s="270">
        <v>0</v>
      </c>
      <c r="CD18" s="271">
        <v>0</v>
      </c>
      <c r="CE18" s="272">
        <v>0</v>
      </c>
      <c r="CF18" s="270">
        <v>8978</v>
      </c>
      <c r="CG18" s="270">
        <v>593</v>
      </c>
      <c r="CH18" s="270">
        <v>738</v>
      </c>
      <c r="CI18" s="270">
        <v>9668</v>
      </c>
      <c r="CJ18" s="270">
        <v>0</v>
      </c>
      <c r="CK18" s="273">
        <v>19977</v>
      </c>
      <c r="CL18" s="274">
        <v>19977</v>
      </c>
      <c r="CM18" s="269">
        <v>0</v>
      </c>
      <c r="CN18" s="270">
        <v>0</v>
      </c>
      <c r="CO18" s="271">
        <v>0</v>
      </c>
      <c r="CP18" s="272">
        <v>0</v>
      </c>
      <c r="CQ18" s="270">
        <v>0</v>
      </c>
      <c r="CR18" s="270">
        <v>0</v>
      </c>
      <c r="CS18" s="270">
        <v>0</v>
      </c>
      <c r="CT18" s="270">
        <v>0</v>
      </c>
      <c r="CU18" s="270">
        <v>0</v>
      </c>
      <c r="CV18" s="273">
        <v>0</v>
      </c>
      <c r="CW18" s="274">
        <v>0</v>
      </c>
      <c r="CX18" s="269">
        <v>0</v>
      </c>
      <c r="CY18" s="270">
        <v>0</v>
      </c>
      <c r="CZ18" s="271">
        <v>0</v>
      </c>
      <c r="DA18" s="470">
        <v>0</v>
      </c>
      <c r="DB18" s="270">
        <v>0</v>
      </c>
      <c r="DC18" s="270">
        <v>0</v>
      </c>
      <c r="DD18" s="270">
        <v>0</v>
      </c>
      <c r="DE18" s="270">
        <v>0</v>
      </c>
      <c r="DF18" s="270">
        <v>0</v>
      </c>
      <c r="DG18" s="273">
        <v>0</v>
      </c>
      <c r="DH18" s="274">
        <v>0</v>
      </c>
      <c r="DI18" s="269">
        <v>0</v>
      </c>
      <c r="DJ18" s="270">
        <v>0</v>
      </c>
      <c r="DK18" s="271">
        <v>0</v>
      </c>
      <c r="DL18" s="272">
        <v>0</v>
      </c>
      <c r="DM18" s="270">
        <v>47074</v>
      </c>
      <c r="DN18" s="270">
        <v>83530</v>
      </c>
      <c r="DO18" s="270">
        <v>1495079</v>
      </c>
      <c r="DP18" s="270">
        <v>2013678</v>
      </c>
      <c r="DQ18" s="270">
        <v>1346011</v>
      </c>
      <c r="DR18" s="273">
        <v>4985372</v>
      </c>
      <c r="DS18" s="275">
        <v>4985372</v>
      </c>
      <c r="DT18" s="269">
        <v>0</v>
      </c>
      <c r="DU18" s="270">
        <v>0</v>
      </c>
      <c r="DV18" s="271">
        <v>0</v>
      </c>
      <c r="DW18" s="470">
        <v>0</v>
      </c>
      <c r="DX18" s="270">
        <v>10881</v>
      </c>
      <c r="DY18" s="270">
        <v>0</v>
      </c>
      <c r="DZ18" s="270">
        <v>1049575</v>
      </c>
      <c r="EA18" s="270">
        <v>1627506</v>
      </c>
      <c r="EB18" s="270">
        <v>1133184</v>
      </c>
      <c r="EC18" s="273">
        <v>3821146</v>
      </c>
      <c r="ED18" s="274">
        <v>3821146</v>
      </c>
      <c r="EE18" s="269">
        <v>0</v>
      </c>
      <c r="EF18" s="270">
        <v>0</v>
      </c>
      <c r="EG18" s="271">
        <v>0</v>
      </c>
      <c r="EH18" s="470">
        <v>0</v>
      </c>
      <c r="EI18" s="270">
        <v>13101</v>
      </c>
      <c r="EJ18" s="270">
        <v>60443</v>
      </c>
      <c r="EK18" s="270">
        <v>26096</v>
      </c>
      <c r="EL18" s="270">
        <v>41669</v>
      </c>
      <c r="EM18" s="270">
        <v>35125</v>
      </c>
      <c r="EN18" s="273">
        <v>176434</v>
      </c>
      <c r="EO18" s="274">
        <v>176434</v>
      </c>
      <c r="EP18" s="269">
        <v>0</v>
      </c>
      <c r="EQ18" s="270">
        <v>0</v>
      </c>
      <c r="ER18" s="271">
        <v>0</v>
      </c>
      <c r="ES18" s="470">
        <v>0</v>
      </c>
      <c r="ET18" s="270">
        <v>0</v>
      </c>
      <c r="EU18" s="270">
        <v>0</v>
      </c>
      <c r="EV18" s="270">
        <v>0</v>
      </c>
      <c r="EW18" s="270">
        <v>0</v>
      </c>
      <c r="EX18" s="270">
        <v>0</v>
      </c>
      <c r="EY18" s="273">
        <v>0</v>
      </c>
      <c r="EZ18" s="274">
        <v>0</v>
      </c>
      <c r="FA18" s="269">
        <v>0</v>
      </c>
      <c r="FB18" s="270">
        <v>0</v>
      </c>
      <c r="FC18" s="271">
        <v>0</v>
      </c>
      <c r="FD18" s="470">
        <v>0</v>
      </c>
      <c r="FE18" s="270">
        <v>0</v>
      </c>
      <c r="FF18" s="270">
        <v>0</v>
      </c>
      <c r="FG18" s="270">
        <v>0</v>
      </c>
      <c r="FH18" s="270">
        <v>0</v>
      </c>
      <c r="FI18" s="270">
        <v>0</v>
      </c>
      <c r="FJ18" s="273">
        <v>0</v>
      </c>
      <c r="FK18" s="274">
        <v>0</v>
      </c>
      <c r="FL18" s="269">
        <v>0</v>
      </c>
      <c r="FM18" s="270">
        <v>0</v>
      </c>
      <c r="FN18" s="271">
        <v>0</v>
      </c>
      <c r="FO18" s="470">
        <v>0</v>
      </c>
      <c r="FP18" s="270">
        <v>0</v>
      </c>
      <c r="FQ18" s="270">
        <v>0</v>
      </c>
      <c r="FR18" s="270">
        <v>133516</v>
      </c>
      <c r="FS18" s="270">
        <v>159608</v>
      </c>
      <c r="FT18" s="270">
        <v>121428</v>
      </c>
      <c r="FU18" s="273">
        <v>414552</v>
      </c>
      <c r="FV18" s="274">
        <v>414552</v>
      </c>
      <c r="FW18" s="269">
        <v>0</v>
      </c>
      <c r="FX18" s="270">
        <v>0</v>
      </c>
      <c r="FY18" s="271">
        <v>0</v>
      </c>
      <c r="FZ18" s="272">
        <v>0</v>
      </c>
      <c r="GA18" s="270">
        <v>23015</v>
      </c>
      <c r="GB18" s="270">
        <v>21297</v>
      </c>
      <c r="GC18" s="270">
        <v>283744</v>
      </c>
      <c r="GD18" s="270">
        <v>184664</v>
      </c>
      <c r="GE18" s="270">
        <v>56274</v>
      </c>
      <c r="GF18" s="273">
        <v>568994</v>
      </c>
      <c r="GG18" s="274">
        <v>568994</v>
      </c>
      <c r="GH18" s="269">
        <v>0</v>
      </c>
      <c r="GI18" s="270">
        <v>0</v>
      </c>
      <c r="GJ18" s="271">
        <v>0</v>
      </c>
      <c r="GK18" s="272">
        <v>0</v>
      </c>
      <c r="GL18" s="270">
        <v>77</v>
      </c>
      <c r="GM18" s="270">
        <v>1790</v>
      </c>
      <c r="GN18" s="270">
        <v>2148</v>
      </c>
      <c r="GO18" s="270">
        <v>231</v>
      </c>
      <c r="GP18" s="270">
        <v>0</v>
      </c>
      <c r="GQ18" s="273">
        <v>4246</v>
      </c>
      <c r="GR18" s="274">
        <v>4246</v>
      </c>
      <c r="GS18" s="269">
        <v>0</v>
      </c>
      <c r="GT18" s="270">
        <v>0</v>
      </c>
      <c r="GU18" s="271">
        <v>0</v>
      </c>
      <c r="GV18" s="272">
        <v>0</v>
      </c>
      <c r="GW18" s="270">
        <v>0</v>
      </c>
      <c r="GX18" s="270">
        <v>0</v>
      </c>
      <c r="GY18" s="270">
        <v>0</v>
      </c>
      <c r="GZ18" s="270">
        <v>0</v>
      </c>
      <c r="HA18" s="270">
        <v>0</v>
      </c>
      <c r="HB18" s="273">
        <v>0</v>
      </c>
      <c r="HC18" s="274">
        <v>0</v>
      </c>
      <c r="HD18" s="269">
        <v>0</v>
      </c>
      <c r="HE18" s="270">
        <v>0</v>
      </c>
      <c r="HF18" s="271">
        <v>0</v>
      </c>
      <c r="HG18" s="470">
        <v>0</v>
      </c>
      <c r="HH18" s="270">
        <v>0</v>
      </c>
      <c r="HI18" s="270">
        <v>0</v>
      </c>
      <c r="HJ18" s="270">
        <v>0</v>
      </c>
      <c r="HK18" s="270">
        <v>0</v>
      </c>
      <c r="HL18" s="270">
        <v>0</v>
      </c>
      <c r="HM18" s="273">
        <v>0</v>
      </c>
      <c r="HN18" s="274">
        <v>0</v>
      </c>
      <c r="HO18" s="269">
        <v>0</v>
      </c>
      <c r="HP18" s="270">
        <v>0</v>
      </c>
      <c r="HQ18" s="271">
        <v>0</v>
      </c>
      <c r="HR18" s="272">
        <v>0</v>
      </c>
      <c r="HS18" s="270">
        <v>227120</v>
      </c>
      <c r="HT18" s="270">
        <v>392383</v>
      </c>
      <c r="HU18" s="270">
        <v>3086781</v>
      </c>
      <c r="HV18" s="270">
        <v>4215009</v>
      </c>
      <c r="HW18" s="270">
        <v>2656845</v>
      </c>
      <c r="HX18" s="273">
        <v>10578138</v>
      </c>
      <c r="HY18" s="274">
        <v>10578138</v>
      </c>
    </row>
    <row r="19" spans="2:233" ht="21" customHeight="1" x14ac:dyDescent="0.2">
      <c r="B19" s="437" t="s">
        <v>16</v>
      </c>
      <c r="C19" s="269">
        <v>0</v>
      </c>
      <c r="D19" s="270">
        <v>0</v>
      </c>
      <c r="E19" s="271">
        <v>0</v>
      </c>
      <c r="F19" s="272">
        <v>0</v>
      </c>
      <c r="G19" s="270">
        <v>381509</v>
      </c>
      <c r="H19" s="270">
        <v>1047687</v>
      </c>
      <c r="I19" s="270">
        <v>2886386</v>
      </c>
      <c r="J19" s="270">
        <v>3325989</v>
      </c>
      <c r="K19" s="270">
        <v>2121988</v>
      </c>
      <c r="L19" s="273">
        <v>9763559</v>
      </c>
      <c r="M19" s="274">
        <v>9763559</v>
      </c>
      <c r="N19" s="269">
        <v>0</v>
      </c>
      <c r="O19" s="270">
        <v>0</v>
      </c>
      <c r="P19" s="271">
        <v>0</v>
      </c>
      <c r="Q19" s="470">
        <v>0</v>
      </c>
      <c r="R19" s="270">
        <v>64723</v>
      </c>
      <c r="S19" s="270">
        <v>26970</v>
      </c>
      <c r="T19" s="270">
        <v>1812786</v>
      </c>
      <c r="U19" s="270">
        <v>2450464</v>
      </c>
      <c r="V19" s="270">
        <v>1551690</v>
      </c>
      <c r="W19" s="273">
        <v>5906633</v>
      </c>
      <c r="X19" s="274">
        <v>5906633</v>
      </c>
      <c r="Y19" s="269">
        <v>0</v>
      </c>
      <c r="Z19" s="270">
        <v>0</v>
      </c>
      <c r="AA19" s="271">
        <v>0</v>
      </c>
      <c r="AB19" s="470">
        <v>0</v>
      </c>
      <c r="AC19" s="270">
        <v>267318</v>
      </c>
      <c r="AD19" s="270">
        <v>914234</v>
      </c>
      <c r="AE19" s="270">
        <v>970165</v>
      </c>
      <c r="AF19" s="270">
        <v>601680</v>
      </c>
      <c r="AG19" s="270">
        <v>285923</v>
      </c>
      <c r="AH19" s="273">
        <v>3039320</v>
      </c>
      <c r="AI19" s="274">
        <v>3039320</v>
      </c>
      <c r="AJ19" s="269">
        <v>0</v>
      </c>
      <c r="AK19" s="270">
        <v>0</v>
      </c>
      <c r="AL19" s="271">
        <v>0</v>
      </c>
      <c r="AM19" s="470">
        <v>0</v>
      </c>
      <c r="AN19" s="270">
        <v>0</v>
      </c>
      <c r="AO19" s="270">
        <v>0</v>
      </c>
      <c r="AP19" s="270">
        <v>0</v>
      </c>
      <c r="AQ19" s="270">
        <v>0</v>
      </c>
      <c r="AR19" s="270">
        <v>0</v>
      </c>
      <c r="AS19" s="273">
        <v>0</v>
      </c>
      <c r="AT19" s="274">
        <v>0</v>
      </c>
      <c r="AU19" s="269">
        <v>0</v>
      </c>
      <c r="AV19" s="270">
        <v>0</v>
      </c>
      <c r="AW19" s="271">
        <v>0</v>
      </c>
      <c r="AX19" s="470">
        <v>0</v>
      </c>
      <c r="AY19" s="270">
        <v>0</v>
      </c>
      <c r="AZ19" s="270">
        <v>0</v>
      </c>
      <c r="BA19" s="270">
        <v>0</v>
      </c>
      <c r="BB19" s="270">
        <v>113470</v>
      </c>
      <c r="BC19" s="270">
        <v>114235</v>
      </c>
      <c r="BD19" s="273">
        <v>227705</v>
      </c>
      <c r="BE19" s="274">
        <v>227705</v>
      </c>
      <c r="BF19" s="269">
        <v>0</v>
      </c>
      <c r="BG19" s="270">
        <v>0</v>
      </c>
      <c r="BH19" s="271">
        <v>0</v>
      </c>
      <c r="BI19" s="470">
        <v>0</v>
      </c>
      <c r="BJ19" s="270">
        <v>0</v>
      </c>
      <c r="BK19" s="270">
        <v>27280</v>
      </c>
      <c r="BL19" s="270">
        <v>29915</v>
      </c>
      <c r="BM19" s="270">
        <v>53495</v>
      </c>
      <c r="BN19" s="270">
        <v>130730</v>
      </c>
      <c r="BO19" s="273">
        <v>241420</v>
      </c>
      <c r="BP19" s="274">
        <v>241420</v>
      </c>
      <c r="BQ19" s="269">
        <v>0</v>
      </c>
      <c r="BR19" s="270">
        <v>0</v>
      </c>
      <c r="BS19" s="271">
        <v>0</v>
      </c>
      <c r="BT19" s="272">
        <v>0</v>
      </c>
      <c r="BU19" s="270">
        <v>49323</v>
      </c>
      <c r="BV19" s="270">
        <v>77608</v>
      </c>
      <c r="BW19" s="270">
        <v>70850</v>
      </c>
      <c r="BX19" s="270">
        <v>96695</v>
      </c>
      <c r="BY19" s="270">
        <v>39410</v>
      </c>
      <c r="BZ19" s="273">
        <v>333886</v>
      </c>
      <c r="CA19" s="274">
        <v>333886</v>
      </c>
      <c r="CB19" s="269">
        <v>0</v>
      </c>
      <c r="CC19" s="270">
        <v>0</v>
      </c>
      <c r="CD19" s="271">
        <v>0</v>
      </c>
      <c r="CE19" s="272">
        <v>0</v>
      </c>
      <c r="CF19" s="270">
        <v>145</v>
      </c>
      <c r="CG19" s="270">
        <v>1595</v>
      </c>
      <c r="CH19" s="270">
        <v>2670</v>
      </c>
      <c r="CI19" s="270">
        <v>10185</v>
      </c>
      <c r="CJ19" s="270">
        <v>0</v>
      </c>
      <c r="CK19" s="273">
        <v>14595</v>
      </c>
      <c r="CL19" s="274">
        <v>14595</v>
      </c>
      <c r="CM19" s="269">
        <v>0</v>
      </c>
      <c r="CN19" s="270">
        <v>0</v>
      </c>
      <c r="CO19" s="271">
        <v>0</v>
      </c>
      <c r="CP19" s="272">
        <v>0</v>
      </c>
      <c r="CQ19" s="270">
        <v>0</v>
      </c>
      <c r="CR19" s="270">
        <v>0</v>
      </c>
      <c r="CS19" s="270">
        <v>0</v>
      </c>
      <c r="CT19" s="270">
        <v>0</v>
      </c>
      <c r="CU19" s="270">
        <v>0</v>
      </c>
      <c r="CV19" s="273">
        <v>0</v>
      </c>
      <c r="CW19" s="274">
        <v>0</v>
      </c>
      <c r="CX19" s="269">
        <v>0</v>
      </c>
      <c r="CY19" s="270">
        <v>0</v>
      </c>
      <c r="CZ19" s="271">
        <v>0</v>
      </c>
      <c r="DA19" s="470">
        <v>0</v>
      </c>
      <c r="DB19" s="270">
        <v>0</v>
      </c>
      <c r="DC19" s="270">
        <v>0</v>
      </c>
      <c r="DD19" s="270">
        <v>0</v>
      </c>
      <c r="DE19" s="270">
        <v>0</v>
      </c>
      <c r="DF19" s="270">
        <v>0</v>
      </c>
      <c r="DG19" s="273">
        <v>0</v>
      </c>
      <c r="DH19" s="274">
        <v>0</v>
      </c>
      <c r="DI19" s="269">
        <v>1392</v>
      </c>
      <c r="DJ19" s="270">
        <v>0</v>
      </c>
      <c r="DK19" s="271">
        <v>1392</v>
      </c>
      <c r="DL19" s="272">
        <v>0</v>
      </c>
      <c r="DM19" s="270">
        <v>335052</v>
      </c>
      <c r="DN19" s="270">
        <v>610346</v>
      </c>
      <c r="DO19" s="270">
        <v>3162071</v>
      </c>
      <c r="DP19" s="270">
        <v>3793768</v>
      </c>
      <c r="DQ19" s="270">
        <v>2290328</v>
      </c>
      <c r="DR19" s="273">
        <v>10191565</v>
      </c>
      <c r="DS19" s="275">
        <v>10192957</v>
      </c>
      <c r="DT19" s="269">
        <v>0</v>
      </c>
      <c r="DU19" s="270">
        <v>0</v>
      </c>
      <c r="DV19" s="271">
        <v>0</v>
      </c>
      <c r="DW19" s="470">
        <v>0</v>
      </c>
      <c r="DX19" s="270">
        <v>76477</v>
      </c>
      <c r="DY19" s="270">
        <v>188697</v>
      </c>
      <c r="DZ19" s="270">
        <v>2642306</v>
      </c>
      <c r="EA19" s="270">
        <v>3311226</v>
      </c>
      <c r="EB19" s="270">
        <v>1906036</v>
      </c>
      <c r="EC19" s="273">
        <v>8124742</v>
      </c>
      <c r="ED19" s="274">
        <v>8124742</v>
      </c>
      <c r="EE19" s="269">
        <v>0</v>
      </c>
      <c r="EF19" s="270">
        <v>0</v>
      </c>
      <c r="EG19" s="271">
        <v>0</v>
      </c>
      <c r="EH19" s="470">
        <v>0</v>
      </c>
      <c r="EI19" s="270">
        <v>186207</v>
      </c>
      <c r="EJ19" s="270">
        <v>246813</v>
      </c>
      <c r="EK19" s="270">
        <v>325539</v>
      </c>
      <c r="EL19" s="270">
        <v>173350</v>
      </c>
      <c r="EM19" s="270">
        <v>84648</v>
      </c>
      <c r="EN19" s="273">
        <v>1016557</v>
      </c>
      <c r="EO19" s="274">
        <v>1016557</v>
      </c>
      <c r="EP19" s="269">
        <v>0</v>
      </c>
      <c r="EQ19" s="270">
        <v>0</v>
      </c>
      <c r="ER19" s="271">
        <v>0</v>
      </c>
      <c r="ES19" s="470">
        <v>0</v>
      </c>
      <c r="ET19" s="270">
        <v>0</v>
      </c>
      <c r="EU19" s="270">
        <v>0</v>
      </c>
      <c r="EV19" s="270">
        <v>0</v>
      </c>
      <c r="EW19" s="270">
        <v>0</v>
      </c>
      <c r="EX19" s="270">
        <v>0</v>
      </c>
      <c r="EY19" s="273">
        <v>0</v>
      </c>
      <c r="EZ19" s="274">
        <v>0</v>
      </c>
      <c r="FA19" s="269">
        <v>0</v>
      </c>
      <c r="FB19" s="270">
        <v>0</v>
      </c>
      <c r="FC19" s="271">
        <v>0</v>
      </c>
      <c r="FD19" s="470">
        <v>0</v>
      </c>
      <c r="FE19" s="270">
        <v>0</v>
      </c>
      <c r="FF19" s="270">
        <v>0</v>
      </c>
      <c r="FG19" s="270">
        <v>0</v>
      </c>
      <c r="FH19" s="270">
        <v>24396</v>
      </c>
      <c r="FI19" s="270">
        <v>24459</v>
      </c>
      <c r="FJ19" s="273">
        <v>48855</v>
      </c>
      <c r="FK19" s="274">
        <v>48855</v>
      </c>
      <c r="FL19" s="269">
        <v>0</v>
      </c>
      <c r="FM19" s="270">
        <v>0</v>
      </c>
      <c r="FN19" s="271">
        <v>0</v>
      </c>
      <c r="FO19" s="470">
        <v>0</v>
      </c>
      <c r="FP19" s="270">
        <v>0</v>
      </c>
      <c r="FQ19" s="270">
        <v>43152</v>
      </c>
      <c r="FR19" s="270">
        <v>64728</v>
      </c>
      <c r="FS19" s="270">
        <v>131422</v>
      </c>
      <c r="FT19" s="270">
        <v>218846</v>
      </c>
      <c r="FU19" s="273">
        <v>458148</v>
      </c>
      <c r="FV19" s="274">
        <v>458148</v>
      </c>
      <c r="FW19" s="269">
        <v>1392</v>
      </c>
      <c r="FX19" s="270">
        <v>0</v>
      </c>
      <c r="FY19" s="271">
        <v>1392</v>
      </c>
      <c r="FZ19" s="272">
        <v>0</v>
      </c>
      <c r="GA19" s="270">
        <v>72354</v>
      </c>
      <c r="GB19" s="270">
        <v>131600</v>
      </c>
      <c r="GC19" s="270">
        <v>129449</v>
      </c>
      <c r="GD19" s="270">
        <v>146239</v>
      </c>
      <c r="GE19" s="270">
        <v>56339</v>
      </c>
      <c r="GF19" s="273">
        <v>535981</v>
      </c>
      <c r="GG19" s="274">
        <v>537373</v>
      </c>
      <c r="GH19" s="269">
        <v>0</v>
      </c>
      <c r="GI19" s="270">
        <v>0</v>
      </c>
      <c r="GJ19" s="271">
        <v>0</v>
      </c>
      <c r="GK19" s="272">
        <v>0</v>
      </c>
      <c r="GL19" s="270">
        <v>14</v>
      </c>
      <c r="GM19" s="270">
        <v>84</v>
      </c>
      <c r="GN19" s="270">
        <v>49</v>
      </c>
      <c r="GO19" s="270">
        <v>7135</v>
      </c>
      <c r="GP19" s="270">
        <v>0</v>
      </c>
      <c r="GQ19" s="273">
        <v>7282</v>
      </c>
      <c r="GR19" s="274">
        <v>7282</v>
      </c>
      <c r="GS19" s="269">
        <v>0</v>
      </c>
      <c r="GT19" s="270">
        <v>0</v>
      </c>
      <c r="GU19" s="271">
        <v>0</v>
      </c>
      <c r="GV19" s="272">
        <v>0</v>
      </c>
      <c r="GW19" s="270">
        <v>0</v>
      </c>
      <c r="GX19" s="270">
        <v>0</v>
      </c>
      <c r="GY19" s="270">
        <v>0</v>
      </c>
      <c r="GZ19" s="270">
        <v>0</v>
      </c>
      <c r="HA19" s="270">
        <v>0</v>
      </c>
      <c r="HB19" s="273">
        <v>0</v>
      </c>
      <c r="HC19" s="274">
        <v>0</v>
      </c>
      <c r="HD19" s="269">
        <v>0</v>
      </c>
      <c r="HE19" s="270">
        <v>0</v>
      </c>
      <c r="HF19" s="271">
        <v>0</v>
      </c>
      <c r="HG19" s="470">
        <v>0</v>
      </c>
      <c r="HH19" s="270">
        <v>0</v>
      </c>
      <c r="HI19" s="270">
        <v>0</v>
      </c>
      <c r="HJ19" s="270">
        <v>0</v>
      </c>
      <c r="HK19" s="270">
        <v>0</v>
      </c>
      <c r="HL19" s="270">
        <v>0</v>
      </c>
      <c r="HM19" s="273">
        <v>0</v>
      </c>
      <c r="HN19" s="274">
        <v>0</v>
      </c>
      <c r="HO19" s="269">
        <v>1392</v>
      </c>
      <c r="HP19" s="270">
        <v>0</v>
      </c>
      <c r="HQ19" s="271">
        <v>1392</v>
      </c>
      <c r="HR19" s="272">
        <v>0</v>
      </c>
      <c r="HS19" s="270">
        <v>716561</v>
      </c>
      <c r="HT19" s="270">
        <v>1658033</v>
      </c>
      <c r="HU19" s="270">
        <v>6048457</v>
      </c>
      <c r="HV19" s="270">
        <v>7119757</v>
      </c>
      <c r="HW19" s="270">
        <v>4412316</v>
      </c>
      <c r="HX19" s="273">
        <v>19955124</v>
      </c>
      <c r="HY19" s="274">
        <v>19956516</v>
      </c>
    </row>
    <row r="20" spans="2:233" ht="21" customHeight="1" x14ac:dyDescent="0.2">
      <c r="B20" s="437" t="s">
        <v>17</v>
      </c>
      <c r="C20" s="269">
        <v>4135</v>
      </c>
      <c r="D20" s="270">
        <v>0</v>
      </c>
      <c r="E20" s="271">
        <v>4135</v>
      </c>
      <c r="F20" s="272">
        <v>0</v>
      </c>
      <c r="G20" s="270">
        <v>199635</v>
      </c>
      <c r="H20" s="270">
        <v>1203503</v>
      </c>
      <c r="I20" s="270">
        <v>2811410</v>
      </c>
      <c r="J20" s="270">
        <v>3587598</v>
      </c>
      <c r="K20" s="270">
        <v>2545265</v>
      </c>
      <c r="L20" s="273">
        <v>10347411</v>
      </c>
      <c r="M20" s="274">
        <v>10351546</v>
      </c>
      <c r="N20" s="269">
        <v>0</v>
      </c>
      <c r="O20" s="270">
        <v>0</v>
      </c>
      <c r="P20" s="271">
        <v>0</v>
      </c>
      <c r="Q20" s="470">
        <v>0</v>
      </c>
      <c r="R20" s="270">
        <v>56060</v>
      </c>
      <c r="S20" s="270">
        <v>196788</v>
      </c>
      <c r="T20" s="270">
        <v>1534925</v>
      </c>
      <c r="U20" s="270">
        <v>2226120</v>
      </c>
      <c r="V20" s="270">
        <v>1947160</v>
      </c>
      <c r="W20" s="273">
        <v>5961053</v>
      </c>
      <c r="X20" s="274">
        <v>5961053</v>
      </c>
      <c r="Y20" s="269">
        <v>0</v>
      </c>
      <c r="Z20" s="270">
        <v>0</v>
      </c>
      <c r="AA20" s="271">
        <v>0</v>
      </c>
      <c r="AB20" s="470">
        <v>0</v>
      </c>
      <c r="AC20" s="270">
        <v>116310</v>
      </c>
      <c r="AD20" s="270">
        <v>903635</v>
      </c>
      <c r="AE20" s="270">
        <v>900930</v>
      </c>
      <c r="AF20" s="270">
        <v>833918</v>
      </c>
      <c r="AG20" s="270">
        <v>195735</v>
      </c>
      <c r="AH20" s="273">
        <v>2950528</v>
      </c>
      <c r="AI20" s="274">
        <v>2950528</v>
      </c>
      <c r="AJ20" s="269">
        <v>0</v>
      </c>
      <c r="AK20" s="270">
        <v>0</v>
      </c>
      <c r="AL20" s="271">
        <v>0</v>
      </c>
      <c r="AM20" s="470">
        <v>0</v>
      </c>
      <c r="AN20" s="270">
        <v>0</v>
      </c>
      <c r="AO20" s="270">
        <v>0</v>
      </c>
      <c r="AP20" s="270">
        <v>0</v>
      </c>
      <c r="AQ20" s="270">
        <v>0</v>
      </c>
      <c r="AR20" s="270">
        <v>2635</v>
      </c>
      <c r="AS20" s="273">
        <v>2635</v>
      </c>
      <c r="AT20" s="274">
        <v>2635</v>
      </c>
      <c r="AU20" s="269">
        <v>0</v>
      </c>
      <c r="AV20" s="270">
        <v>0</v>
      </c>
      <c r="AW20" s="271">
        <v>0</v>
      </c>
      <c r="AX20" s="470">
        <v>0</v>
      </c>
      <c r="AY20" s="270">
        <v>0</v>
      </c>
      <c r="AZ20" s="270">
        <v>0</v>
      </c>
      <c r="BA20" s="270">
        <v>0</v>
      </c>
      <c r="BB20" s="270">
        <v>2635</v>
      </c>
      <c r="BC20" s="270">
        <v>90055</v>
      </c>
      <c r="BD20" s="273">
        <v>92690</v>
      </c>
      <c r="BE20" s="274">
        <v>92690</v>
      </c>
      <c r="BF20" s="269">
        <v>0</v>
      </c>
      <c r="BG20" s="270">
        <v>0</v>
      </c>
      <c r="BH20" s="271">
        <v>0</v>
      </c>
      <c r="BI20" s="470">
        <v>0</v>
      </c>
      <c r="BJ20" s="270">
        <v>0</v>
      </c>
      <c r="BK20" s="270">
        <v>2635</v>
      </c>
      <c r="BL20" s="270">
        <v>189095</v>
      </c>
      <c r="BM20" s="270">
        <v>260510</v>
      </c>
      <c r="BN20" s="270">
        <v>200780</v>
      </c>
      <c r="BO20" s="273">
        <v>653020</v>
      </c>
      <c r="BP20" s="274">
        <v>653020</v>
      </c>
      <c r="BQ20" s="269">
        <v>4135</v>
      </c>
      <c r="BR20" s="270">
        <v>0</v>
      </c>
      <c r="BS20" s="271">
        <v>4135</v>
      </c>
      <c r="BT20" s="272">
        <v>0</v>
      </c>
      <c r="BU20" s="270">
        <v>26540</v>
      </c>
      <c r="BV20" s="270">
        <v>91925</v>
      </c>
      <c r="BW20" s="270">
        <v>183215</v>
      </c>
      <c r="BX20" s="270">
        <v>252655</v>
      </c>
      <c r="BY20" s="270">
        <v>87655</v>
      </c>
      <c r="BZ20" s="273">
        <v>641990</v>
      </c>
      <c r="CA20" s="274">
        <v>646125</v>
      </c>
      <c r="CB20" s="269">
        <v>0</v>
      </c>
      <c r="CC20" s="270">
        <v>0</v>
      </c>
      <c r="CD20" s="271">
        <v>0</v>
      </c>
      <c r="CE20" s="272">
        <v>0</v>
      </c>
      <c r="CF20" s="270">
        <v>725</v>
      </c>
      <c r="CG20" s="270">
        <v>8520</v>
      </c>
      <c r="CH20" s="270">
        <v>3245</v>
      </c>
      <c r="CI20" s="270">
        <v>11760</v>
      </c>
      <c r="CJ20" s="270">
        <v>21245</v>
      </c>
      <c r="CK20" s="273">
        <v>45495</v>
      </c>
      <c r="CL20" s="274">
        <v>45495</v>
      </c>
      <c r="CM20" s="269">
        <v>0</v>
      </c>
      <c r="CN20" s="270">
        <v>0</v>
      </c>
      <c r="CO20" s="271">
        <v>0</v>
      </c>
      <c r="CP20" s="272">
        <v>0</v>
      </c>
      <c r="CQ20" s="270">
        <v>0</v>
      </c>
      <c r="CR20" s="270">
        <v>0</v>
      </c>
      <c r="CS20" s="270">
        <v>0</v>
      </c>
      <c r="CT20" s="270">
        <v>0</v>
      </c>
      <c r="CU20" s="270">
        <v>0</v>
      </c>
      <c r="CV20" s="273">
        <v>0</v>
      </c>
      <c r="CW20" s="274">
        <v>0</v>
      </c>
      <c r="CX20" s="269">
        <v>0</v>
      </c>
      <c r="CY20" s="270">
        <v>0</v>
      </c>
      <c r="CZ20" s="271">
        <v>0</v>
      </c>
      <c r="DA20" s="470">
        <v>0</v>
      </c>
      <c r="DB20" s="270">
        <v>0</v>
      </c>
      <c r="DC20" s="270">
        <v>0</v>
      </c>
      <c r="DD20" s="270">
        <v>0</v>
      </c>
      <c r="DE20" s="270">
        <v>0</v>
      </c>
      <c r="DF20" s="270">
        <v>0</v>
      </c>
      <c r="DG20" s="273">
        <v>0</v>
      </c>
      <c r="DH20" s="274">
        <v>0</v>
      </c>
      <c r="DI20" s="269">
        <v>5930</v>
      </c>
      <c r="DJ20" s="270">
        <v>0</v>
      </c>
      <c r="DK20" s="271">
        <v>5930</v>
      </c>
      <c r="DL20" s="272">
        <v>0</v>
      </c>
      <c r="DM20" s="270">
        <v>73263</v>
      </c>
      <c r="DN20" s="270">
        <v>476991</v>
      </c>
      <c r="DO20" s="270">
        <v>2780490</v>
      </c>
      <c r="DP20" s="270">
        <v>3876829</v>
      </c>
      <c r="DQ20" s="270">
        <v>2756883</v>
      </c>
      <c r="DR20" s="273">
        <v>9964456</v>
      </c>
      <c r="DS20" s="275">
        <v>9970386</v>
      </c>
      <c r="DT20" s="269">
        <v>0</v>
      </c>
      <c r="DU20" s="270">
        <v>0</v>
      </c>
      <c r="DV20" s="271">
        <v>0</v>
      </c>
      <c r="DW20" s="470">
        <v>0</v>
      </c>
      <c r="DX20" s="270">
        <v>30070</v>
      </c>
      <c r="DY20" s="270">
        <v>249891</v>
      </c>
      <c r="DZ20" s="270">
        <v>2094309</v>
      </c>
      <c r="EA20" s="270">
        <v>3143114</v>
      </c>
      <c r="EB20" s="270">
        <v>2249534</v>
      </c>
      <c r="EC20" s="273">
        <v>7766918</v>
      </c>
      <c r="ED20" s="274">
        <v>7766918</v>
      </c>
      <c r="EE20" s="269">
        <v>0</v>
      </c>
      <c r="EF20" s="270">
        <v>0</v>
      </c>
      <c r="EG20" s="271">
        <v>0</v>
      </c>
      <c r="EH20" s="470">
        <v>0</v>
      </c>
      <c r="EI20" s="270">
        <v>3472</v>
      </c>
      <c r="EJ20" s="270">
        <v>54537</v>
      </c>
      <c r="EK20" s="270">
        <v>99808</v>
      </c>
      <c r="EL20" s="270">
        <v>56204</v>
      </c>
      <c r="EM20" s="270">
        <v>3822</v>
      </c>
      <c r="EN20" s="273">
        <v>217843</v>
      </c>
      <c r="EO20" s="274">
        <v>217843</v>
      </c>
      <c r="EP20" s="269">
        <v>0</v>
      </c>
      <c r="EQ20" s="270">
        <v>0</v>
      </c>
      <c r="ER20" s="271">
        <v>0</v>
      </c>
      <c r="ES20" s="470">
        <v>0</v>
      </c>
      <c r="ET20" s="270">
        <v>0</v>
      </c>
      <c r="EU20" s="270">
        <v>0</v>
      </c>
      <c r="EV20" s="270">
        <v>0</v>
      </c>
      <c r="EW20" s="270">
        <v>0</v>
      </c>
      <c r="EX20" s="270">
        <v>217</v>
      </c>
      <c r="EY20" s="273">
        <v>217</v>
      </c>
      <c r="EZ20" s="274">
        <v>217</v>
      </c>
      <c r="FA20" s="269">
        <v>0</v>
      </c>
      <c r="FB20" s="270">
        <v>0</v>
      </c>
      <c r="FC20" s="271">
        <v>0</v>
      </c>
      <c r="FD20" s="470">
        <v>0</v>
      </c>
      <c r="FE20" s="270">
        <v>0</v>
      </c>
      <c r="FF20" s="270">
        <v>0</v>
      </c>
      <c r="FG20" s="270">
        <v>0</v>
      </c>
      <c r="FH20" s="270">
        <v>217</v>
      </c>
      <c r="FI20" s="270">
        <v>36952</v>
      </c>
      <c r="FJ20" s="273">
        <v>37169</v>
      </c>
      <c r="FK20" s="274">
        <v>37169</v>
      </c>
      <c r="FL20" s="269">
        <v>0</v>
      </c>
      <c r="FM20" s="270">
        <v>0</v>
      </c>
      <c r="FN20" s="271">
        <v>0</v>
      </c>
      <c r="FO20" s="470">
        <v>0</v>
      </c>
      <c r="FP20" s="270">
        <v>0</v>
      </c>
      <c r="FQ20" s="270">
        <v>10881</v>
      </c>
      <c r="FR20" s="270">
        <v>347098</v>
      </c>
      <c r="FS20" s="270">
        <v>366277</v>
      </c>
      <c r="FT20" s="270">
        <v>363774</v>
      </c>
      <c r="FU20" s="273">
        <v>1088030</v>
      </c>
      <c r="FV20" s="274">
        <v>1088030</v>
      </c>
      <c r="FW20" s="269">
        <v>5930</v>
      </c>
      <c r="FX20" s="270">
        <v>0</v>
      </c>
      <c r="FY20" s="271">
        <v>5930</v>
      </c>
      <c r="FZ20" s="272">
        <v>0</v>
      </c>
      <c r="GA20" s="270">
        <v>39679</v>
      </c>
      <c r="GB20" s="270">
        <v>159699</v>
      </c>
      <c r="GC20" s="270">
        <v>239247</v>
      </c>
      <c r="GD20" s="270">
        <v>310681</v>
      </c>
      <c r="GE20" s="270">
        <v>91841</v>
      </c>
      <c r="GF20" s="273">
        <v>841147</v>
      </c>
      <c r="GG20" s="274">
        <v>847077</v>
      </c>
      <c r="GH20" s="269">
        <v>0</v>
      </c>
      <c r="GI20" s="270">
        <v>0</v>
      </c>
      <c r="GJ20" s="271">
        <v>0</v>
      </c>
      <c r="GK20" s="272">
        <v>0</v>
      </c>
      <c r="GL20" s="270">
        <v>42</v>
      </c>
      <c r="GM20" s="270">
        <v>1983</v>
      </c>
      <c r="GN20" s="270">
        <v>28</v>
      </c>
      <c r="GO20" s="270">
        <v>336</v>
      </c>
      <c r="GP20" s="270">
        <v>10743</v>
      </c>
      <c r="GQ20" s="273">
        <v>13132</v>
      </c>
      <c r="GR20" s="274">
        <v>13132</v>
      </c>
      <c r="GS20" s="269">
        <v>0</v>
      </c>
      <c r="GT20" s="270">
        <v>0</v>
      </c>
      <c r="GU20" s="271">
        <v>0</v>
      </c>
      <c r="GV20" s="272">
        <v>0</v>
      </c>
      <c r="GW20" s="270">
        <v>0</v>
      </c>
      <c r="GX20" s="270">
        <v>0</v>
      </c>
      <c r="GY20" s="270">
        <v>0</v>
      </c>
      <c r="GZ20" s="270">
        <v>0</v>
      </c>
      <c r="HA20" s="270">
        <v>0</v>
      </c>
      <c r="HB20" s="273">
        <v>0</v>
      </c>
      <c r="HC20" s="274">
        <v>0</v>
      </c>
      <c r="HD20" s="269">
        <v>0</v>
      </c>
      <c r="HE20" s="270">
        <v>0</v>
      </c>
      <c r="HF20" s="271">
        <v>0</v>
      </c>
      <c r="HG20" s="470">
        <v>0</v>
      </c>
      <c r="HH20" s="270">
        <v>0</v>
      </c>
      <c r="HI20" s="270">
        <v>0</v>
      </c>
      <c r="HJ20" s="270">
        <v>0</v>
      </c>
      <c r="HK20" s="270">
        <v>0</v>
      </c>
      <c r="HL20" s="270">
        <v>0</v>
      </c>
      <c r="HM20" s="273">
        <v>0</v>
      </c>
      <c r="HN20" s="274">
        <v>0</v>
      </c>
      <c r="HO20" s="269">
        <v>10065</v>
      </c>
      <c r="HP20" s="270">
        <v>0</v>
      </c>
      <c r="HQ20" s="271">
        <v>10065</v>
      </c>
      <c r="HR20" s="272">
        <v>0</v>
      </c>
      <c r="HS20" s="270">
        <v>272898</v>
      </c>
      <c r="HT20" s="270">
        <v>1680494</v>
      </c>
      <c r="HU20" s="270">
        <v>5591900</v>
      </c>
      <c r="HV20" s="270">
        <v>7464427</v>
      </c>
      <c r="HW20" s="270">
        <v>5302148</v>
      </c>
      <c r="HX20" s="273">
        <v>20311867</v>
      </c>
      <c r="HY20" s="274">
        <v>20321932</v>
      </c>
    </row>
    <row r="21" spans="2:233" ht="21" customHeight="1" x14ac:dyDescent="0.2">
      <c r="B21" s="437" t="s">
        <v>18</v>
      </c>
      <c r="C21" s="269">
        <v>0</v>
      </c>
      <c r="D21" s="270">
        <v>0</v>
      </c>
      <c r="E21" s="271">
        <v>0</v>
      </c>
      <c r="F21" s="272">
        <v>0</v>
      </c>
      <c r="G21" s="270">
        <v>229220</v>
      </c>
      <c r="H21" s="270">
        <v>600601</v>
      </c>
      <c r="I21" s="270">
        <v>2028175</v>
      </c>
      <c r="J21" s="270">
        <v>3586021</v>
      </c>
      <c r="K21" s="270">
        <v>2515348</v>
      </c>
      <c r="L21" s="273">
        <v>8959365</v>
      </c>
      <c r="M21" s="274">
        <v>8959365</v>
      </c>
      <c r="N21" s="269">
        <v>0</v>
      </c>
      <c r="O21" s="270">
        <v>0</v>
      </c>
      <c r="P21" s="271">
        <v>0</v>
      </c>
      <c r="Q21" s="470">
        <v>0</v>
      </c>
      <c r="R21" s="270">
        <v>25265</v>
      </c>
      <c r="S21" s="270">
        <v>88660</v>
      </c>
      <c r="T21" s="270">
        <v>1215725</v>
      </c>
      <c r="U21" s="270">
        <v>2787657</v>
      </c>
      <c r="V21" s="270">
        <v>2072191</v>
      </c>
      <c r="W21" s="273">
        <v>6189498</v>
      </c>
      <c r="X21" s="274">
        <v>6189498</v>
      </c>
      <c r="Y21" s="269">
        <v>0</v>
      </c>
      <c r="Z21" s="270">
        <v>0</v>
      </c>
      <c r="AA21" s="271">
        <v>0</v>
      </c>
      <c r="AB21" s="470">
        <v>0</v>
      </c>
      <c r="AC21" s="270">
        <v>151030</v>
      </c>
      <c r="AD21" s="270">
        <v>439661</v>
      </c>
      <c r="AE21" s="270">
        <v>602740</v>
      </c>
      <c r="AF21" s="270">
        <v>311679</v>
      </c>
      <c r="AG21" s="270">
        <v>231027</v>
      </c>
      <c r="AH21" s="273">
        <v>1736137</v>
      </c>
      <c r="AI21" s="274">
        <v>1736137</v>
      </c>
      <c r="AJ21" s="269">
        <v>0</v>
      </c>
      <c r="AK21" s="270">
        <v>0</v>
      </c>
      <c r="AL21" s="271">
        <v>0</v>
      </c>
      <c r="AM21" s="470">
        <v>0</v>
      </c>
      <c r="AN21" s="270">
        <v>0</v>
      </c>
      <c r="AO21" s="270">
        <v>0</v>
      </c>
      <c r="AP21" s="270">
        <v>0</v>
      </c>
      <c r="AQ21" s="270">
        <v>0</v>
      </c>
      <c r="AR21" s="270">
        <v>0</v>
      </c>
      <c r="AS21" s="273">
        <v>0</v>
      </c>
      <c r="AT21" s="274">
        <v>0</v>
      </c>
      <c r="AU21" s="269">
        <v>0</v>
      </c>
      <c r="AV21" s="270">
        <v>0</v>
      </c>
      <c r="AW21" s="271">
        <v>0</v>
      </c>
      <c r="AX21" s="470">
        <v>0</v>
      </c>
      <c r="AY21" s="270">
        <v>0</v>
      </c>
      <c r="AZ21" s="270">
        <v>0</v>
      </c>
      <c r="BA21" s="270">
        <v>0</v>
      </c>
      <c r="BB21" s="270">
        <v>29915</v>
      </c>
      <c r="BC21" s="270">
        <v>65255</v>
      </c>
      <c r="BD21" s="273">
        <v>95170</v>
      </c>
      <c r="BE21" s="274">
        <v>95170</v>
      </c>
      <c r="BF21" s="269">
        <v>0</v>
      </c>
      <c r="BG21" s="270">
        <v>0</v>
      </c>
      <c r="BH21" s="271">
        <v>0</v>
      </c>
      <c r="BI21" s="470">
        <v>0</v>
      </c>
      <c r="BJ21" s="270">
        <v>0</v>
      </c>
      <c r="BK21" s="270">
        <v>2635</v>
      </c>
      <c r="BL21" s="270">
        <v>35340</v>
      </c>
      <c r="BM21" s="270">
        <v>102465</v>
      </c>
      <c r="BN21" s="270">
        <v>35340</v>
      </c>
      <c r="BO21" s="273">
        <v>175780</v>
      </c>
      <c r="BP21" s="274">
        <v>175780</v>
      </c>
      <c r="BQ21" s="269">
        <v>0</v>
      </c>
      <c r="BR21" s="270">
        <v>0</v>
      </c>
      <c r="BS21" s="271">
        <v>0</v>
      </c>
      <c r="BT21" s="272">
        <v>0</v>
      </c>
      <c r="BU21" s="270">
        <v>51235</v>
      </c>
      <c r="BV21" s="270">
        <v>68920</v>
      </c>
      <c r="BW21" s="270">
        <v>174370</v>
      </c>
      <c r="BX21" s="270">
        <v>342605</v>
      </c>
      <c r="BY21" s="270">
        <v>111535</v>
      </c>
      <c r="BZ21" s="273">
        <v>748665</v>
      </c>
      <c r="CA21" s="274">
        <v>748665</v>
      </c>
      <c r="CB21" s="269">
        <v>0</v>
      </c>
      <c r="CC21" s="270">
        <v>0</v>
      </c>
      <c r="CD21" s="271">
        <v>0</v>
      </c>
      <c r="CE21" s="272">
        <v>0</v>
      </c>
      <c r="CF21" s="270">
        <v>1690</v>
      </c>
      <c r="CG21" s="270">
        <v>725</v>
      </c>
      <c r="CH21" s="270">
        <v>0</v>
      </c>
      <c r="CI21" s="270">
        <v>11700</v>
      </c>
      <c r="CJ21" s="270">
        <v>0</v>
      </c>
      <c r="CK21" s="273">
        <v>14115</v>
      </c>
      <c r="CL21" s="274">
        <v>14115</v>
      </c>
      <c r="CM21" s="269">
        <v>0</v>
      </c>
      <c r="CN21" s="270">
        <v>0</v>
      </c>
      <c r="CO21" s="271">
        <v>0</v>
      </c>
      <c r="CP21" s="272">
        <v>0</v>
      </c>
      <c r="CQ21" s="270">
        <v>0</v>
      </c>
      <c r="CR21" s="270">
        <v>0</v>
      </c>
      <c r="CS21" s="270">
        <v>0</v>
      </c>
      <c r="CT21" s="270">
        <v>0</v>
      </c>
      <c r="CU21" s="270">
        <v>0</v>
      </c>
      <c r="CV21" s="273">
        <v>0</v>
      </c>
      <c r="CW21" s="274">
        <v>0</v>
      </c>
      <c r="CX21" s="269">
        <v>0</v>
      </c>
      <c r="CY21" s="270">
        <v>0</v>
      </c>
      <c r="CZ21" s="271">
        <v>0</v>
      </c>
      <c r="DA21" s="470">
        <v>0</v>
      </c>
      <c r="DB21" s="270">
        <v>0</v>
      </c>
      <c r="DC21" s="270">
        <v>0</v>
      </c>
      <c r="DD21" s="270">
        <v>0</v>
      </c>
      <c r="DE21" s="270">
        <v>0</v>
      </c>
      <c r="DF21" s="270">
        <v>0</v>
      </c>
      <c r="DG21" s="273">
        <v>0</v>
      </c>
      <c r="DH21" s="274">
        <v>0</v>
      </c>
      <c r="DI21" s="269">
        <v>0</v>
      </c>
      <c r="DJ21" s="270">
        <v>696</v>
      </c>
      <c r="DK21" s="271">
        <v>696</v>
      </c>
      <c r="DL21" s="272">
        <v>0</v>
      </c>
      <c r="DM21" s="270">
        <v>170457</v>
      </c>
      <c r="DN21" s="270">
        <v>375228</v>
      </c>
      <c r="DO21" s="270">
        <v>2531148</v>
      </c>
      <c r="DP21" s="270">
        <v>4344599</v>
      </c>
      <c r="DQ21" s="270">
        <v>2926858</v>
      </c>
      <c r="DR21" s="273">
        <v>10348290</v>
      </c>
      <c r="DS21" s="275">
        <v>10348986</v>
      </c>
      <c r="DT21" s="269">
        <v>0</v>
      </c>
      <c r="DU21" s="270">
        <v>0</v>
      </c>
      <c r="DV21" s="271">
        <v>0</v>
      </c>
      <c r="DW21" s="470">
        <v>0</v>
      </c>
      <c r="DX21" s="270">
        <v>42036</v>
      </c>
      <c r="DY21" s="270">
        <v>142414</v>
      </c>
      <c r="DZ21" s="270">
        <v>1969379</v>
      </c>
      <c r="EA21" s="270">
        <v>3611145</v>
      </c>
      <c r="EB21" s="270">
        <v>2613855</v>
      </c>
      <c r="EC21" s="273">
        <v>8378829</v>
      </c>
      <c r="ED21" s="274">
        <v>8378829</v>
      </c>
      <c r="EE21" s="269">
        <v>0</v>
      </c>
      <c r="EF21" s="270">
        <v>0</v>
      </c>
      <c r="EG21" s="271">
        <v>0</v>
      </c>
      <c r="EH21" s="470">
        <v>0</v>
      </c>
      <c r="EI21" s="270">
        <v>35125</v>
      </c>
      <c r="EJ21" s="270">
        <v>60626</v>
      </c>
      <c r="EK21" s="270">
        <v>182948</v>
      </c>
      <c r="EL21" s="270">
        <v>17006</v>
      </c>
      <c r="EM21" s="270">
        <v>37587</v>
      </c>
      <c r="EN21" s="273">
        <v>333292</v>
      </c>
      <c r="EO21" s="274">
        <v>333292</v>
      </c>
      <c r="EP21" s="269">
        <v>0</v>
      </c>
      <c r="EQ21" s="270">
        <v>0</v>
      </c>
      <c r="ER21" s="271">
        <v>0</v>
      </c>
      <c r="ES21" s="470">
        <v>0</v>
      </c>
      <c r="ET21" s="270">
        <v>0</v>
      </c>
      <c r="EU21" s="270">
        <v>0</v>
      </c>
      <c r="EV21" s="270">
        <v>0</v>
      </c>
      <c r="EW21" s="270">
        <v>0</v>
      </c>
      <c r="EX21" s="270">
        <v>0</v>
      </c>
      <c r="EY21" s="273">
        <v>0</v>
      </c>
      <c r="EZ21" s="274">
        <v>0</v>
      </c>
      <c r="FA21" s="269">
        <v>0</v>
      </c>
      <c r="FB21" s="270">
        <v>0</v>
      </c>
      <c r="FC21" s="271">
        <v>0</v>
      </c>
      <c r="FD21" s="470">
        <v>0</v>
      </c>
      <c r="FE21" s="270">
        <v>0</v>
      </c>
      <c r="FF21" s="270">
        <v>0</v>
      </c>
      <c r="FG21" s="270">
        <v>0</v>
      </c>
      <c r="FH21" s="270">
        <v>651</v>
      </c>
      <c r="FI21" s="270">
        <v>1085</v>
      </c>
      <c r="FJ21" s="273">
        <v>1736</v>
      </c>
      <c r="FK21" s="274">
        <v>1736</v>
      </c>
      <c r="FL21" s="269">
        <v>0</v>
      </c>
      <c r="FM21" s="270">
        <v>0</v>
      </c>
      <c r="FN21" s="271">
        <v>0</v>
      </c>
      <c r="FO21" s="470">
        <v>0</v>
      </c>
      <c r="FP21" s="270">
        <v>0</v>
      </c>
      <c r="FQ21" s="270">
        <v>21576</v>
      </c>
      <c r="FR21" s="270">
        <v>58342</v>
      </c>
      <c r="FS21" s="270">
        <v>201596</v>
      </c>
      <c r="FT21" s="270">
        <v>58342</v>
      </c>
      <c r="FU21" s="273">
        <v>339856</v>
      </c>
      <c r="FV21" s="274">
        <v>339856</v>
      </c>
      <c r="FW21" s="269">
        <v>0</v>
      </c>
      <c r="FX21" s="270">
        <v>696</v>
      </c>
      <c r="FY21" s="271">
        <v>696</v>
      </c>
      <c r="FZ21" s="272">
        <v>0</v>
      </c>
      <c r="GA21" s="270">
        <v>90940</v>
      </c>
      <c r="GB21" s="270">
        <v>150563</v>
      </c>
      <c r="GC21" s="270">
        <v>320479</v>
      </c>
      <c r="GD21" s="270">
        <v>510054</v>
      </c>
      <c r="GE21" s="270">
        <v>215989</v>
      </c>
      <c r="GF21" s="273">
        <v>1288025</v>
      </c>
      <c r="GG21" s="274">
        <v>1288721</v>
      </c>
      <c r="GH21" s="269">
        <v>0</v>
      </c>
      <c r="GI21" s="270">
        <v>0</v>
      </c>
      <c r="GJ21" s="271">
        <v>0</v>
      </c>
      <c r="GK21" s="272">
        <v>0</v>
      </c>
      <c r="GL21" s="270">
        <v>2356</v>
      </c>
      <c r="GM21" s="270">
        <v>49</v>
      </c>
      <c r="GN21" s="270">
        <v>0</v>
      </c>
      <c r="GO21" s="270">
        <v>4147</v>
      </c>
      <c r="GP21" s="270">
        <v>0</v>
      </c>
      <c r="GQ21" s="273">
        <v>6552</v>
      </c>
      <c r="GR21" s="274">
        <v>6552</v>
      </c>
      <c r="GS21" s="269">
        <v>0</v>
      </c>
      <c r="GT21" s="270">
        <v>0</v>
      </c>
      <c r="GU21" s="271">
        <v>0</v>
      </c>
      <c r="GV21" s="272">
        <v>0</v>
      </c>
      <c r="GW21" s="270">
        <v>0</v>
      </c>
      <c r="GX21" s="270">
        <v>0</v>
      </c>
      <c r="GY21" s="270">
        <v>0</v>
      </c>
      <c r="GZ21" s="270">
        <v>0</v>
      </c>
      <c r="HA21" s="270">
        <v>0</v>
      </c>
      <c r="HB21" s="273">
        <v>0</v>
      </c>
      <c r="HC21" s="274">
        <v>0</v>
      </c>
      <c r="HD21" s="269">
        <v>0</v>
      </c>
      <c r="HE21" s="270">
        <v>0</v>
      </c>
      <c r="HF21" s="271">
        <v>0</v>
      </c>
      <c r="HG21" s="470">
        <v>0</v>
      </c>
      <c r="HH21" s="270">
        <v>0</v>
      </c>
      <c r="HI21" s="270">
        <v>0</v>
      </c>
      <c r="HJ21" s="270">
        <v>0</v>
      </c>
      <c r="HK21" s="270">
        <v>0</v>
      </c>
      <c r="HL21" s="270">
        <v>0</v>
      </c>
      <c r="HM21" s="273">
        <v>0</v>
      </c>
      <c r="HN21" s="274">
        <v>0</v>
      </c>
      <c r="HO21" s="269">
        <v>0</v>
      </c>
      <c r="HP21" s="270">
        <v>696</v>
      </c>
      <c r="HQ21" s="271">
        <v>696</v>
      </c>
      <c r="HR21" s="272">
        <v>0</v>
      </c>
      <c r="HS21" s="270">
        <v>399677</v>
      </c>
      <c r="HT21" s="270">
        <v>975829</v>
      </c>
      <c r="HU21" s="270">
        <v>4559323</v>
      </c>
      <c r="HV21" s="270">
        <v>7930620</v>
      </c>
      <c r="HW21" s="270">
        <v>5442206</v>
      </c>
      <c r="HX21" s="273">
        <v>19307655</v>
      </c>
      <c r="HY21" s="274">
        <v>19308351</v>
      </c>
    </row>
    <row r="22" spans="2:233" ht="21" customHeight="1" x14ac:dyDescent="0.2">
      <c r="B22" s="437" t="s">
        <v>19</v>
      </c>
      <c r="C22" s="269">
        <v>0</v>
      </c>
      <c r="D22" s="270">
        <v>0</v>
      </c>
      <c r="E22" s="271">
        <v>0</v>
      </c>
      <c r="F22" s="272">
        <v>0</v>
      </c>
      <c r="G22" s="270">
        <v>130850</v>
      </c>
      <c r="H22" s="270">
        <v>388637</v>
      </c>
      <c r="I22" s="270">
        <v>1301848</v>
      </c>
      <c r="J22" s="270">
        <v>1267960</v>
      </c>
      <c r="K22" s="270">
        <v>1097950</v>
      </c>
      <c r="L22" s="273">
        <v>4187245</v>
      </c>
      <c r="M22" s="274">
        <v>4187245</v>
      </c>
      <c r="N22" s="269">
        <v>0</v>
      </c>
      <c r="O22" s="270">
        <v>0</v>
      </c>
      <c r="P22" s="271">
        <v>0</v>
      </c>
      <c r="Q22" s="470">
        <v>0</v>
      </c>
      <c r="R22" s="270">
        <v>24645</v>
      </c>
      <c r="S22" s="270">
        <v>46035</v>
      </c>
      <c r="T22" s="270">
        <v>888560</v>
      </c>
      <c r="U22" s="270">
        <v>991470</v>
      </c>
      <c r="V22" s="270">
        <v>890105</v>
      </c>
      <c r="W22" s="273">
        <v>2840815</v>
      </c>
      <c r="X22" s="274">
        <v>2840815</v>
      </c>
      <c r="Y22" s="269">
        <v>0</v>
      </c>
      <c r="Z22" s="270">
        <v>0</v>
      </c>
      <c r="AA22" s="271">
        <v>0</v>
      </c>
      <c r="AB22" s="470">
        <v>0</v>
      </c>
      <c r="AC22" s="270">
        <v>95325</v>
      </c>
      <c r="AD22" s="270">
        <v>277445</v>
      </c>
      <c r="AE22" s="270">
        <v>370743</v>
      </c>
      <c r="AF22" s="270">
        <v>184695</v>
      </c>
      <c r="AG22" s="270">
        <v>135935</v>
      </c>
      <c r="AH22" s="273">
        <v>1064143</v>
      </c>
      <c r="AI22" s="274">
        <v>1064143</v>
      </c>
      <c r="AJ22" s="269">
        <v>0</v>
      </c>
      <c r="AK22" s="270">
        <v>0</v>
      </c>
      <c r="AL22" s="271">
        <v>0</v>
      </c>
      <c r="AM22" s="470">
        <v>0</v>
      </c>
      <c r="AN22" s="270">
        <v>0</v>
      </c>
      <c r="AO22" s="270">
        <v>0</v>
      </c>
      <c r="AP22" s="270">
        <v>0</v>
      </c>
      <c r="AQ22" s="270">
        <v>0</v>
      </c>
      <c r="AR22" s="270">
        <v>0</v>
      </c>
      <c r="AS22" s="273">
        <v>0</v>
      </c>
      <c r="AT22" s="274">
        <v>0</v>
      </c>
      <c r="AU22" s="269">
        <v>0</v>
      </c>
      <c r="AV22" s="270">
        <v>0</v>
      </c>
      <c r="AW22" s="271">
        <v>0</v>
      </c>
      <c r="AX22" s="470">
        <v>0</v>
      </c>
      <c r="AY22" s="270">
        <v>0</v>
      </c>
      <c r="AZ22" s="270">
        <v>0</v>
      </c>
      <c r="BA22" s="270">
        <v>0</v>
      </c>
      <c r="BB22" s="270">
        <v>0</v>
      </c>
      <c r="BC22" s="270">
        <v>24645</v>
      </c>
      <c r="BD22" s="273">
        <v>24645</v>
      </c>
      <c r="BE22" s="274">
        <v>24645</v>
      </c>
      <c r="BF22" s="269">
        <v>0</v>
      </c>
      <c r="BG22" s="270">
        <v>0</v>
      </c>
      <c r="BH22" s="271">
        <v>0</v>
      </c>
      <c r="BI22" s="470">
        <v>0</v>
      </c>
      <c r="BJ22" s="270">
        <v>0</v>
      </c>
      <c r="BK22" s="270">
        <v>0</v>
      </c>
      <c r="BL22" s="270">
        <v>0</v>
      </c>
      <c r="BM22" s="270">
        <v>0</v>
      </c>
      <c r="BN22" s="270">
        <v>0</v>
      </c>
      <c r="BO22" s="273">
        <v>0</v>
      </c>
      <c r="BP22" s="274">
        <v>0</v>
      </c>
      <c r="BQ22" s="269">
        <v>0</v>
      </c>
      <c r="BR22" s="270">
        <v>0</v>
      </c>
      <c r="BS22" s="271">
        <v>0</v>
      </c>
      <c r="BT22" s="272">
        <v>0</v>
      </c>
      <c r="BU22" s="270">
        <v>10880</v>
      </c>
      <c r="BV22" s="270">
        <v>61647</v>
      </c>
      <c r="BW22" s="270">
        <v>41110</v>
      </c>
      <c r="BX22" s="270">
        <v>89185</v>
      </c>
      <c r="BY22" s="270">
        <v>47265</v>
      </c>
      <c r="BZ22" s="273">
        <v>250087</v>
      </c>
      <c r="CA22" s="274">
        <v>250087</v>
      </c>
      <c r="CB22" s="269">
        <v>0</v>
      </c>
      <c r="CC22" s="270">
        <v>0</v>
      </c>
      <c r="CD22" s="271">
        <v>0</v>
      </c>
      <c r="CE22" s="272">
        <v>0</v>
      </c>
      <c r="CF22" s="270">
        <v>0</v>
      </c>
      <c r="CG22" s="270">
        <v>3510</v>
      </c>
      <c r="CH22" s="270">
        <v>1435</v>
      </c>
      <c r="CI22" s="270">
        <v>2610</v>
      </c>
      <c r="CJ22" s="270">
        <v>0</v>
      </c>
      <c r="CK22" s="273">
        <v>7555</v>
      </c>
      <c r="CL22" s="274">
        <v>7555</v>
      </c>
      <c r="CM22" s="269">
        <v>0</v>
      </c>
      <c r="CN22" s="270">
        <v>0</v>
      </c>
      <c r="CO22" s="271">
        <v>0</v>
      </c>
      <c r="CP22" s="272">
        <v>0</v>
      </c>
      <c r="CQ22" s="270">
        <v>0</v>
      </c>
      <c r="CR22" s="270">
        <v>0</v>
      </c>
      <c r="CS22" s="270">
        <v>0</v>
      </c>
      <c r="CT22" s="270">
        <v>0</v>
      </c>
      <c r="CU22" s="270">
        <v>0</v>
      </c>
      <c r="CV22" s="273">
        <v>0</v>
      </c>
      <c r="CW22" s="274">
        <v>0</v>
      </c>
      <c r="CX22" s="269">
        <v>0</v>
      </c>
      <c r="CY22" s="270">
        <v>0</v>
      </c>
      <c r="CZ22" s="271">
        <v>0</v>
      </c>
      <c r="DA22" s="470">
        <v>0</v>
      </c>
      <c r="DB22" s="270">
        <v>0</v>
      </c>
      <c r="DC22" s="270">
        <v>0</v>
      </c>
      <c r="DD22" s="270">
        <v>0</v>
      </c>
      <c r="DE22" s="270">
        <v>0</v>
      </c>
      <c r="DF22" s="270">
        <v>0</v>
      </c>
      <c r="DG22" s="273">
        <v>0</v>
      </c>
      <c r="DH22" s="274">
        <v>0</v>
      </c>
      <c r="DI22" s="269">
        <v>0</v>
      </c>
      <c r="DJ22" s="270">
        <v>0</v>
      </c>
      <c r="DK22" s="271">
        <v>0</v>
      </c>
      <c r="DL22" s="272">
        <v>0</v>
      </c>
      <c r="DM22" s="270">
        <v>37070</v>
      </c>
      <c r="DN22" s="270">
        <v>198984</v>
      </c>
      <c r="DO22" s="270">
        <v>1422618</v>
      </c>
      <c r="DP22" s="270">
        <v>1612214</v>
      </c>
      <c r="DQ22" s="270">
        <v>1103574</v>
      </c>
      <c r="DR22" s="273">
        <v>4374460</v>
      </c>
      <c r="DS22" s="275">
        <v>4374460</v>
      </c>
      <c r="DT22" s="269">
        <v>0</v>
      </c>
      <c r="DU22" s="270">
        <v>0</v>
      </c>
      <c r="DV22" s="271">
        <v>0</v>
      </c>
      <c r="DW22" s="470">
        <v>0</v>
      </c>
      <c r="DX22" s="270">
        <v>15035</v>
      </c>
      <c r="DY22" s="270">
        <v>99262</v>
      </c>
      <c r="DZ22" s="270">
        <v>1337628</v>
      </c>
      <c r="EA22" s="270">
        <v>1472770</v>
      </c>
      <c r="EB22" s="270">
        <v>1046160</v>
      </c>
      <c r="EC22" s="273">
        <v>3970855</v>
      </c>
      <c r="ED22" s="274">
        <v>3970855</v>
      </c>
      <c r="EE22" s="269">
        <v>0</v>
      </c>
      <c r="EF22" s="270">
        <v>0</v>
      </c>
      <c r="EG22" s="271">
        <v>0</v>
      </c>
      <c r="EH22" s="470">
        <v>0</v>
      </c>
      <c r="EI22" s="270">
        <v>12555</v>
      </c>
      <c r="EJ22" s="270">
        <v>26145</v>
      </c>
      <c r="EK22" s="270">
        <v>5013</v>
      </c>
      <c r="EL22" s="270">
        <v>24481</v>
      </c>
      <c r="EM22" s="270">
        <v>11842</v>
      </c>
      <c r="EN22" s="273">
        <v>80036</v>
      </c>
      <c r="EO22" s="274">
        <v>80036</v>
      </c>
      <c r="EP22" s="269">
        <v>0</v>
      </c>
      <c r="EQ22" s="270">
        <v>0</v>
      </c>
      <c r="ER22" s="271">
        <v>0</v>
      </c>
      <c r="ES22" s="470">
        <v>0</v>
      </c>
      <c r="ET22" s="270">
        <v>0</v>
      </c>
      <c r="EU22" s="270">
        <v>0</v>
      </c>
      <c r="EV22" s="270">
        <v>0</v>
      </c>
      <c r="EW22" s="270">
        <v>0</v>
      </c>
      <c r="EX22" s="270">
        <v>0</v>
      </c>
      <c r="EY22" s="273">
        <v>0</v>
      </c>
      <c r="EZ22" s="274">
        <v>0</v>
      </c>
      <c r="FA22" s="269">
        <v>0</v>
      </c>
      <c r="FB22" s="270">
        <v>0</v>
      </c>
      <c r="FC22" s="271">
        <v>0</v>
      </c>
      <c r="FD22" s="470">
        <v>0</v>
      </c>
      <c r="FE22" s="270">
        <v>0</v>
      </c>
      <c r="FF22" s="270">
        <v>0</v>
      </c>
      <c r="FG22" s="270">
        <v>0</v>
      </c>
      <c r="FH22" s="270">
        <v>0</v>
      </c>
      <c r="FI22" s="270">
        <v>217</v>
      </c>
      <c r="FJ22" s="273">
        <v>217</v>
      </c>
      <c r="FK22" s="274">
        <v>217</v>
      </c>
      <c r="FL22" s="269">
        <v>0</v>
      </c>
      <c r="FM22" s="270">
        <v>0</v>
      </c>
      <c r="FN22" s="271">
        <v>0</v>
      </c>
      <c r="FO22" s="470">
        <v>0</v>
      </c>
      <c r="FP22" s="270">
        <v>0</v>
      </c>
      <c r="FQ22" s="270">
        <v>0</v>
      </c>
      <c r="FR22" s="270">
        <v>0</v>
      </c>
      <c r="FS22" s="270">
        <v>0</v>
      </c>
      <c r="FT22" s="270">
        <v>0</v>
      </c>
      <c r="FU22" s="273">
        <v>0</v>
      </c>
      <c r="FV22" s="274">
        <v>0</v>
      </c>
      <c r="FW22" s="269">
        <v>0</v>
      </c>
      <c r="FX22" s="270">
        <v>0</v>
      </c>
      <c r="FY22" s="271">
        <v>0</v>
      </c>
      <c r="FZ22" s="272">
        <v>0</v>
      </c>
      <c r="GA22" s="270">
        <v>9480</v>
      </c>
      <c r="GB22" s="270">
        <v>65245</v>
      </c>
      <c r="GC22" s="270">
        <v>79963</v>
      </c>
      <c r="GD22" s="270">
        <v>104581</v>
      </c>
      <c r="GE22" s="270">
        <v>45355</v>
      </c>
      <c r="GF22" s="273">
        <v>304624</v>
      </c>
      <c r="GG22" s="274">
        <v>304624</v>
      </c>
      <c r="GH22" s="269">
        <v>0</v>
      </c>
      <c r="GI22" s="270">
        <v>0</v>
      </c>
      <c r="GJ22" s="271">
        <v>0</v>
      </c>
      <c r="GK22" s="272">
        <v>0</v>
      </c>
      <c r="GL22" s="270">
        <v>0</v>
      </c>
      <c r="GM22" s="270">
        <v>8332</v>
      </c>
      <c r="GN22" s="270">
        <v>14</v>
      </c>
      <c r="GO22" s="270">
        <v>10382</v>
      </c>
      <c r="GP22" s="270">
        <v>0</v>
      </c>
      <c r="GQ22" s="273">
        <v>18728</v>
      </c>
      <c r="GR22" s="274">
        <v>18728</v>
      </c>
      <c r="GS22" s="269">
        <v>0</v>
      </c>
      <c r="GT22" s="270">
        <v>0</v>
      </c>
      <c r="GU22" s="271">
        <v>0</v>
      </c>
      <c r="GV22" s="272">
        <v>0</v>
      </c>
      <c r="GW22" s="270">
        <v>0</v>
      </c>
      <c r="GX22" s="270">
        <v>0</v>
      </c>
      <c r="GY22" s="270">
        <v>0</v>
      </c>
      <c r="GZ22" s="270">
        <v>0</v>
      </c>
      <c r="HA22" s="270">
        <v>0</v>
      </c>
      <c r="HB22" s="273">
        <v>0</v>
      </c>
      <c r="HC22" s="274">
        <v>0</v>
      </c>
      <c r="HD22" s="269">
        <v>0</v>
      </c>
      <c r="HE22" s="270">
        <v>0</v>
      </c>
      <c r="HF22" s="271">
        <v>0</v>
      </c>
      <c r="HG22" s="470">
        <v>0</v>
      </c>
      <c r="HH22" s="270">
        <v>0</v>
      </c>
      <c r="HI22" s="270">
        <v>0</v>
      </c>
      <c r="HJ22" s="270">
        <v>0</v>
      </c>
      <c r="HK22" s="270">
        <v>0</v>
      </c>
      <c r="HL22" s="270">
        <v>0</v>
      </c>
      <c r="HM22" s="273">
        <v>0</v>
      </c>
      <c r="HN22" s="274">
        <v>0</v>
      </c>
      <c r="HO22" s="269">
        <v>0</v>
      </c>
      <c r="HP22" s="270">
        <v>0</v>
      </c>
      <c r="HQ22" s="271">
        <v>0</v>
      </c>
      <c r="HR22" s="272">
        <v>0</v>
      </c>
      <c r="HS22" s="270">
        <v>167920</v>
      </c>
      <c r="HT22" s="270">
        <v>587621</v>
      </c>
      <c r="HU22" s="270">
        <v>2724466</v>
      </c>
      <c r="HV22" s="270">
        <v>2880174</v>
      </c>
      <c r="HW22" s="270">
        <v>2201524</v>
      </c>
      <c r="HX22" s="273">
        <v>8561705</v>
      </c>
      <c r="HY22" s="274">
        <v>8561705</v>
      </c>
    </row>
    <row r="23" spans="2:233" ht="21" customHeight="1" x14ac:dyDescent="0.2">
      <c r="B23" s="437" t="s">
        <v>20</v>
      </c>
      <c r="C23" s="269">
        <v>0</v>
      </c>
      <c r="D23" s="270">
        <v>290</v>
      </c>
      <c r="E23" s="271">
        <v>290</v>
      </c>
      <c r="F23" s="272">
        <v>0</v>
      </c>
      <c r="G23" s="270">
        <v>180850</v>
      </c>
      <c r="H23" s="270">
        <v>456710</v>
      </c>
      <c r="I23" s="270">
        <v>1407585</v>
      </c>
      <c r="J23" s="270">
        <v>1394385</v>
      </c>
      <c r="K23" s="270">
        <v>652930</v>
      </c>
      <c r="L23" s="273">
        <v>4092460</v>
      </c>
      <c r="M23" s="274">
        <v>4092750</v>
      </c>
      <c r="N23" s="269">
        <v>0</v>
      </c>
      <c r="O23" s="270">
        <v>0</v>
      </c>
      <c r="P23" s="271">
        <v>0</v>
      </c>
      <c r="Q23" s="470">
        <v>0</v>
      </c>
      <c r="R23" s="270">
        <v>40680</v>
      </c>
      <c r="S23" s="270">
        <v>246915</v>
      </c>
      <c r="T23" s="270">
        <v>1132540</v>
      </c>
      <c r="U23" s="270">
        <v>1191820</v>
      </c>
      <c r="V23" s="270">
        <v>531455</v>
      </c>
      <c r="W23" s="273">
        <v>3143410</v>
      </c>
      <c r="X23" s="274">
        <v>3143410</v>
      </c>
      <c r="Y23" s="269">
        <v>0</v>
      </c>
      <c r="Z23" s="270">
        <v>0</v>
      </c>
      <c r="AA23" s="271">
        <v>0</v>
      </c>
      <c r="AB23" s="470">
        <v>0</v>
      </c>
      <c r="AC23" s="270">
        <v>108965</v>
      </c>
      <c r="AD23" s="270">
        <v>155000</v>
      </c>
      <c r="AE23" s="270">
        <v>207555</v>
      </c>
      <c r="AF23" s="270">
        <v>113275</v>
      </c>
      <c r="AG23" s="270">
        <v>92535</v>
      </c>
      <c r="AH23" s="273">
        <v>677330</v>
      </c>
      <c r="AI23" s="274">
        <v>677330</v>
      </c>
      <c r="AJ23" s="269">
        <v>0</v>
      </c>
      <c r="AK23" s="270">
        <v>0</v>
      </c>
      <c r="AL23" s="271">
        <v>0</v>
      </c>
      <c r="AM23" s="470">
        <v>0</v>
      </c>
      <c r="AN23" s="270">
        <v>0</v>
      </c>
      <c r="AO23" s="270">
        <v>0</v>
      </c>
      <c r="AP23" s="270">
        <v>0</v>
      </c>
      <c r="AQ23" s="270">
        <v>0</v>
      </c>
      <c r="AR23" s="270">
        <v>0</v>
      </c>
      <c r="AS23" s="273">
        <v>0</v>
      </c>
      <c r="AT23" s="274">
        <v>0</v>
      </c>
      <c r="AU23" s="269">
        <v>0</v>
      </c>
      <c r="AV23" s="270">
        <v>0</v>
      </c>
      <c r="AW23" s="271">
        <v>0</v>
      </c>
      <c r="AX23" s="470">
        <v>0</v>
      </c>
      <c r="AY23" s="270">
        <v>0</v>
      </c>
      <c r="AZ23" s="270">
        <v>0</v>
      </c>
      <c r="BA23" s="270">
        <v>0</v>
      </c>
      <c r="BB23" s="270">
        <v>3825</v>
      </c>
      <c r="BC23" s="270">
        <v>0</v>
      </c>
      <c r="BD23" s="273">
        <v>3825</v>
      </c>
      <c r="BE23" s="274">
        <v>3825</v>
      </c>
      <c r="BF23" s="269">
        <v>0</v>
      </c>
      <c r="BG23" s="270">
        <v>0</v>
      </c>
      <c r="BH23" s="271">
        <v>0</v>
      </c>
      <c r="BI23" s="470">
        <v>0</v>
      </c>
      <c r="BJ23" s="270">
        <v>0</v>
      </c>
      <c r="BK23" s="270">
        <v>0</v>
      </c>
      <c r="BL23" s="270">
        <v>0</v>
      </c>
      <c r="BM23" s="270">
        <v>0</v>
      </c>
      <c r="BN23" s="270">
        <v>0</v>
      </c>
      <c r="BO23" s="273">
        <v>0</v>
      </c>
      <c r="BP23" s="274">
        <v>0</v>
      </c>
      <c r="BQ23" s="269">
        <v>0</v>
      </c>
      <c r="BR23" s="270">
        <v>290</v>
      </c>
      <c r="BS23" s="271">
        <v>290</v>
      </c>
      <c r="BT23" s="272">
        <v>0</v>
      </c>
      <c r="BU23" s="270">
        <v>29620</v>
      </c>
      <c r="BV23" s="270">
        <v>54505</v>
      </c>
      <c r="BW23" s="270">
        <v>65460</v>
      </c>
      <c r="BX23" s="270">
        <v>82710</v>
      </c>
      <c r="BY23" s="270">
        <v>28940</v>
      </c>
      <c r="BZ23" s="273">
        <v>261235</v>
      </c>
      <c r="CA23" s="274">
        <v>261525</v>
      </c>
      <c r="CB23" s="269">
        <v>0</v>
      </c>
      <c r="CC23" s="270">
        <v>0</v>
      </c>
      <c r="CD23" s="271">
        <v>0</v>
      </c>
      <c r="CE23" s="272">
        <v>0</v>
      </c>
      <c r="CF23" s="270">
        <v>1585</v>
      </c>
      <c r="CG23" s="270">
        <v>290</v>
      </c>
      <c r="CH23" s="270">
        <v>2030</v>
      </c>
      <c r="CI23" s="270">
        <v>2755</v>
      </c>
      <c r="CJ23" s="270">
        <v>0</v>
      </c>
      <c r="CK23" s="273">
        <v>6660</v>
      </c>
      <c r="CL23" s="274">
        <v>6660</v>
      </c>
      <c r="CM23" s="269">
        <v>0</v>
      </c>
      <c r="CN23" s="270">
        <v>0</v>
      </c>
      <c r="CO23" s="271">
        <v>0</v>
      </c>
      <c r="CP23" s="272">
        <v>0</v>
      </c>
      <c r="CQ23" s="270">
        <v>0</v>
      </c>
      <c r="CR23" s="270">
        <v>0</v>
      </c>
      <c r="CS23" s="270">
        <v>0</v>
      </c>
      <c r="CT23" s="270">
        <v>0</v>
      </c>
      <c r="CU23" s="270">
        <v>0</v>
      </c>
      <c r="CV23" s="273">
        <v>0</v>
      </c>
      <c r="CW23" s="274">
        <v>0</v>
      </c>
      <c r="CX23" s="269">
        <v>0</v>
      </c>
      <c r="CY23" s="270">
        <v>0</v>
      </c>
      <c r="CZ23" s="271">
        <v>0</v>
      </c>
      <c r="DA23" s="470">
        <v>0</v>
      </c>
      <c r="DB23" s="270">
        <v>0</v>
      </c>
      <c r="DC23" s="270">
        <v>0</v>
      </c>
      <c r="DD23" s="270">
        <v>0</v>
      </c>
      <c r="DE23" s="270">
        <v>0</v>
      </c>
      <c r="DF23" s="270">
        <v>0</v>
      </c>
      <c r="DG23" s="273">
        <v>0</v>
      </c>
      <c r="DH23" s="274">
        <v>0</v>
      </c>
      <c r="DI23" s="269">
        <v>0</v>
      </c>
      <c r="DJ23" s="270">
        <v>4176</v>
      </c>
      <c r="DK23" s="271">
        <v>4176</v>
      </c>
      <c r="DL23" s="272">
        <v>0</v>
      </c>
      <c r="DM23" s="270">
        <v>164108</v>
      </c>
      <c r="DN23" s="270">
        <v>470628</v>
      </c>
      <c r="DO23" s="270">
        <v>1919151</v>
      </c>
      <c r="DP23" s="270">
        <v>2434422</v>
      </c>
      <c r="DQ23" s="270">
        <v>869383</v>
      </c>
      <c r="DR23" s="273">
        <v>5857692</v>
      </c>
      <c r="DS23" s="275">
        <v>5861868</v>
      </c>
      <c r="DT23" s="269">
        <v>0</v>
      </c>
      <c r="DU23" s="270">
        <v>0</v>
      </c>
      <c r="DV23" s="271">
        <v>0</v>
      </c>
      <c r="DW23" s="470">
        <v>0</v>
      </c>
      <c r="DX23" s="270">
        <v>62682</v>
      </c>
      <c r="DY23" s="270">
        <v>381133</v>
      </c>
      <c r="DZ23" s="270">
        <v>1715016</v>
      </c>
      <c r="EA23" s="270">
        <v>2180771</v>
      </c>
      <c r="EB23" s="270">
        <v>801660</v>
      </c>
      <c r="EC23" s="273">
        <v>5141262</v>
      </c>
      <c r="ED23" s="274">
        <v>5141262</v>
      </c>
      <c r="EE23" s="269">
        <v>0</v>
      </c>
      <c r="EF23" s="270">
        <v>0</v>
      </c>
      <c r="EG23" s="271">
        <v>0</v>
      </c>
      <c r="EH23" s="470">
        <v>0</v>
      </c>
      <c r="EI23" s="270">
        <v>34906</v>
      </c>
      <c r="EJ23" s="270">
        <v>13919</v>
      </c>
      <c r="EK23" s="270">
        <v>31630</v>
      </c>
      <c r="EL23" s="270">
        <v>10956</v>
      </c>
      <c r="EM23" s="270">
        <v>1519</v>
      </c>
      <c r="EN23" s="273">
        <v>92930</v>
      </c>
      <c r="EO23" s="274">
        <v>92930</v>
      </c>
      <c r="EP23" s="269">
        <v>0</v>
      </c>
      <c r="EQ23" s="270">
        <v>0</v>
      </c>
      <c r="ER23" s="271">
        <v>0</v>
      </c>
      <c r="ES23" s="470">
        <v>0</v>
      </c>
      <c r="ET23" s="270">
        <v>0</v>
      </c>
      <c r="EU23" s="270">
        <v>0</v>
      </c>
      <c r="EV23" s="270">
        <v>0</v>
      </c>
      <c r="EW23" s="270">
        <v>0</v>
      </c>
      <c r="EX23" s="270">
        <v>0</v>
      </c>
      <c r="EY23" s="273">
        <v>0</v>
      </c>
      <c r="EZ23" s="274">
        <v>0</v>
      </c>
      <c r="FA23" s="269">
        <v>0</v>
      </c>
      <c r="FB23" s="270">
        <v>0</v>
      </c>
      <c r="FC23" s="271">
        <v>0</v>
      </c>
      <c r="FD23" s="470">
        <v>0</v>
      </c>
      <c r="FE23" s="270">
        <v>0</v>
      </c>
      <c r="FF23" s="270">
        <v>0</v>
      </c>
      <c r="FG23" s="270">
        <v>0</v>
      </c>
      <c r="FH23" s="270">
        <v>315</v>
      </c>
      <c r="FI23" s="270">
        <v>0</v>
      </c>
      <c r="FJ23" s="273">
        <v>315</v>
      </c>
      <c r="FK23" s="274">
        <v>315</v>
      </c>
      <c r="FL23" s="269">
        <v>0</v>
      </c>
      <c r="FM23" s="270">
        <v>0</v>
      </c>
      <c r="FN23" s="271">
        <v>0</v>
      </c>
      <c r="FO23" s="470">
        <v>0</v>
      </c>
      <c r="FP23" s="270">
        <v>0</v>
      </c>
      <c r="FQ23" s="270">
        <v>0</v>
      </c>
      <c r="FR23" s="270">
        <v>0</v>
      </c>
      <c r="FS23" s="270">
        <v>0</v>
      </c>
      <c r="FT23" s="270">
        <v>0</v>
      </c>
      <c r="FU23" s="273">
        <v>0</v>
      </c>
      <c r="FV23" s="274">
        <v>0</v>
      </c>
      <c r="FW23" s="269">
        <v>0</v>
      </c>
      <c r="FX23" s="270">
        <v>4176</v>
      </c>
      <c r="FY23" s="271">
        <v>4176</v>
      </c>
      <c r="FZ23" s="272">
        <v>0</v>
      </c>
      <c r="GA23" s="270">
        <v>65088</v>
      </c>
      <c r="GB23" s="270">
        <v>74502</v>
      </c>
      <c r="GC23" s="270">
        <v>166777</v>
      </c>
      <c r="GD23" s="270">
        <v>239439</v>
      </c>
      <c r="GE23" s="270">
        <v>66204</v>
      </c>
      <c r="GF23" s="273">
        <v>612010</v>
      </c>
      <c r="GG23" s="274">
        <v>616186</v>
      </c>
      <c r="GH23" s="269">
        <v>0</v>
      </c>
      <c r="GI23" s="270">
        <v>0</v>
      </c>
      <c r="GJ23" s="271">
        <v>0</v>
      </c>
      <c r="GK23" s="272">
        <v>0</v>
      </c>
      <c r="GL23" s="270">
        <v>1432</v>
      </c>
      <c r="GM23" s="270">
        <v>1074</v>
      </c>
      <c r="GN23" s="270">
        <v>5728</v>
      </c>
      <c r="GO23" s="270">
        <v>2941</v>
      </c>
      <c r="GP23" s="270">
        <v>0</v>
      </c>
      <c r="GQ23" s="273">
        <v>11175</v>
      </c>
      <c r="GR23" s="274">
        <v>11175</v>
      </c>
      <c r="GS23" s="269">
        <v>0</v>
      </c>
      <c r="GT23" s="270">
        <v>0</v>
      </c>
      <c r="GU23" s="271">
        <v>0</v>
      </c>
      <c r="GV23" s="272">
        <v>0</v>
      </c>
      <c r="GW23" s="270">
        <v>0</v>
      </c>
      <c r="GX23" s="270">
        <v>0</v>
      </c>
      <c r="GY23" s="270">
        <v>0</v>
      </c>
      <c r="GZ23" s="270">
        <v>0</v>
      </c>
      <c r="HA23" s="270">
        <v>0</v>
      </c>
      <c r="HB23" s="273">
        <v>0</v>
      </c>
      <c r="HC23" s="274">
        <v>0</v>
      </c>
      <c r="HD23" s="269">
        <v>0</v>
      </c>
      <c r="HE23" s="270">
        <v>0</v>
      </c>
      <c r="HF23" s="271">
        <v>0</v>
      </c>
      <c r="HG23" s="470">
        <v>0</v>
      </c>
      <c r="HH23" s="270">
        <v>0</v>
      </c>
      <c r="HI23" s="270">
        <v>0</v>
      </c>
      <c r="HJ23" s="270">
        <v>0</v>
      </c>
      <c r="HK23" s="270">
        <v>0</v>
      </c>
      <c r="HL23" s="270">
        <v>0</v>
      </c>
      <c r="HM23" s="273">
        <v>0</v>
      </c>
      <c r="HN23" s="274">
        <v>0</v>
      </c>
      <c r="HO23" s="269">
        <v>0</v>
      </c>
      <c r="HP23" s="270">
        <v>4466</v>
      </c>
      <c r="HQ23" s="271">
        <v>4466</v>
      </c>
      <c r="HR23" s="272">
        <v>0</v>
      </c>
      <c r="HS23" s="270">
        <v>344958</v>
      </c>
      <c r="HT23" s="270">
        <v>927338</v>
      </c>
      <c r="HU23" s="270">
        <v>3326736</v>
      </c>
      <c r="HV23" s="270">
        <v>3828807</v>
      </c>
      <c r="HW23" s="270">
        <v>1522313</v>
      </c>
      <c r="HX23" s="273">
        <v>9950152</v>
      </c>
      <c r="HY23" s="274">
        <v>9954618</v>
      </c>
    </row>
    <row r="24" spans="2:233" ht="21" customHeight="1" x14ac:dyDescent="0.2">
      <c r="B24" s="437" t="s">
        <v>21</v>
      </c>
      <c r="C24" s="269">
        <v>0</v>
      </c>
      <c r="D24" s="270">
        <v>0</v>
      </c>
      <c r="E24" s="271">
        <v>0</v>
      </c>
      <c r="F24" s="272">
        <v>0</v>
      </c>
      <c r="G24" s="270">
        <v>160170</v>
      </c>
      <c r="H24" s="270">
        <v>512276</v>
      </c>
      <c r="I24" s="270">
        <v>2117772</v>
      </c>
      <c r="J24" s="270">
        <v>1783679</v>
      </c>
      <c r="K24" s="270">
        <v>1389969</v>
      </c>
      <c r="L24" s="273">
        <v>5963866</v>
      </c>
      <c r="M24" s="274">
        <v>5963866</v>
      </c>
      <c r="N24" s="269">
        <v>0</v>
      </c>
      <c r="O24" s="270">
        <v>0</v>
      </c>
      <c r="P24" s="271">
        <v>0</v>
      </c>
      <c r="Q24" s="470">
        <v>0</v>
      </c>
      <c r="R24" s="270">
        <v>35495</v>
      </c>
      <c r="S24" s="270">
        <v>193595</v>
      </c>
      <c r="T24" s="270">
        <v>1743148</v>
      </c>
      <c r="U24" s="270">
        <v>1317381</v>
      </c>
      <c r="V24" s="270">
        <v>990999</v>
      </c>
      <c r="W24" s="273">
        <v>4280618</v>
      </c>
      <c r="X24" s="274">
        <v>4280618</v>
      </c>
      <c r="Y24" s="269">
        <v>0</v>
      </c>
      <c r="Z24" s="270">
        <v>0</v>
      </c>
      <c r="AA24" s="271">
        <v>0</v>
      </c>
      <c r="AB24" s="470">
        <v>0</v>
      </c>
      <c r="AC24" s="270">
        <v>82125</v>
      </c>
      <c r="AD24" s="270">
        <v>175085</v>
      </c>
      <c r="AE24" s="270">
        <v>266210</v>
      </c>
      <c r="AF24" s="270">
        <v>206015</v>
      </c>
      <c r="AG24" s="270">
        <v>170510</v>
      </c>
      <c r="AH24" s="273">
        <v>899945</v>
      </c>
      <c r="AI24" s="274">
        <v>899945</v>
      </c>
      <c r="AJ24" s="269">
        <v>0</v>
      </c>
      <c r="AK24" s="270">
        <v>0</v>
      </c>
      <c r="AL24" s="271">
        <v>0</v>
      </c>
      <c r="AM24" s="470">
        <v>0</v>
      </c>
      <c r="AN24" s="270">
        <v>0</v>
      </c>
      <c r="AO24" s="270">
        <v>0</v>
      </c>
      <c r="AP24" s="270">
        <v>0</v>
      </c>
      <c r="AQ24" s="270">
        <v>32705</v>
      </c>
      <c r="AR24" s="270">
        <v>28170</v>
      </c>
      <c r="AS24" s="273">
        <v>60875</v>
      </c>
      <c r="AT24" s="274">
        <v>60875</v>
      </c>
      <c r="AU24" s="269">
        <v>0</v>
      </c>
      <c r="AV24" s="270">
        <v>0</v>
      </c>
      <c r="AW24" s="271">
        <v>0</v>
      </c>
      <c r="AX24" s="470">
        <v>0</v>
      </c>
      <c r="AY24" s="270">
        <v>0</v>
      </c>
      <c r="AZ24" s="270">
        <v>0</v>
      </c>
      <c r="BA24" s="270">
        <v>35495</v>
      </c>
      <c r="BB24" s="270">
        <v>50035</v>
      </c>
      <c r="BC24" s="270">
        <v>141185</v>
      </c>
      <c r="BD24" s="273">
        <v>226715</v>
      </c>
      <c r="BE24" s="274">
        <v>226715</v>
      </c>
      <c r="BF24" s="269">
        <v>0</v>
      </c>
      <c r="BG24" s="270">
        <v>0</v>
      </c>
      <c r="BH24" s="271">
        <v>0</v>
      </c>
      <c r="BI24" s="470">
        <v>0</v>
      </c>
      <c r="BJ24" s="270">
        <v>0</v>
      </c>
      <c r="BK24" s="270">
        <v>0</v>
      </c>
      <c r="BL24" s="270">
        <v>0</v>
      </c>
      <c r="BM24" s="270">
        <v>0</v>
      </c>
      <c r="BN24" s="270">
        <v>0</v>
      </c>
      <c r="BO24" s="273">
        <v>0</v>
      </c>
      <c r="BP24" s="274">
        <v>0</v>
      </c>
      <c r="BQ24" s="269">
        <v>0</v>
      </c>
      <c r="BR24" s="270">
        <v>0</v>
      </c>
      <c r="BS24" s="271">
        <v>0</v>
      </c>
      <c r="BT24" s="272">
        <v>0</v>
      </c>
      <c r="BU24" s="270">
        <v>42550</v>
      </c>
      <c r="BV24" s="270">
        <v>140926</v>
      </c>
      <c r="BW24" s="270">
        <v>68275</v>
      </c>
      <c r="BX24" s="270">
        <v>171459</v>
      </c>
      <c r="BY24" s="270">
        <v>59105</v>
      </c>
      <c r="BZ24" s="273">
        <v>482315</v>
      </c>
      <c r="CA24" s="274">
        <v>482315</v>
      </c>
      <c r="CB24" s="269">
        <v>0</v>
      </c>
      <c r="CC24" s="270">
        <v>0</v>
      </c>
      <c r="CD24" s="271">
        <v>0</v>
      </c>
      <c r="CE24" s="272">
        <v>0</v>
      </c>
      <c r="CF24" s="270">
        <v>0</v>
      </c>
      <c r="CG24" s="270">
        <v>2670</v>
      </c>
      <c r="CH24" s="270">
        <v>4644</v>
      </c>
      <c r="CI24" s="270">
        <v>6084</v>
      </c>
      <c r="CJ24" s="270">
        <v>0</v>
      </c>
      <c r="CK24" s="273">
        <v>13398</v>
      </c>
      <c r="CL24" s="274">
        <v>13398</v>
      </c>
      <c r="CM24" s="269">
        <v>0</v>
      </c>
      <c r="CN24" s="270">
        <v>0</v>
      </c>
      <c r="CO24" s="271">
        <v>0</v>
      </c>
      <c r="CP24" s="272">
        <v>0</v>
      </c>
      <c r="CQ24" s="270">
        <v>0</v>
      </c>
      <c r="CR24" s="270">
        <v>0</v>
      </c>
      <c r="CS24" s="270">
        <v>0</v>
      </c>
      <c r="CT24" s="270">
        <v>0</v>
      </c>
      <c r="CU24" s="270">
        <v>0</v>
      </c>
      <c r="CV24" s="273">
        <v>0</v>
      </c>
      <c r="CW24" s="274">
        <v>0</v>
      </c>
      <c r="CX24" s="269">
        <v>0</v>
      </c>
      <c r="CY24" s="270">
        <v>0</v>
      </c>
      <c r="CZ24" s="271">
        <v>0</v>
      </c>
      <c r="DA24" s="470">
        <v>0</v>
      </c>
      <c r="DB24" s="270">
        <v>0</v>
      </c>
      <c r="DC24" s="270">
        <v>0</v>
      </c>
      <c r="DD24" s="270">
        <v>0</v>
      </c>
      <c r="DE24" s="270">
        <v>0</v>
      </c>
      <c r="DF24" s="270">
        <v>0</v>
      </c>
      <c r="DG24" s="273">
        <v>0</v>
      </c>
      <c r="DH24" s="274">
        <v>0</v>
      </c>
      <c r="DI24" s="269">
        <v>0</v>
      </c>
      <c r="DJ24" s="270">
        <v>0</v>
      </c>
      <c r="DK24" s="271">
        <v>0</v>
      </c>
      <c r="DL24" s="272">
        <v>0</v>
      </c>
      <c r="DM24" s="270">
        <v>103820</v>
      </c>
      <c r="DN24" s="270">
        <v>414545</v>
      </c>
      <c r="DO24" s="270">
        <v>2166411</v>
      </c>
      <c r="DP24" s="270">
        <v>2295951</v>
      </c>
      <c r="DQ24" s="270">
        <v>1527002</v>
      </c>
      <c r="DR24" s="273">
        <v>6507729</v>
      </c>
      <c r="DS24" s="275">
        <v>6507729</v>
      </c>
      <c r="DT24" s="269">
        <v>0</v>
      </c>
      <c r="DU24" s="270">
        <v>0</v>
      </c>
      <c r="DV24" s="271">
        <v>0</v>
      </c>
      <c r="DW24" s="470">
        <v>0</v>
      </c>
      <c r="DX24" s="270">
        <v>26505</v>
      </c>
      <c r="DY24" s="270">
        <v>196695</v>
      </c>
      <c r="DZ24" s="270">
        <v>1954906</v>
      </c>
      <c r="EA24" s="270">
        <v>1920355</v>
      </c>
      <c r="EB24" s="270">
        <v>1352576</v>
      </c>
      <c r="EC24" s="273">
        <v>5451037</v>
      </c>
      <c r="ED24" s="274">
        <v>5451037</v>
      </c>
      <c r="EE24" s="269">
        <v>0</v>
      </c>
      <c r="EF24" s="270">
        <v>0</v>
      </c>
      <c r="EG24" s="271">
        <v>0</v>
      </c>
      <c r="EH24" s="470">
        <v>0</v>
      </c>
      <c r="EI24" s="270">
        <v>13465</v>
      </c>
      <c r="EJ24" s="270">
        <v>13422</v>
      </c>
      <c r="EK24" s="270">
        <v>14942</v>
      </c>
      <c r="EL24" s="270">
        <v>13885</v>
      </c>
      <c r="EM24" s="270">
        <v>46251</v>
      </c>
      <c r="EN24" s="273">
        <v>101965</v>
      </c>
      <c r="EO24" s="274">
        <v>101965</v>
      </c>
      <c r="EP24" s="269">
        <v>0</v>
      </c>
      <c r="EQ24" s="270">
        <v>0</v>
      </c>
      <c r="ER24" s="271">
        <v>0</v>
      </c>
      <c r="ES24" s="470">
        <v>0</v>
      </c>
      <c r="ET24" s="270">
        <v>0</v>
      </c>
      <c r="EU24" s="270">
        <v>0</v>
      </c>
      <c r="EV24" s="270">
        <v>0</v>
      </c>
      <c r="EW24" s="270">
        <v>0</v>
      </c>
      <c r="EX24" s="270">
        <v>8880</v>
      </c>
      <c r="EY24" s="273">
        <v>8880</v>
      </c>
      <c r="EZ24" s="274">
        <v>8880</v>
      </c>
      <c r="FA24" s="269">
        <v>0</v>
      </c>
      <c r="FB24" s="270">
        <v>0</v>
      </c>
      <c r="FC24" s="271">
        <v>0</v>
      </c>
      <c r="FD24" s="470">
        <v>0</v>
      </c>
      <c r="FE24" s="270">
        <v>0</v>
      </c>
      <c r="FF24" s="270">
        <v>0</v>
      </c>
      <c r="FG24" s="270">
        <v>11687</v>
      </c>
      <c r="FH24" s="270">
        <v>833</v>
      </c>
      <c r="FI24" s="270">
        <v>13199</v>
      </c>
      <c r="FJ24" s="273">
        <v>25719</v>
      </c>
      <c r="FK24" s="274">
        <v>25719</v>
      </c>
      <c r="FL24" s="269">
        <v>0</v>
      </c>
      <c r="FM24" s="270">
        <v>0</v>
      </c>
      <c r="FN24" s="271">
        <v>0</v>
      </c>
      <c r="FO24" s="470">
        <v>0</v>
      </c>
      <c r="FP24" s="270">
        <v>0</v>
      </c>
      <c r="FQ24" s="270">
        <v>0</v>
      </c>
      <c r="FR24" s="270">
        <v>0</v>
      </c>
      <c r="FS24" s="270">
        <v>0</v>
      </c>
      <c r="FT24" s="270">
        <v>0</v>
      </c>
      <c r="FU24" s="273">
        <v>0</v>
      </c>
      <c r="FV24" s="274">
        <v>0</v>
      </c>
      <c r="FW24" s="269">
        <v>0</v>
      </c>
      <c r="FX24" s="270">
        <v>0</v>
      </c>
      <c r="FY24" s="271">
        <v>0</v>
      </c>
      <c r="FZ24" s="272">
        <v>0</v>
      </c>
      <c r="GA24" s="270">
        <v>63850</v>
      </c>
      <c r="GB24" s="270">
        <v>199556</v>
      </c>
      <c r="GC24" s="270">
        <v>182693</v>
      </c>
      <c r="GD24" s="270">
        <v>359816</v>
      </c>
      <c r="GE24" s="270">
        <v>106096</v>
      </c>
      <c r="GF24" s="273">
        <v>912011</v>
      </c>
      <c r="GG24" s="274">
        <v>912011</v>
      </c>
      <c r="GH24" s="269">
        <v>0</v>
      </c>
      <c r="GI24" s="270">
        <v>0</v>
      </c>
      <c r="GJ24" s="271">
        <v>0</v>
      </c>
      <c r="GK24" s="272">
        <v>0</v>
      </c>
      <c r="GL24" s="270">
        <v>0</v>
      </c>
      <c r="GM24" s="270">
        <v>4872</v>
      </c>
      <c r="GN24" s="270">
        <v>2183</v>
      </c>
      <c r="GO24" s="270">
        <v>1062</v>
      </c>
      <c r="GP24" s="270">
        <v>0</v>
      </c>
      <c r="GQ24" s="273">
        <v>8117</v>
      </c>
      <c r="GR24" s="274">
        <v>8117</v>
      </c>
      <c r="GS24" s="269">
        <v>0</v>
      </c>
      <c r="GT24" s="270">
        <v>0</v>
      </c>
      <c r="GU24" s="271">
        <v>0</v>
      </c>
      <c r="GV24" s="272">
        <v>0</v>
      </c>
      <c r="GW24" s="270">
        <v>0</v>
      </c>
      <c r="GX24" s="270">
        <v>0</v>
      </c>
      <c r="GY24" s="270">
        <v>0</v>
      </c>
      <c r="GZ24" s="270">
        <v>0</v>
      </c>
      <c r="HA24" s="270">
        <v>0</v>
      </c>
      <c r="HB24" s="273">
        <v>0</v>
      </c>
      <c r="HC24" s="274">
        <v>0</v>
      </c>
      <c r="HD24" s="269">
        <v>0</v>
      </c>
      <c r="HE24" s="270">
        <v>0</v>
      </c>
      <c r="HF24" s="271">
        <v>0</v>
      </c>
      <c r="HG24" s="470">
        <v>0</v>
      </c>
      <c r="HH24" s="270">
        <v>0</v>
      </c>
      <c r="HI24" s="270">
        <v>0</v>
      </c>
      <c r="HJ24" s="270">
        <v>0</v>
      </c>
      <c r="HK24" s="270">
        <v>0</v>
      </c>
      <c r="HL24" s="270">
        <v>0</v>
      </c>
      <c r="HM24" s="273">
        <v>0</v>
      </c>
      <c r="HN24" s="274">
        <v>0</v>
      </c>
      <c r="HO24" s="269">
        <v>0</v>
      </c>
      <c r="HP24" s="270">
        <v>0</v>
      </c>
      <c r="HQ24" s="271">
        <v>0</v>
      </c>
      <c r="HR24" s="272">
        <v>0</v>
      </c>
      <c r="HS24" s="270">
        <v>263990</v>
      </c>
      <c r="HT24" s="270">
        <v>926821</v>
      </c>
      <c r="HU24" s="270">
        <v>4284183</v>
      </c>
      <c r="HV24" s="270">
        <v>4079630</v>
      </c>
      <c r="HW24" s="270">
        <v>2916971</v>
      </c>
      <c r="HX24" s="273">
        <v>12471595</v>
      </c>
      <c r="HY24" s="274">
        <v>12471595</v>
      </c>
    </row>
    <row r="25" spans="2:233" ht="21" customHeight="1" x14ac:dyDescent="0.2">
      <c r="B25" s="437" t="s">
        <v>22</v>
      </c>
      <c r="C25" s="269">
        <v>0</v>
      </c>
      <c r="D25" s="270">
        <v>0</v>
      </c>
      <c r="E25" s="271">
        <v>0</v>
      </c>
      <c r="F25" s="272">
        <v>0</v>
      </c>
      <c r="G25" s="270">
        <v>69160</v>
      </c>
      <c r="H25" s="270">
        <v>360225</v>
      </c>
      <c r="I25" s="270">
        <v>699596</v>
      </c>
      <c r="J25" s="270">
        <v>952464</v>
      </c>
      <c r="K25" s="270">
        <v>460156</v>
      </c>
      <c r="L25" s="273">
        <v>2541601</v>
      </c>
      <c r="M25" s="274">
        <v>2541601</v>
      </c>
      <c r="N25" s="269">
        <v>0</v>
      </c>
      <c r="O25" s="270">
        <v>0</v>
      </c>
      <c r="P25" s="271">
        <v>0</v>
      </c>
      <c r="Q25" s="470">
        <v>0</v>
      </c>
      <c r="R25" s="270">
        <v>35495</v>
      </c>
      <c r="S25" s="270">
        <v>65410</v>
      </c>
      <c r="T25" s="270">
        <v>417781</v>
      </c>
      <c r="U25" s="270">
        <v>536179</v>
      </c>
      <c r="V25" s="270">
        <v>218685</v>
      </c>
      <c r="W25" s="273">
        <v>1273550</v>
      </c>
      <c r="X25" s="274">
        <v>1273550</v>
      </c>
      <c r="Y25" s="269">
        <v>0</v>
      </c>
      <c r="Z25" s="270">
        <v>0</v>
      </c>
      <c r="AA25" s="271">
        <v>0</v>
      </c>
      <c r="AB25" s="470">
        <v>0</v>
      </c>
      <c r="AC25" s="270">
        <v>29915</v>
      </c>
      <c r="AD25" s="270">
        <v>277610</v>
      </c>
      <c r="AE25" s="270">
        <v>124855</v>
      </c>
      <c r="AF25" s="270">
        <v>358825</v>
      </c>
      <c r="AG25" s="270">
        <v>107126</v>
      </c>
      <c r="AH25" s="273">
        <v>898331</v>
      </c>
      <c r="AI25" s="274">
        <v>898331</v>
      </c>
      <c r="AJ25" s="269">
        <v>0</v>
      </c>
      <c r="AK25" s="270">
        <v>0</v>
      </c>
      <c r="AL25" s="271">
        <v>0</v>
      </c>
      <c r="AM25" s="470">
        <v>0</v>
      </c>
      <c r="AN25" s="270">
        <v>0</v>
      </c>
      <c r="AO25" s="270">
        <v>0</v>
      </c>
      <c r="AP25" s="270">
        <v>0</v>
      </c>
      <c r="AQ25" s="270">
        <v>0</v>
      </c>
      <c r="AR25" s="270">
        <v>0</v>
      </c>
      <c r="AS25" s="273">
        <v>0</v>
      </c>
      <c r="AT25" s="274">
        <v>0</v>
      </c>
      <c r="AU25" s="269">
        <v>0</v>
      </c>
      <c r="AV25" s="270">
        <v>0</v>
      </c>
      <c r="AW25" s="271">
        <v>0</v>
      </c>
      <c r="AX25" s="470">
        <v>0</v>
      </c>
      <c r="AY25" s="270">
        <v>0</v>
      </c>
      <c r="AZ25" s="270">
        <v>0</v>
      </c>
      <c r="BA25" s="270">
        <v>0</v>
      </c>
      <c r="BB25" s="270">
        <v>0</v>
      </c>
      <c r="BC25" s="270">
        <v>29830</v>
      </c>
      <c r="BD25" s="273">
        <v>29830</v>
      </c>
      <c r="BE25" s="274">
        <v>29830</v>
      </c>
      <c r="BF25" s="269">
        <v>0</v>
      </c>
      <c r="BG25" s="270">
        <v>0</v>
      </c>
      <c r="BH25" s="271">
        <v>0</v>
      </c>
      <c r="BI25" s="470">
        <v>0</v>
      </c>
      <c r="BJ25" s="270">
        <v>0</v>
      </c>
      <c r="BK25" s="270">
        <v>0</v>
      </c>
      <c r="BL25" s="270">
        <v>27280</v>
      </c>
      <c r="BM25" s="270">
        <v>54560</v>
      </c>
      <c r="BN25" s="270">
        <v>88420</v>
      </c>
      <c r="BO25" s="273">
        <v>170260</v>
      </c>
      <c r="BP25" s="274">
        <v>170260</v>
      </c>
      <c r="BQ25" s="269">
        <v>0</v>
      </c>
      <c r="BR25" s="270">
        <v>0</v>
      </c>
      <c r="BS25" s="271">
        <v>0</v>
      </c>
      <c r="BT25" s="272">
        <v>0</v>
      </c>
      <c r="BU25" s="270">
        <v>3750</v>
      </c>
      <c r="BV25" s="270">
        <v>17205</v>
      </c>
      <c r="BW25" s="270">
        <v>129100</v>
      </c>
      <c r="BX25" s="270">
        <v>2900</v>
      </c>
      <c r="BY25" s="270">
        <v>13630</v>
      </c>
      <c r="BZ25" s="273">
        <v>166585</v>
      </c>
      <c r="CA25" s="274">
        <v>166585</v>
      </c>
      <c r="CB25" s="269">
        <v>0</v>
      </c>
      <c r="CC25" s="270">
        <v>0</v>
      </c>
      <c r="CD25" s="271">
        <v>0</v>
      </c>
      <c r="CE25" s="272">
        <v>0</v>
      </c>
      <c r="CF25" s="270">
        <v>0</v>
      </c>
      <c r="CG25" s="270">
        <v>0</v>
      </c>
      <c r="CH25" s="270">
        <v>580</v>
      </c>
      <c r="CI25" s="270">
        <v>0</v>
      </c>
      <c r="CJ25" s="270">
        <v>2465</v>
      </c>
      <c r="CK25" s="273">
        <v>3045</v>
      </c>
      <c r="CL25" s="274">
        <v>3045</v>
      </c>
      <c r="CM25" s="269">
        <v>0</v>
      </c>
      <c r="CN25" s="270">
        <v>0</v>
      </c>
      <c r="CO25" s="271">
        <v>0</v>
      </c>
      <c r="CP25" s="272">
        <v>0</v>
      </c>
      <c r="CQ25" s="270">
        <v>0</v>
      </c>
      <c r="CR25" s="270">
        <v>0</v>
      </c>
      <c r="CS25" s="270">
        <v>0</v>
      </c>
      <c r="CT25" s="270">
        <v>0</v>
      </c>
      <c r="CU25" s="270">
        <v>0</v>
      </c>
      <c r="CV25" s="273">
        <v>0</v>
      </c>
      <c r="CW25" s="274">
        <v>0</v>
      </c>
      <c r="CX25" s="269">
        <v>0</v>
      </c>
      <c r="CY25" s="270">
        <v>0</v>
      </c>
      <c r="CZ25" s="271">
        <v>0</v>
      </c>
      <c r="DA25" s="470">
        <v>0</v>
      </c>
      <c r="DB25" s="270">
        <v>0</v>
      </c>
      <c r="DC25" s="270">
        <v>0</v>
      </c>
      <c r="DD25" s="270">
        <v>0</v>
      </c>
      <c r="DE25" s="270">
        <v>0</v>
      </c>
      <c r="DF25" s="270">
        <v>0</v>
      </c>
      <c r="DG25" s="273">
        <v>0</v>
      </c>
      <c r="DH25" s="274">
        <v>0</v>
      </c>
      <c r="DI25" s="269">
        <v>0</v>
      </c>
      <c r="DJ25" s="270">
        <v>702</v>
      </c>
      <c r="DK25" s="271">
        <v>702</v>
      </c>
      <c r="DL25" s="272">
        <v>0</v>
      </c>
      <c r="DM25" s="270">
        <v>31719</v>
      </c>
      <c r="DN25" s="270">
        <v>122805</v>
      </c>
      <c r="DO25" s="270">
        <v>658976</v>
      </c>
      <c r="DP25" s="270">
        <v>935254</v>
      </c>
      <c r="DQ25" s="270">
        <v>544385</v>
      </c>
      <c r="DR25" s="273">
        <v>2293139</v>
      </c>
      <c r="DS25" s="275">
        <v>2293841</v>
      </c>
      <c r="DT25" s="269">
        <v>0</v>
      </c>
      <c r="DU25" s="270">
        <v>0</v>
      </c>
      <c r="DV25" s="271">
        <v>0</v>
      </c>
      <c r="DW25" s="470">
        <v>0</v>
      </c>
      <c r="DX25" s="270">
        <v>26505</v>
      </c>
      <c r="DY25" s="270">
        <v>38316</v>
      </c>
      <c r="DZ25" s="270">
        <v>462741</v>
      </c>
      <c r="EA25" s="270">
        <v>777652</v>
      </c>
      <c r="EB25" s="270">
        <v>346400</v>
      </c>
      <c r="EC25" s="273">
        <v>1651614</v>
      </c>
      <c r="ED25" s="274">
        <v>1651614</v>
      </c>
      <c r="EE25" s="269">
        <v>0</v>
      </c>
      <c r="EF25" s="270">
        <v>0</v>
      </c>
      <c r="EG25" s="271">
        <v>0</v>
      </c>
      <c r="EH25" s="470">
        <v>0</v>
      </c>
      <c r="EI25" s="270">
        <v>651</v>
      </c>
      <c r="EJ25" s="270">
        <v>49959</v>
      </c>
      <c r="EK25" s="270">
        <v>23494</v>
      </c>
      <c r="EL25" s="270">
        <v>60949</v>
      </c>
      <c r="EM25" s="270">
        <v>12633</v>
      </c>
      <c r="EN25" s="273">
        <v>147686</v>
      </c>
      <c r="EO25" s="274">
        <v>147686</v>
      </c>
      <c r="EP25" s="269">
        <v>0</v>
      </c>
      <c r="EQ25" s="270">
        <v>0</v>
      </c>
      <c r="ER25" s="271">
        <v>0</v>
      </c>
      <c r="ES25" s="470">
        <v>0</v>
      </c>
      <c r="ET25" s="270">
        <v>0</v>
      </c>
      <c r="EU25" s="270">
        <v>0</v>
      </c>
      <c r="EV25" s="270">
        <v>0</v>
      </c>
      <c r="EW25" s="270">
        <v>0</v>
      </c>
      <c r="EX25" s="270">
        <v>0</v>
      </c>
      <c r="EY25" s="273">
        <v>0</v>
      </c>
      <c r="EZ25" s="274">
        <v>0</v>
      </c>
      <c r="FA25" s="269">
        <v>0</v>
      </c>
      <c r="FB25" s="270">
        <v>0</v>
      </c>
      <c r="FC25" s="271">
        <v>0</v>
      </c>
      <c r="FD25" s="470">
        <v>0</v>
      </c>
      <c r="FE25" s="270">
        <v>0</v>
      </c>
      <c r="FF25" s="270">
        <v>0</v>
      </c>
      <c r="FG25" s="270">
        <v>0</v>
      </c>
      <c r="FH25" s="270">
        <v>0</v>
      </c>
      <c r="FI25" s="270">
        <v>644</v>
      </c>
      <c r="FJ25" s="273">
        <v>644</v>
      </c>
      <c r="FK25" s="274">
        <v>644</v>
      </c>
      <c r="FL25" s="269">
        <v>0</v>
      </c>
      <c r="FM25" s="270">
        <v>0</v>
      </c>
      <c r="FN25" s="271">
        <v>0</v>
      </c>
      <c r="FO25" s="470">
        <v>0</v>
      </c>
      <c r="FP25" s="270">
        <v>0</v>
      </c>
      <c r="FQ25" s="270">
        <v>0</v>
      </c>
      <c r="FR25" s="270">
        <v>42780</v>
      </c>
      <c r="FS25" s="270">
        <v>85560</v>
      </c>
      <c r="FT25" s="270">
        <v>150440</v>
      </c>
      <c r="FU25" s="273">
        <v>278780</v>
      </c>
      <c r="FV25" s="274">
        <v>278780</v>
      </c>
      <c r="FW25" s="269">
        <v>0</v>
      </c>
      <c r="FX25" s="270">
        <v>702</v>
      </c>
      <c r="FY25" s="271">
        <v>702</v>
      </c>
      <c r="FZ25" s="272">
        <v>0</v>
      </c>
      <c r="GA25" s="270">
        <v>4563</v>
      </c>
      <c r="GB25" s="270">
        <v>34530</v>
      </c>
      <c r="GC25" s="270">
        <v>128529</v>
      </c>
      <c r="GD25" s="270">
        <v>11093</v>
      </c>
      <c r="GE25" s="270">
        <v>34149</v>
      </c>
      <c r="GF25" s="273">
        <v>212864</v>
      </c>
      <c r="GG25" s="274">
        <v>213566</v>
      </c>
      <c r="GH25" s="269">
        <v>0</v>
      </c>
      <c r="GI25" s="270">
        <v>0</v>
      </c>
      <c r="GJ25" s="271">
        <v>0</v>
      </c>
      <c r="GK25" s="272">
        <v>0</v>
      </c>
      <c r="GL25" s="270">
        <v>0</v>
      </c>
      <c r="GM25" s="270">
        <v>0</v>
      </c>
      <c r="GN25" s="270">
        <v>1432</v>
      </c>
      <c r="GO25" s="270">
        <v>0</v>
      </c>
      <c r="GP25" s="270">
        <v>119</v>
      </c>
      <c r="GQ25" s="273">
        <v>1551</v>
      </c>
      <c r="GR25" s="274">
        <v>1551</v>
      </c>
      <c r="GS25" s="269">
        <v>0</v>
      </c>
      <c r="GT25" s="270">
        <v>0</v>
      </c>
      <c r="GU25" s="271">
        <v>0</v>
      </c>
      <c r="GV25" s="272">
        <v>0</v>
      </c>
      <c r="GW25" s="270">
        <v>0</v>
      </c>
      <c r="GX25" s="270">
        <v>0</v>
      </c>
      <c r="GY25" s="270">
        <v>0</v>
      </c>
      <c r="GZ25" s="270">
        <v>0</v>
      </c>
      <c r="HA25" s="270">
        <v>0</v>
      </c>
      <c r="HB25" s="273">
        <v>0</v>
      </c>
      <c r="HC25" s="274">
        <v>0</v>
      </c>
      <c r="HD25" s="269">
        <v>0</v>
      </c>
      <c r="HE25" s="270">
        <v>0</v>
      </c>
      <c r="HF25" s="271">
        <v>0</v>
      </c>
      <c r="HG25" s="470">
        <v>0</v>
      </c>
      <c r="HH25" s="270">
        <v>0</v>
      </c>
      <c r="HI25" s="270">
        <v>0</v>
      </c>
      <c r="HJ25" s="270">
        <v>0</v>
      </c>
      <c r="HK25" s="270">
        <v>0</v>
      </c>
      <c r="HL25" s="270">
        <v>0</v>
      </c>
      <c r="HM25" s="273">
        <v>0</v>
      </c>
      <c r="HN25" s="274">
        <v>0</v>
      </c>
      <c r="HO25" s="269">
        <v>0</v>
      </c>
      <c r="HP25" s="270">
        <v>702</v>
      </c>
      <c r="HQ25" s="271">
        <v>702</v>
      </c>
      <c r="HR25" s="272">
        <v>0</v>
      </c>
      <c r="HS25" s="270">
        <v>100879</v>
      </c>
      <c r="HT25" s="270">
        <v>483030</v>
      </c>
      <c r="HU25" s="270">
        <v>1358572</v>
      </c>
      <c r="HV25" s="270">
        <v>1887718</v>
      </c>
      <c r="HW25" s="270">
        <v>1004541</v>
      </c>
      <c r="HX25" s="273">
        <v>4834740</v>
      </c>
      <c r="HY25" s="274">
        <v>4835442</v>
      </c>
    </row>
    <row r="26" spans="2:233" ht="21" customHeight="1" x14ac:dyDescent="0.2">
      <c r="B26" s="437" t="s">
        <v>23</v>
      </c>
      <c r="C26" s="269">
        <v>0</v>
      </c>
      <c r="D26" s="270">
        <v>0</v>
      </c>
      <c r="E26" s="271">
        <v>0</v>
      </c>
      <c r="F26" s="272">
        <v>0</v>
      </c>
      <c r="G26" s="270">
        <v>209310</v>
      </c>
      <c r="H26" s="270">
        <v>346270</v>
      </c>
      <c r="I26" s="270">
        <v>1070555</v>
      </c>
      <c r="J26" s="270">
        <v>1218560</v>
      </c>
      <c r="K26" s="270">
        <v>879265</v>
      </c>
      <c r="L26" s="273">
        <v>3723960</v>
      </c>
      <c r="M26" s="274">
        <v>3723960</v>
      </c>
      <c r="N26" s="269">
        <v>0</v>
      </c>
      <c r="O26" s="270">
        <v>0</v>
      </c>
      <c r="P26" s="271">
        <v>0</v>
      </c>
      <c r="Q26" s="470">
        <v>0</v>
      </c>
      <c r="R26" s="270">
        <v>57350</v>
      </c>
      <c r="S26" s="270">
        <v>173045</v>
      </c>
      <c r="T26" s="270">
        <v>783335</v>
      </c>
      <c r="U26" s="270">
        <v>834197</v>
      </c>
      <c r="V26" s="270">
        <v>670360</v>
      </c>
      <c r="W26" s="273">
        <v>2518287</v>
      </c>
      <c r="X26" s="274">
        <v>2518287</v>
      </c>
      <c r="Y26" s="269">
        <v>0</v>
      </c>
      <c r="Z26" s="270">
        <v>0</v>
      </c>
      <c r="AA26" s="271">
        <v>0</v>
      </c>
      <c r="AB26" s="470">
        <v>0</v>
      </c>
      <c r="AC26" s="270">
        <v>137305</v>
      </c>
      <c r="AD26" s="270">
        <v>131835</v>
      </c>
      <c r="AE26" s="270">
        <v>243875</v>
      </c>
      <c r="AF26" s="270">
        <v>311708</v>
      </c>
      <c r="AG26" s="270">
        <v>89460</v>
      </c>
      <c r="AH26" s="273">
        <v>914183</v>
      </c>
      <c r="AI26" s="274">
        <v>914183</v>
      </c>
      <c r="AJ26" s="269">
        <v>0</v>
      </c>
      <c r="AK26" s="270">
        <v>0</v>
      </c>
      <c r="AL26" s="271">
        <v>0</v>
      </c>
      <c r="AM26" s="470">
        <v>0</v>
      </c>
      <c r="AN26" s="270">
        <v>0</v>
      </c>
      <c r="AO26" s="270">
        <v>0</v>
      </c>
      <c r="AP26" s="270">
        <v>0</v>
      </c>
      <c r="AQ26" s="270">
        <v>0</v>
      </c>
      <c r="AR26" s="270">
        <v>60140</v>
      </c>
      <c r="AS26" s="273">
        <v>60140</v>
      </c>
      <c r="AT26" s="274">
        <v>60140</v>
      </c>
      <c r="AU26" s="269">
        <v>0</v>
      </c>
      <c r="AV26" s="270">
        <v>0</v>
      </c>
      <c r="AW26" s="271">
        <v>0</v>
      </c>
      <c r="AX26" s="470">
        <v>0</v>
      </c>
      <c r="AY26" s="270">
        <v>0</v>
      </c>
      <c r="AZ26" s="270">
        <v>0</v>
      </c>
      <c r="BA26" s="270">
        <v>0</v>
      </c>
      <c r="BB26" s="270">
        <v>25145</v>
      </c>
      <c r="BC26" s="270">
        <v>47990</v>
      </c>
      <c r="BD26" s="273">
        <v>73135</v>
      </c>
      <c r="BE26" s="274">
        <v>73135</v>
      </c>
      <c r="BF26" s="269">
        <v>0</v>
      </c>
      <c r="BG26" s="270">
        <v>0</v>
      </c>
      <c r="BH26" s="271">
        <v>0</v>
      </c>
      <c r="BI26" s="470">
        <v>0</v>
      </c>
      <c r="BJ26" s="270">
        <v>0</v>
      </c>
      <c r="BK26" s="270">
        <v>0</v>
      </c>
      <c r="BL26" s="270">
        <v>0</v>
      </c>
      <c r="BM26" s="270">
        <v>0</v>
      </c>
      <c r="BN26" s="270">
        <v>0</v>
      </c>
      <c r="BO26" s="273">
        <v>0</v>
      </c>
      <c r="BP26" s="274">
        <v>0</v>
      </c>
      <c r="BQ26" s="269">
        <v>0</v>
      </c>
      <c r="BR26" s="270">
        <v>0</v>
      </c>
      <c r="BS26" s="271">
        <v>0</v>
      </c>
      <c r="BT26" s="272">
        <v>0</v>
      </c>
      <c r="BU26" s="270">
        <v>14655</v>
      </c>
      <c r="BV26" s="270">
        <v>41390</v>
      </c>
      <c r="BW26" s="270">
        <v>43345</v>
      </c>
      <c r="BX26" s="270">
        <v>47510</v>
      </c>
      <c r="BY26" s="270">
        <v>10880</v>
      </c>
      <c r="BZ26" s="273">
        <v>157780</v>
      </c>
      <c r="CA26" s="274">
        <v>157780</v>
      </c>
      <c r="CB26" s="269">
        <v>0</v>
      </c>
      <c r="CC26" s="270">
        <v>0</v>
      </c>
      <c r="CD26" s="271">
        <v>0</v>
      </c>
      <c r="CE26" s="272">
        <v>0</v>
      </c>
      <c r="CF26" s="270">
        <v>0</v>
      </c>
      <c r="CG26" s="270">
        <v>0</v>
      </c>
      <c r="CH26" s="270">
        <v>0</v>
      </c>
      <c r="CI26" s="270">
        <v>0</v>
      </c>
      <c r="CJ26" s="270">
        <v>435</v>
      </c>
      <c r="CK26" s="273">
        <v>435</v>
      </c>
      <c r="CL26" s="274">
        <v>435</v>
      </c>
      <c r="CM26" s="269">
        <v>0</v>
      </c>
      <c r="CN26" s="270">
        <v>0</v>
      </c>
      <c r="CO26" s="271">
        <v>0</v>
      </c>
      <c r="CP26" s="272">
        <v>0</v>
      </c>
      <c r="CQ26" s="270">
        <v>0</v>
      </c>
      <c r="CR26" s="270">
        <v>0</v>
      </c>
      <c r="CS26" s="270">
        <v>0</v>
      </c>
      <c r="CT26" s="270">
        <v>0</v>
      </c>
      <c r="CU26" s="270">
        <v>0</v>
      </c>
      <c r="CV26" s="273">
        <v>0</v>
      </c>
      <c r="CW26" s="274">
        <v>0</v>
      </c>
      <c r="CX26" s="269">
        <v>0</v>
      </c>
      <c r="CY26" s="270">
        <v>0</v>
      </c>
      <c r="CZ26" s="271">
        <v>0</v>
      </c>
      <c r="DA26" s="470">
        <v>0</v>
      </c>
      <c r="DB26" s="270">
        <v>0</v>
      </c>
      <c r="DC26" s="270">
        <v>0</v>
      </c>
      <c r="DD26" s="270">
        <v>0</v>
      </c>
      <c r="DE26" s="270">
        <v>0</v>
      </c>
      <c r="DF26" s="270">
        <v>0</v>
      </c>
      <c r="DG26" s="273">
        <v>0</v>
      </c>
      <c r="DH26" s="274">
        <v>0</v>
      </c>
      <c r="DI26" s="269">
        <v>0</v>
      </c>
      <c r="DJ26" s="270">
        <v>0</v>
      </c>
      <c r="DK26" s="271">
        <v>0</v>
      </c>
      <c r="DL26" s="272">
        <v>0</v>
      </c>
      <c r="DM26" s="270">
        <v>97854</v>
      </c>
      <c r="DN26" s="270">
        <v>202188</v>
      </c>
      <c r="DO26" s="270">
        <v>1014395</v>
      </c>
      <c r="DP26" s="270">
        <v>1092219</v>
      </c>
      <c r="DQ26" s="270">
        <v>724399</v>
      </c>
      <c r="DR26" s="273">
        <v>3131055</v>
      </c>
      <c r="DS26" s="275">
        <v>3131055</v>
      </c>
      <c r="DT26" s="269">
        <v>0</v>
      </c>
      <c r="DU26" s="270">
        <v>0</v>
      </c>
      <c r="DV26" s="271">
        <v>0</v>
      </c>
      <c r="DW26" s="470">
        <v>0</v>
      </c>
      <c r="DX26" s="270">
        <v>33046</v>
      </c>
      <c r="DY26" s="270">
        <v>106578</v>
      </c>
      <c r="DZ26" s="270">
        <v>908888</v>
      </c>
      <c r="EA26" s="270">
        <v>961499</v>
      </c>
      <c r="EB26" s="270">
        <v>643436</v>
      </c>
      <c r="EC26" s="273">
        <v>2653447</v>
      </c>
      <c r="ED26" s="274">
        <v>2653447</v>
      </c>
      <c r="EE26" s="269">
        <v>0</v>
      </c>
      <c r="EF26" s="270">
        <v>0</v>
      </c>
      <c r="EG26" s="271">
        <v>0</v>
      </c>
      <c r="EH26" s="470">
        <v>0</v>
      </c>
      <c r="EI26" s="270">
        <v>49503</v>
      </c>
      <c r="EJ26" s="270">
        <v>47630</v>
      </c>
      <c r="EK26" s="270">
        <v>24787</v>
      </c>
      <c r="EL26" s="270">
        <v>5593</v>
      </c>
      <c r="EM26" s="270">
        <v>38544</v>
      </c>
      <c r="EN26" s="273">
        <v>166057</v>
      </c>
      <c r="EO26" s="274">
        <v>166057</v>
      </c>
      <c r="EP26" s="269">
        <v>0</v>
      </c>
      <c r="EQ26" s="270">
        <v>0</v>
      </c>
      <c r="ER26" s="271">
        <v>0</v>
      </c>
      <c r="ES26" s="470">
        <v>0</v>
      </c>
      <c r="ET26" s="270">
        <v>0</v>
      </c>
      <c r="EU26" s="270">
        <v>0</v>
      </c>
      <c r="EV26" s="270">
        <v>0</v>
      </c>
      <c r="EW26" s="270">
        <v>0</v>
      </c>
      <c r="EX26" s="270">
        <v>11470</v>
      </c>
      <c r="EY26" s="273">
        <v>11470</v>
      </c>
      <c r="EZ26" s="274">
        <v>11470</v>
      </c>
      <c r="FA26" s="269">
        <v>0</v>
      </c>
      <c r="FB26" s="270">
        <v>0</v>
      </c>
      <c r="FC26" s="271">
        <v>0</v>
      </c>
      <c r="FD26" s="470">
        <v>0</v>
      </c>
      <c r="FE26" s="270">
        <v>0</v>
      </c>
      <c r="FF26" s="270">
        <v>0</v>
      </c>
      <c r="FG26" s="270">
        <v>0</v>
      </c>
      <c r="FH26" s="270">
        <v>217</v>
      </c>
      <c r="FI26" s="270">
        <v>434</v>
      </c>
      <c r="FJ26" s="273">
        <v>651</v>
      </c>
      <c r="FK26" s="274">
        <v>651</v>
      </c>
      <c r="FL26" s="269">
        <v>0</v>
      </c>
      <c r="FM26" s="270">
        <v>0</v>
      </c>
      <c r="FN26" s="271">
        <v>0</v>
      </c>
      <c r="FO26" s="470">
        <v>0</v>
      </c>
      <c r="FP26" s="270">
        <v>0</v>
      </c>
      <c r="FQ26" s="270">
        <v>0</v>
      </c>
      <c r="FR26" s="270">
        <v>0</v>
      </c>
      <c r="FS26" s="270">
        <v>0</v>
      </c>
      <c r="FT26" s="270">
        <v>0</v>
      </c>
      <c r="FU26" s="273">
        <v>0</v>
      </c>
      <c r="FV26" s="274">
        <v>0</v>
      </c>
      <c r="FW26" s="269">
        <v>0</v>
      </c>
      <c r="FX26" s="270">
        <v>0</v>
      </c>
      <c r="FY26" s="271">
        <v>0</v>
      </c>
      <c r="FZ26" s="272">
        <v>0</v>
      </c>
      <c r="GA26" s="270">
        <v>15305</v>
      </c>
      <c r="GB26" s="270">
        <v>47980</v>
      </c>
      <c r="GC26" s="270">
        <v>80720</v>
      </c>
      <c r="GD26" s="270">
        <v>124910</v>
      </c>
      <c r="GE26" s="270">
        <v>28725</v>
      </c>
      <c r="GF26" s="273">
        <v>297640</v>
      </c>
      <c r="GG26" s="274">
        <v>297640</v>
      </c>
      <c r="GH26" s="269">
        <v>0</v>
      </c>
      <c r="GI26" s="270">
        <v>0</v>
      </c>
      <c r="GJ26" s="271">
        <v>0</v>
      </c>
      <c r="GK26" s="272">
        <v>0</v>
      </c>
      <c r="GL26" s="270">
        <v>0</v>
      </c>
      <c r="GM26" s="270">
        <v>0</v>
      </c>
      <c r="GN26" s="270">
        <v>0</v>
      </c>
      <c r="GO26" s="270">
        <v>0</v>
      </c>
      <c r="GP26" s="270">
        <v>1790</v>
      </c>
      <c r="GQ26" s="273">
        <v>1790</v>
      </c>
      <c r="GR26" s="274">
        <v>1790</v>
      </c>
      <c r="GS26" s="269">
        <v>0</v>
      </c>
      <c r="GT26" s="270">
        <v>0</v>
      </c>
      <c r="GU26" s="271">
        <v>0</v>
      </c>
      <c r="GV26" s="272">
        <v>0</v>
      </c>
      <c r="GW26" s="270">
        <v>0</v>
      </c>
      <c r="GX26" s="270">
        <v>0</v>
      </c>
      <c r="GY26" s="270">
        <v>0</v>
      </c>
      <c r="GZ26" s="270">
        <v>0</v>
      </c>
      <c r="HA26" s="270">
        <v>0</v>
      </c>
      <c r="HB26" s="273">
        <v>0</v>
      </c>
      <c r="HC26" s="274">
        <v>0</v>
      </c>
      <c r="HD26" s="269">
        <v>0</v>
      </c>
      <c r="HE26" s="270">
        <v>0</v>
      </c>
      <c r="HF26" s="271">
        <v>0</v>
      </c>
      <c r="HG26" s="470">
        <v>0</v>
      </c>
      <c r="HH26" s="270">
        <v>0</v>
      </c>
      <c r="HI26" s="270">
        <v>0</v>
      </c>
      <c r="HJ26" s="270">
        <v>0</v>
      </c>
      <c r="HK26" s="270">
        <v>0</v>
      </c>
      <c r="HL26" s="270">
        <v>0</v>
      </c>
      <c r="HM26" s="273">
        <v>0</v>
      </c>
      <c r="HN26" s="274">
        <v>0</v>
      </c>
      <c r="HO26" s="269">
        <v>0</v>
      </c>
      <c r="HP26" s="270">
        <v>0</v>
      </c>
      <c r="HQ26" s="271">
        <v>0</v>
      </c>
      <c r="HR26" s="272">
        <v>0</v>
      </c>
      <c r="HS26" s="270">
        <v>307164</v>
      </c>
      <c r="HT26" s="270">
        <v>548458</v>
      </c>
      <c r="HU26" s="270">
        <v>2084950</v>
      </c>
      <c r="HV26" s="270">
        <v>2310779</v>
      </c>
      <c r="HW26" s="270">
        <v>1603664</v>
      </c>
      <c r="HX26" s="273">
        <v>6855015</v>
      </c>
      <c r="HY26" s="274">
        <v>6855015</v>
      </c>
    </row>
    <row r="27" spans="2:233" ht="21" customHeight="1" x14ac:dyDescent="0.2">
      <c r="B27" s="437" t="s">
        <v>24</v>
      </c>
      <c r="C27" s="269">
        <v>0</v>
      </c>
      <c r="D27" s="270">
        <v>0</v>
      </c>
      <c r="E27" s="271">
        <v>0</v>
      </c>
      <c r="F27" s="272">
        <v>0</v>
      </c>
      <c r="G27" s="270">
        <v>78780</v>
      </c>
      <c r="H27" s="270">
        <v>53405</v>
      </c>
      <c r="I27" s="270">
        <v>484114</v>
      </c>
      <c r="J27" s="270">
        <v>851960</v>
      </c>
      <c r="K27" s="270">
        <v>283915</v>
      </c>
      <c r="L27" s="273">
        <v>1752174</v>
      </c>
      <c r="M27" s="274">
        <v>1752174</v>
      </c>
      <c r="N27" s="269">
        <v>0</v>
      </c>
      <c r="O27" s="270">
        <v>0</v>
      </c>
      <c r="P27" s="271">
        <v>0</v>
      </c>
      <c r="Q27" s="470">
        <v>0</v>
      </c>
      <c r="R27" s="270">
        <v>0</v>
      </c>
      <c r="S27" s="270">
        <v>0</v>
      </c>
      <c r="T27" s="270">
        <v>147295</v>
      </c>
      <c r="U27" s="270">
        <v>676410</v>
      </c>
      <c r="V27" s="270">
        <v>156315</v>
      </c>
      <c r="W27" s="273">
        <v>980020</v>
      </c>
      <c r="X27" s="274">
        <v>980020</v>
      </c>
      <c r="Y27" s="269">
        <v>0</v>
      </c>
      <c r="Z27" s="270">
        <v>0</v>
      </c>
      <c r="AA27" s="271">
        <v>0</v>
      </c>
      <c r="AB27" s="470">
        <v>0</v>
      </c>
      <c r="AC27" s="270">
        <v>55765</v>
      </c>
      <c r="AD27" s="270">
        <v>35425</v>
      </c>
      <c r="AE27" s="270">
        <v>274409</v>
      </c>
      <c r="AF27" s="270">
        <v>119970</v>
      </c>
      <c r="AG27" s="270">
        <v>108965</v>
      </c>
      <c r="AH27" s="273">
        <v>594534</v>
      </c>
      <c r="AI27" s="274">
        <v>594534</v>
      </c>
      <c r="AJ27" s="269">
        <v>0</v>
      </c>
      <c r="AK27" s="270">
        <v>0</v>
      </c>
      <c r="AL27" s="271">
        <v>0</v>
      </c>
      <c r="AM27" s="470">
        <v>0</v>
      </c>
      <c r="AN27" s="270">
        <v>0</v>
      </c>
      <c r="AO27" s="270">
        <v>0</v>
      </c>
      <c r="AP27" s="270">
        <v>0</v>
      </c>
      <c r="AQ27" s="270">
        <v>0</v>
      </c>
      <c r="AR27" s="270">
        <v>0</v>
      </c>
      <c r="AS27" s="273">
        <v>0</v>
      </c>
      <c r="AT27" s="274">
        <v>0</v>
      </c>
      <c r="AU27" s="269">
        <v>0</v>
      </c>
      <c r="AV27" s="270">
        <v>0</v>
      </c>
      <c r="AW27" s="271">
        <v>0</v>
      </c>
      <c r="AX27" s="470">
        <v>0</v>
      </c>
      <c r="AY27" s="270">
        <v>0</v>
      </c>
      <c r="AZ27" s="270">
        <v>0</v>
      </c>
      <c r="BA27" s="270">
        <v>0</v>
      </c>
      <c r="BB27" s="270">
        <v>0</v>
      </c>
      <c r="BC27" s="270">
        <v>0</v>
      </c>
      <c r="BD27" s="273">
        <v>0</v>
      </c>
      <c r="BE27" s="274">
        <v>0</v>
      </c>
      <c r="BF27" s="269">
        <v>0</v>
      </c>
      <c r="BG27" s="270">
        <v>0</v>
      </c>
      <c r="BH27" s="271">
        <v>0</v>
      </c>
      <c r="BI27" s="470">
        <v>0</v>
      </c>
      <c r="BJ27" s="270">
        <v>0</v>
      </c>
      <c r="BK27" s="270">
        <v>0</v>
      </c>
      <c r="BL27" s="270">
        <v>0</v>
      </c>
      <c r="BM27" s="270">
        <v>0</v>
      </c>
      <c r="BN27" s="270">
        <v>0</v>
      </c>
      <c r="BO27" s="273">
        <v>0</v>
      </c>
      <c r="BP27" s="274">
        <v>0</v>
      </c>
      <c r="BQ27" s="269">
        <v>0</v>
      </c>
      <c r="BR27" s="270">
        <v>0</v>
      </c>
      <c r="BS27" s="271">
        <v>0</v>
      </c>
      <c r="BT27" s="272">
        <v>0</v>
      </c>
      <c r="BU27" s="270">
        <v>22460</v>
      </c>
      <c r="BV27" s="270">
        <v>17980</v>
      </c>
      <c r="BW27" s="270">
        <v>59850</v>
      </c>
      <c r="BX27" s="270">
        <v>55580</v>
      </c>
      <c r="BY27" s="270">
        <v>11320</v>
      </c>
      <c r="BZ27" s="273">
        <v>167190</v>
      </c>
      <c r="CA27" s="274">
        <v>167190</v>
      </c>
      <c r="CB27" s="269">
        <v>0</v>
      </c>
      <c r="CC27" s="270">
        <v>0</v>
      </c>
      <c r="CD27" s="271">
        <v>0</v>
      </c>
      <c r="CE27" s="272">
        <v>0</v>
      </c>
      <c r="CF27" s="270">
        <v>555</v>
      </c>
      <c r="CG27" s="270">
        <v>0</v>
      </c>
      <c r="CH27" s="270">
        <v>2560</v>
      </c>
      <c r="CI27" s="270">
        <v>0</v>
      </c>
      <c r="CJ27" s="270">
        <v>7315</v>
      </c>
      <c r="CK27" s="273">
        <v>10430</v>
      </c>
      <c r="CL27" s="274">
        <v>10430</v>
      </c>
      <c r="CM27" s="269">
        <v>0</v>
      </c>
      <c r="CN27" s="270">
        <v>0</v>
      </c>
      <c r="CO27" s="271">
        <v>0</v>
      </c>
      <c r="CP27" s="272">
        <v>0</v>
      </c>
      <c r="CQ27" s="270">
        <v>0</v>
      </c>
      <c r="CR27" s="270">
        <v>0</v>
      </c>
      <c r="CS27" s="270">
        <v>0</v>
      </c>
      <c r="CT27" s="270">
        <v>0</v>
      </c>
      <c r="CU27" s="270">
        <v>0</v>
      </c>
      <c r="CV27" s="273">
        <v>0</v>
      </c>
      <c r="CW27" s="274">
        <v>0</v>
      </c>
      <c r="CX27" s="269">
        <v>0</v>
      </c>
      <c r="CY27" s="270">
        <v>0</v>
      </c>
      <c r="CZ27" s="271">
        <v>0</v>
      </c>
      <c r="DA27" s="470">
        <v>0</v>
      </c>
      <c r="DB27" s="270">
        <v>0</v>
      </c>
      <c r="DC27" s="270">
        <v>0</v>
      </c>
      <c r="DD27" s="270">
        <v>0</v>
      </c>
      <c r="DE27" s="270">
        <v>0</v>
      </c>
      <c r="DF27" s="270">
        <v>0</v>
      </c>
      <c r="DG27" s="273">
        <v>0</v>
      </c>
      <c r="DH27" s="274">
        <v>0</v>
      </c>
      <c r="DI27" s="269">
        <v>0</v>
      </c>
      <c r="DJ27" s="270">
        <v>0</v>
      </c>
      <c r="DK27" s="271">
        <v>0</v>
      </c>
      <c r="DL27" s="272">
        <v>0</v>
      </c>
      <c r="DM27" s="270">
        <v>23000</v>
      </c>
      <c r="DN27" s="270">
        <v>62128</v>
      </c>
      <c r="DO27" s="270">
        <v>365994</v>
      </c>
      <c r="DP27" s="270">
        <v>794227</v>
      </c>
      <c r="DQ27" s="270">
        <v>416199</v>
      </c>
      <c r="DR27" s="273">
        <v>1661548</v>
      </c>
      <c r="DS27" s="275">
        <v>1661548</v>
      </c>
      <c r="DT27" s="269">
        <v>0</v>
      </c>
      <c r="DU27" s="270">
        <v>0</v>
      </c>
      <c r="DV27" s="271">
        <v>0</v>
      </c>
      <c r="DW27" s="470">
        <v>0</v>
      </c>
      <c r="DX27" s="270">
        <v>0</v>
      </c>
      <c r="DY27" s="270">
        <v>0</v>
      </c>
      <c r="DZ27" s="270">
        <v>155138</v>
      </c>
      <c r="EA27" s="270">
        <v>746532</v>
      </c>
      <c r="EB27" s="270">
        <v>352962</v>
      </c>
      <c r="EC27" s="273">
        <v>1254632</v>
      </c>
      <c r="ED27" s="274">
        <v>1254632</v>
      </c>
      <c r="EE27" s="269">
        <v>0</v>
      </c>
      <c r="EF27" s="270">
        <v>0</v>
      </c>
      <c r="EG27" s="271">
        <v>0</v>
      </c>
      <c r="EH27" s="470">
        <v>0</v>
      </c>
      <c r="EI27" s="270">
        <v>623</v>
      </c>
      <c r="EJ27" s="270">
        <v>36990</v>
      </c>
      <c r="EK27" s="270">
        <v>130998</v>
      </c>
      <c r="EL27" s="270">
        <v>1302</v>
      </c>
      <c r="EM27" s="270">
        <v>45384</v>
      </c>
      <c r="EN27" s="273">
        <v>215297</v>
      </c>
      <c r="EO27" s="274">
        <v>215297</v>
      </c>
      <c r="EP27" s="269">
        <v>0</v>
      </c>
      <c r="EQ27" s="270">
        <v>0</v>
      </c>
      <c r="ER27" s="271">
        <v>0</v>
      </c>
      <c r="ES27" s="470">
        <v>0</v>
      </c>
      <c r="ET27" s="270">
        <v>0</v>
      </c>
      <c r="EU27" s="270">
        <v>0</v>
      </c>
      <c r="EV27" s="270">
        <v>0</v>
      </c>
      <c r="EW27" s="270">
        <v>0</v>
      </c>
      <c r="EX27" s="270">
        <v>0</v>
      </c>
      <c r="EY27" s="273">
        <v>0</v>
      </c>
      <c r="EZ27" s="274">
        <v>0</v>
      </c>
      <c r="FA27" s="269">
        <v>0</v>
      </c>
      <c r="FB27" s="270">
        <v>0</v>
      </c>
      <c r="FC27" s="271">
        <v>0</v>
      </c>
      <c r="FD27" s="470">
        <v>0</v>
      </c>
      <c r="FE27" s="270">
        <v>0</v>
      </c>
      <c r="FF27" s="270">
        <v>0</v>
      </c>
      <c r="FG27" s="270">
        <v>0</v>
      </c>
      <c r="FH27" s="270">
        <v>0</v>
      </c>
      <c r="FI27" s="270">
        <v>0</v>
      </c>
      <c r="FJ27" s="273">
        <v>0</v>
      </c>
      <c r="FK27" s="274">
        <v>0</v>
      </c>
      <c r="FL27" s="269">
        <v>0</v>
      </c>
      <c r="FM27" s="270">
        <v>0</v>
      </c>
      <c r="FN27" s="271">
        <v>0</v>
      </c>
      <c r="FO27" s="470">
        <v>0</v>
      </c>
      <c r="FP27" s="270">
        <v>0</v>
      </c>
      <c r="FQ27" s="270">
        <v>0</v>
      </c>
      <c r="FR27" s="270">
        <v>0</v>
      </c>
      <c r="FS27" s="270">
        <v>0</v>
      </c>
      <c r="FT27" s="270">
        <v>0</v>
      </c>
      <c r="FU27" s="273">
        <v>0</v>
      </c>
      <c r="FV27" s="274">
        <v>0</v>
      </c>
      <c r="FW27" s="269">
        <v>0</v>
      </c>
      <c r="FX27" s="270">
        <v>0</v>
      </c>
      <c r="FY27" s="271">
        <v>0</v>
      </c>
      <c r="FZ27" s="272">
        <v>0</v>
      </c>
      <c r="GA27" s="270">
        <v>22342</v>
      </c>
      <c r="GB27" s="270">
        <v>25138</v>
      </c>
      <c r="GC27" s="270">
        <v>79809</v>
      </c>
      <c r="GD27" s="270">
        <v>46393</v>
      </c>
      <c r="GE27" s="270">
        <v>17790</v>
      </c>
      <c r="GF27" s="273">
        <v>191472</v>
      </c>
      <c r="GG27" s="274">
        <v>191472</v>
      </c>
      <c r="GH27" s="269">
        <v>0</v>
      </c>
      <c r="GI27" s="270">
        <v>0</v>
      </c>
      <c r="GJ27" s="271">
        <v>0</v>
      </c>
      <c r="GK27" s="272">
        <v>0</v>
      </c>
      <c r="GL27" s="270">
        <v>35</v>
      </c>
      <c r="GM27" s="270">
        <v>0</v>
      </c>
      <c r="GN27" s="270">
        <v>49</v>
      </c>
      <c r="GO27" s="270">
        <v>0</v>
      </c>
      <c r="GP27" s="270">
        <v>63</v>
      </c>
      <c r="GQ27" s="273">
        <v>147</v>
      </c>
      <c r="GR27" s="274">
        <v>147</v>
      </c>
      <c r="GS27" s="269">
        <v>0</v>
      </c>
      <c r="GT27" s="270">
        <v>0</v>
      </c>
      <c r="GU27" s="271">
        <v>0</v>
      </c>
      <c r="GV27" s="272">
        <v>0</v>
      </c>
      <c r="GW27" s="270">
        <v>0</v>
      </c>
      <c r="GX27" s="270">
        <v>0</v>
      </c>
      <c r="GY27" s="270">
        <v>0</v>
      </c>
      <c r="GZ27" s="270">
        <v>0</v>
      </c>
      <c r="HA27" s="270">
        <v>0</v>
      </c>
      <c r="HB27" s="273">
        <v>0</v>
      </c>
      <c r="HC27" s="274">
        <v>0</v>
      </c>
      <c r="HD27" s="269">
        <v>0</v>
      </c>
      <c r="HE27" s="270">
        <v>0</v>
      </c>
      <c r="HF27" s="271">
        <v>0</v>
      </c>
      <c r="HG27" s="470">
        <v>0</v>
      </c>
      <c r="HH27" s="270">
        <v>0</v>
      </c>
      <c r="HI27" s="270">
        <v>0</v>
      </c>
      <c r="HJ27" s="270">
        <v>0</v>
      </c>
      <c r="HK27" s="270">
        <v>0</v>
      </c>
      <c r="HL27" s="270">
        <v>0</v>
      </c>
      <c r="HM27" s="273">
        <v>0</v>
      </c>
      <c r="HN27" s="274">
        <v>0</v>
      </c>
      <c r="HO27" s="269">
        <v>0</v>
      </c>
      <c r="HP27" s="270">
        <v>0</v>
      </c>
      <c r="HQ27" s="271">
        <v>0</v>
      </c>
      <c r="HR27" s="272">
        <v>0</v>
      </c>
      <c r="HS27" s="270">
        <v>101780</v>
      </c>
      <c r="HT27" s="270">
        <v>115533</v>
      </c>
      <c r="HU27" s="270">
        <v>850108</v>
      </c>
      <c r="HV27" s="270">
        <v>1646187</v>
      </c>
      <c r="HW27" s="270">
        <v>700114</v>
      </c>
      <c r="HX27" s="273">
        <v>3413722</v>
      </c>
      <c r="HY27" s="274">
        <v>3413722</v>
      </c>
    </row>
    <row r="28" spans="2:233" ht="21" customHeight="1" x14ac:dyDescent="0.2">
      <c r="B28" s="437" t="s">
        <v>25</v>
      </c>
      <c r="C28" s="269">
        <v>0</v>
      </c>
      <c r="D28" s="270">
        <v>0</v>
      </c>
      <c r="E28" s="271">
        <v>0</v>
      </c>
      <c r="F28" s="272">
        <v>0</v>
      </c>
      <c r="G28" s="270">
        <v>36906</v>
      </c>
      <c r="H28" s="270">
        <v>222863</v>
      </c>
      <c r="I28" s="270">
        <v>447201</v>
      </c>
      <c r="J28" s="270">
        <v>662539</v>
      </c>
      <c r="K28" s="270">
        <v>539225</v>
      </c>
      <c r="L28" s="273">
        <v>1908734</v>
      </c>
      <c r="M28" s="274">
        <v>1908734</v>
      </c>
      <c r="N28" s="269">
        <v>0</v>
      </c>
      <c r="O28" s="270">
        <v>0</v>
      </c>
      <c r="P28" s="271">
        <v>0</v>
      </c>
      <c r="Q28" s="470">
        <v>0</v>
      </c>
      <c r="R28" s="270">
        <v>0</v>
      </c>
      <c r="S28" s="270">
        <v>2550</v>
      </c>
      <c r="T28" s="270">
        <v>322995</v>
      </c>
      <c r="U28" s="270">
        <v>463615</v>
      </c>
      <c r="V28" s="270">
        <v>412895</v>
      </c>
      <c r="W28" s="273">
        <v>1202055</v>
      </c>
      <c r="X28" s="274">
        <v>1202055</v>
      </c>
      <c r="Y28" s="269">
        <v>0</v>
      </c>
      <c r="Z28" s="270">
        <v>0</v>
      </c>
      <c r="AA28" s="271">
        <v>0</v>
      </c>
      <c r="AB28" s="470">
        <v>0</v>
      </c>
      <c r="AC28" s="270">
        <v>29915</v>
      </c>
      <c r="AD28" s="270">
        <v>183540</v>
      </c>
      <c r="AE28" s="270">
        <v>79205</v>
      </c>
      <c r="AF28" s="270">
        <v>170245</v>
      </c>
      <c r="AG28" s="270">
        <v>93625</v>
      </c>
      <c r="AH28" s="273">
        <v>556530</v>
      </c>
      <c r="AI28" s="274">
        <v>556530</v>
      </c>
      <c r="AJ28" s="269">
        <v>0</v>
      </c>
      <c r="AK28" s="270">
        <v>0</v>
      </c>
      <c r="AL28" s="271">
        <v>0</v>
      </c>
      <c r="AM28" s="470">
        <v>0</v>
      </c>
      <c r="AN28" s="270">
        <v>0</v>
      </c>
      <c r="AO28" s="270">
        <v>0</v>
      </c>
      <c r="AP28" s="270">
        <v>0</v>
      </c>
      <c r="AQ28" s="270">
        <v>0</v>
      </c>
      <c r="AR28" s="270">
        <v>0</v>
      </c>
      <c r="AS28" s="273">
        <v>0</v>
      </c>
      <c r="AT28" s="274">
        <v>0</v>
      </c>
      <c r="AU28" s="269">
        <v>0</v>
      </c>
      <c r="AV28" s="270">
        <v>0</v>
      </c>
      <c r="AW28" s="271">
        <v>0</v>
      </c>
      <c r="AX28" s="470">
        <v>0</v>
      </c>
      <c r="AY28" s="270">
        <v>0</v>
      </c>
      <c r="AZ28" s="270">
        <v>0</v>
      </c>
      <c r="BA28" s="270">
        <v>0</v>
      </c>
      <c r="BB28" s="270">
        <v>0</v>
      </c>
      <c r="BC28" s="270">
        <v>32705</v>
      </c>
      <c r="BD28" s="273">
        <v>32705</v>
      </c>
      <c r="BE28" s="274">
        <v>32705</v>
      </c>
      <c r="BF28" s="269">
        <v>0</v>
      </c>
      <c r="BG28" s="270">
        <v>0</v>
      </c>
      <c r="BH28" s="271">
        <v>0</v>
      </c>
      <c r="BI28" s="470">
        <v>0</v>
      </c>
      <c r="BJ28" s="270">
        <v>0</v>
      </c>
      <c r="BK28" s="270">
        <v>0</v>
      </c>
      <c r="BL28" s="270">
        <v>0</v>
      </c>
      <c r="BM28" s="270">
        <v>0</v>
      </c>
      <c r="BN28" s="270">
        <v>0</v>
      </c>
      <c r="BO28" s="273">
        <v>0</v>
      </c>
      <c r="BP28" s="274">
        <v>0</v>
      </c>
      <c r="BQ28" s="269">
        <v>0</v>
      </c>
      <c r="BR28" s="270">
        <v>0</v>
      </c>
      <c r="BS28" s="271">
        <v>0</v>
      </c>
      <c r="BT28" s="272">
        <v>0</v>
      </c>
      <c r="BU28" s="270">
        <v>6991</v>
      </c>
      <c r="BV28" s="270">
        <v>36773</v>
      </c>
      <c r="BW28" s="270">
        <v>43116</v>
      </c>
      <c r="BX28" s="270">
        <v>27954</v>
      </c>
      <c r="BY28" s="270">
        <v>0</v>
      </c>
      <c r="BZ28" s="273">
        <v>114834</v>
      </c>
      <c r="CA28" s="274">
        <v>114834</v>
      </c>
      <c r="CB28" s="269">
        <v>0</v>
      </c>
      <c r="CC28" s="270">
        <v>0</v>
      </c>
      <c r="CD28" s="271">
        <v>0</v>
      </c>
      <c r="CE28" s="272">
        <v>0</v>
      </c>
      <c r="CF28" s="270">
        <v>0</v>
      </c>
      <c r="CG28" s="270">
        <v>0</v>
      </c>
      <c r="CH28" s="270">
        <v>1885</v>
      </c>
      <c r="CI28" s="270">
        <v>725</v>
      </c>
      <c r="CJ28" s="270">
        <v>0</v>
      </c>
      <c r="CK28" s="273">
        <v>2610</v>
      </c>
      <c r="CL28" s="274">
        <v>2610</v>
      </c>
      <c r="CM28" s="269">
        <v>0</v>
      </c>
      <c r="CN28" s="270">
        <v>0</v>
      </c>
      <c r="CO28" s="271">
        <v>0</v>
      </c>
      <c r="CP28" s="272">
        <v>0</v>
      </c>
      <c r="CQ28" s="270">
        <v>0</v>
      </c>
      <c r="CR28" s="270">
        <v>0</v>
      </c>
      <c r="CS28" s="270">
        <v>0</v>
      </c>
      <c r="CT28" s="270">
        <v>0</v>
      </c>
      <c r="CU28" s="270">
        <v>0</v>
      </c>
      <c r="CV28" s="273">
        <v>0</v>
      </c>
      <c r="CW28" s="274">
        <v>0</v>
      </c>
      <c r="CX28" s="269">
        <v>0</v>
      </c>
      <c r="CY28" s="270">
        <v>0</v>
      </c>
      <c r="CZ28" s="271">
        <v>0</v>
      </c>
      <c r="DA28" s="470">
        <v>0</v>
      </c>
      <c r="DB28" s="270">
        <v>0</v>
      </c>
      <c r="DC28" s="270">
        <v>0</v>
      </c>
      <c r="DD28" s="270">
        <v>0</v>
      </c>
      <c r="DE28" s="270">
        <v>0</v>
      </c>
      <c r="DF28" s="270">
        <v>0</v>
      </c>
      <c r="DG28" s="273">
        <v>0</v>
      </c>
      <c r="DH28" s="274">
        <v>0</v>
      </c>
      <c r="DI28" s="269">
        <v>0</v>
      </c>
      <c r="DJ28" s="270">
        <v>0</v>
      </c>
      <c r="DK28" s="271">
        <v>0</v>
      </c>
      <c r="DL28" s="272">
        <v>0</v>
      </c>
      <c r="DM28" s="270">
        <v>12331</v>
      </c>
      <c r="DN28" s="270">
        <v>91624</v>
      </c>
      <c r="DO28" s="270">
        <v>578029</v>
      </c>
      <c r="DP28" s="270">
        <v>899106</v>
      </c>
      <c r="DQ28" s="270">
        <v>373759</v>
      </c>
      <c r="DR28" s="273">
        <v>1954849</v>
      </c>
      <c r="DS28" s="275">
        <v>1954849</v>
      </c>
      <c r="DT28" s="269">
        <v>0</v>
      </c>
      <c r="DU28" s="270">
        <v>0</v>
      </c>
      <c r="DV28" s="271">
        <v>0</v>
      </c>
      <c r="DW28" s="470">
        <v>0</v>
      </c>
      <c r="DX28" s="270">
        <v>0</v>
      </c>
      <c r="DY28" s="270">
        <v>15035</v>
      </c>
      <c r="DZ28" s="270">
        <v>521870</v>
      </c>
      <c r="EA28" s="270">
        <v>830259</v>
      </c>
      <c r="EB28" s="270">
        <v>372401</v>
      </c>
      <c r="EC28" s="273">
        <v>1739565</v>
      </c>
      <c r="ED28" s="274">
        <v>1739565</v>
      </c>
      <c r="EE28" s="269">
        <v>0</v>
      </c>
      <c r="EF28" s="270">
        <v>0</v>
      </c>
      <c r="EG28" s="271">
        <v>0</v>
      </c>
      <c r="EH28" s="470">
        <v>0</v>
      </c>
      <c r="EI28" s="270">
        <v>651</v>
      </c>
      <c r="EJ28" s="270">
        <v>24900</v>
      </c>
      <c r="EK28" s="270">
        <v>1085</v>
      </c>
      <c r="EL28" s="270">
        <v>25915</v>
      </c>
      <c r="EM28" s="270">
        <v>1141</v>
      </c>
      <c r="EN28" s="273">
        <v>53692</v>
      </c>
      <c r="EO28" s="274">
        <v>53692</v>
      </c>
      <c r="EP28" s="269">
        <v>0</v>
      </c>
      <c r="EQ28" s="270">
        <v>0</v>
      </c>
      <c r="ER28" s="271">
        <v>0</v>
      </c>
      <c r="ES28" s="470">
        <v>0</v>
      </c>
      <c r="ET28" s="270">
        <v>0</v>
      </c>
      <c r="EU28" s="270">
        <v>0</v>
      </c>
      <c r="EV28" s="270">
        <v>0</v>
      </c>
      <c r="EW28" s="270">
        <v>0</v>
      </c>
      <c r="EX28" s="270">
        <v>0</v>
      </c>
      <c r="EY28" s="273">
        <v>0</v>
      </c>
      <c r="EZ28" s="274">
        <v>0</v>
      </c>
      <c r="FA28" s="269">
        <v>0</v>
      </c>
      <c r="FB28" s="270">
        <v>0</v>
      </c>
      <c r="FC28" s="271">
        <v>0</v>
      </c>
      <c r="FD28" s="470">
        <v>0</v>
      </c>
      <c r="FE28" s="270">
        <v>0</v>
      </c>
      <c r="FF28" s="270">
        <v>0</v>
      </c>
      <c r="FG28" s="270">
        <v>0</v>
      </c>
      <c r="FH28" s="270">
        <v>0</v>
      </c>
      <c r="FI28" s="270">
        <v>217</v>
      </c>
      <c r="FJ28" s="273">
        <v>217</v>
      </c>
      <c r="FK28" s="274">
        <v>217</v>
      </c>
      <c r="FL28" s="269">
        <v>0</v>
      </c>
      <c r="FM28" s="270">
        <v>0</v>
      </c>
      <c r="FN28" s="271">
        <v>0</v>
      </c>
      <c r="FO28" s="470">
        <v>0</v>
      </c>
      <c r="FP28" s="270">
        <v>0</v>
      </c>
      <c r="FQ28" s="270">
        <v>0</v>
      </c>
      <c r="FR28" s="270">
        <v>0</v>
      </c>
      <c r="FS28" s="270">
        <v>0</v>
      </c>
      <c r="FT28" s="270">
        <v>0</v>
      </c>
      <c r="FU28" s="273">
        <v>0</v>
      </c>
      <c r="FV28" s="274">
        <v>0</v>
      </c>
      <c r="FW28" s="269">
        <v>0</v>
      </c>
      <c r="FX28" s="270">
        <v>0</v>
      </c>
      <c r="FY28" s="271">
        <v>0</v>
      </c>
      <c r="FZ28" s="272">
        <v>0</v>
      </c>
      <c r="GA28" s="270">
        <v>11680</v>
      </c>
      <c r="GB28" s="270">
        <v>51689</v>
      </c>
      <c r="GC28" s="270">
        <v>54969</v>
      </c>
      <c r="GD28" s="270">
        <v>42855</v>
      </c>
      <c r="GE28" s="270">
        <v>0</v>
      </c>
      <c r="GF28" s="273">
        <v>161193</v>
      </c>
      <c r="GG28" s="274">
        <v>161193</v>
      </c>
      <c r="GH28" s="269">
        <v>0</v>
      </c>
      <c r="GI28" s="270">
        <v>0</v>
      </c>
      <c r="GJ28" s="271">
        <v>0</v>
      </c>
      <c r="GK28" s="272">
        <v>0</v>
      </c>
      <c r="GL28" s="270">
        <v>0</v>
      </c>
      <c r="GM28" s="270">
        <v>0</v>
      </c>
      <c r="GN28" s="270">
        <v>105</v>
      </c>
      <c r="GO28" s="270">
        <v>77</v>
      </c>
      <c r="GP28" s="270">
        <v>0</v>
      </c>
      <c r="GQ28" s="273">
        <v>182</v>
      </c>
      <c r="GR28" s="274">
        <v>182</v>
      </c>
      <c r="GS28" s="269">
        <v>0</v>
      </c>
      <c r="GT28" s="270">
        <v>0</v>
      </c>
      <c r="GU28" s="271">
        <v>0</v>
      </c>
      <c r="GV28" s="272">
        <v>0</v>
      </c>
      <c r="GW28" s="270">
        <v>0</v>
      </c>
      <c r="GX28" s="270">
        <v>0</v>
      </c>
      <c r="GY28" s="270">
        <v>0</v>
      </c>
      <c r="GZ28" s="270">
        <v>0</v>
      </c>
      <c r="HA28" s="270">
        <v>0</v>
      </c>
      <c r="HB28" s="273">
        <v>0</v>
      </c>
      <c r="HC28" s="274">
        <v>0</v>
      </c>
      <c r="HD28" s="269">
        <v>0</v>
      </c>
      <c r="HE28" s="270">
        <v>0</v>
      </c>
      <c r="HF28" s="271">
        <v>0</v>
      </c>
      <c r="HG28" s="470">
        <v>0</v>
      </c>
      <c r="HH28" s="270">
        <v>0</v>
      </c>
      <c r="HI28" s="270">
        <v>0</v>
      </c>
      <c r="HJ28" s="270">
        <v>0</v>
      </c>
      <c r="HK28" s="270">
        <v>0</v>
      </c>
      <c r="HL28" s="270">
        <v>0</v>
      </c>
      <c r="HM28" s="273">
        <v>0</v>
      </c>
      <c r="HN28" s="274">
        <v>0</v>
      </c>
      <c r="HO28" s="269">
        <v>0</v>
      </c>
      <c r="HP28" s="270">
        <v>0</v>
      </c>
      <c r="HQ28" s="271">
        <v>0</v>
      </c>
      <c r="HR28" s="272">
        <v>0</v>
      </c>
      <c r="HS28" s="270">
        <v>49237</v>
      </c>
      <c r="HT28" s="270">
        <v>314487</v>
      </c>
      <c r="HU28" s="270">
        <v>1025230</v>
      </c>
      <c r="HV28" s="270">
        <v>1561645</v>
      </c>
      <c r="HW28" s="270">
        <v>912984</v>
      </c>
      <c r="HX28" s="273">
        <v>3863583</v>
      </c>
      <c r="HY28" s="274">
        <v>3863583</v>
      </c>
    </row>
    <row r="29" spans="2:233" ht="21" customHeight="1" x14ac:dyDescent="0.2">
      <c r="B29" s="437" t="s">
        <v>26</v>
      </c>
      <c r="C29" s="269">
        <v>0</v>
      </c>
      <c r="D29" s="270">
        <v>145</v>
      </c>
      <c r="E29" s="271">
        <v>145</v>
      </c>
      <c r="F29" s="272">
        <v>0</v>
      </c>
      <c r="G29" s="270">
        <v>43644</v>
      </c>
      <c r="H29" s="270">
        <v>124105</v>
      </c>
      <c r="I29" s="270">
        <v>449010</v>
      </c>
      <c r="J29" s="270">
        <v>736595</v>
      </c>
      <c r="K29" s="270">
        <v>589265</v>
      </c>
      <c r="L29" s="273">
        <v>1942619</v>
      </c>
      <c r="M29" s="274">
        <v>1942764</v>
      </c>
      <c r="N29" s="269">
        <v>0</v>
      </c>
      <c r="O29" s="270">
        <v>0</v>
      </c>
      <c r="P29" s="271">
        <v>0</v>
      </c>
      <c r="Q29" s="470">
        <v>0</v>
      </c>
      <c r="R29" s="270">
        <v>0</v>
      </c>
      <c r="S29" s="270">
        <v>33945</v>
      </c>
      <c r="T29" s="270">
        <v>238810</v>
      </c>
      <c r="U29" s="270">
        <v>523470</v>
      </c>
      <c r="V29" s="270">
        <v>369750</v>
      </c>
      <c r="W29" s="273">
        <v>1165975</v>
      </c>
      <c r="X29" s="274">
        <v>1165975</v>
      </c>
      <c r="Y29" s="269">
        <v>0</v>
      </c>
      <c r="Z29" s="270">
        <v>0</v>
      </c>
      <c r="AA29" s="271">
        <v>0</v>
      </c>
      <c r="AB29" s="470">
        <v>0</v>
      </c>
      <c r="AC29" s="270">
        <v>35340</v>
      </c>
      <c r="AD29" s="270">
        <v>75695</v>
      </c>
      <c r="AE29" s="270">
        <v>198325</v>
      </c>
      <c r="AF29" s="270">
        <v>177085</v>
      </c>
      <c r="AG29" s="270">
        <v>179620</v>
      </c>
      <c r="AH29" s="273">
        <v>666065</v>
      </c>
      <c r="AI29" s="274">
        <v>666065</v>
      </c>
      <c r="AJ29" s="269">
        <v>0</v>
      </c>
      <c r="AK29" s="270">
        <v>0</v>
      </c>
      <c r="AL29" s="271">
        <v>0</v>
      </c>
      <c r="AM29" s="470">
        <v>0</v>
      </c>
      <c r="AN29" s="270">
        <v>0</v>
      </c>
      <c r="AO29" s="270">
        <v>0</v>
      </c>
      <c r="AP29" s="270">
        <v>0</v>
      </c>
      <c r="AQ29" s="270">
        <v>0</v>
      </c>
      <c r="AR29" s="270">
        <v>0</v>
      </c>
      <c r="AS29" s="273">
        <v>0</v>
      </c>
      <c r="AT29" s="274">
        <v>0</v>
      </c>
      <c r="AU29" s="269">
        <v>0</v>
      </c>
      <c r="AV29" s="270">
        <v>0</v>
      </c>
      <c r="AW29" s="271">
        <v>0</v>
      </c>
      <c r="AX29" s="470">
        <v>0</v>
      </c>
      <c r="AY29" s="270">
        <v>0</v>
      </c>
      <c r="AZ29" s="270">
        <v>0</v>
      </c>
      <c r="BA29" s="270">
        <v>2635</v>
      </c>
      <c r="BB29" s="270">
        <v>0</v>
      </c>
      <c r="BC29" s="270">
        <v>5270</v>
      </c>
      <c r="BD29" s="273">
        <v>7905</v>
      </c>
      <c r="BE29" s="274">
        <v>7905</v>
      </c>
      <c r="BF29" s="269">
        <v>0</v>
      </c>
      <c r="BG29" s="270">
        <v>0</v>
      </c>
      <c r="BH29" s="271">
        <v>0</v>
      </c>
      <c r="BI29" s="470">
        <v>0</v>
      </c>
      <c r="BJ29" s="270">
        <v>0</v>
      </c>
      <c r="BK29" s="270">
        <v>0</v>
      </c>
      <c r="BL29" s="270">
        <v>0</v>
      </c>
      <c r="BM29" s="270">
        <v>0</v>
      </c>
      <c r="BN29" s="270">
        <v>0</v>
      </c>
      <c r="BO29" s="273">
        <v>0</v>
      </c>
      <c r="BP29" s="274">
        <v>0</v>
      </c>
      <c r="BQ29" s="269">
        <v>0</v>
      </c>
      <c r="BR29" s="270">
        <v>145</v>
      </c>
      <c r="BS29" s="271">
        <v>145</v>
      </c>
      <c r="BT29" s="272">
        <v>0</v>
      </c>
      <c r="BU29" s="270">
        <v>8304</v>
      </c>
      <c r="BV29" s="270">
        <v>12965</v>
      </c>
      <c r="BW29" s="270">
        <v>9240</v>
      </c>
      <c r="BX29" s="270">
        <v>34960</v>
      </c>
      <c r="BY29" s="270">
        <v>34625</v>
      </c>
      <c r="BZ29" s="273">
        <v>100094</v>
      </c>
      <c r="CA29" s="274">
        <v>100239</v>
      </c>
      <c r="CB29" s="269">
        <v>0</v>
      </c>
      <c r="CC29" s="270">
        <v>0</v>
      </c>
      <c r="CD29" s="271">
        <v>0</v>
      </c>
      <c r="CE29" s="272">
        <v>0</v>
      </c>
      <c r="CF29" s="270">
        <v>0</v>
      </c>
      <c r="CG29" s="270">
        <v>1500</v>
      </c>
      <c r="CH29" s="270">
        <v>0</v>
      </c>
      <c r="CI29" s="270">
        <v>1080</v>
      </c>
      <c r="CJ29" s="270">
        <v>0</v>
      </c>
      <c r="CK29" s="273">
        <v>2580</v>
      </c>
      <c r="CL29" s="274">
        <v>2580</v>
      </c>
      <c r="CM29" s="269">
        <v>0</v>
      </c>
      <c r="CN29" s="270">
        <v>0</v>
      </c>
      <c r="CO29" s="271">
        <v>0</v>
      </c>
      <c r="CP29" s="272">
        <v>0</v>
      </c>
      <c r="CQ29" s="270">
        <v>0</v>
      </c>
      <c r="CR29" s="270">
        <v>0</v>
      </c>
      <c r="CS29" s="270">
        <v>0</v>
      </c>
      <c r="CT29" s="270">
        <v>0</v>
      </c>
      <c r="CU29" s="270">
        <v>0</v>
      </c>
      <c r="CV29" s="273">
        <v>0</v>
      </c>
      <c r="CW29" s="274">
        <v>0</v>
      </c>
      <c r="CX29" s="269">
        <v>0</v>
      </c>
      <c r="CY29" s="270">
        <v>0</v>
      </c>
      <c r="CZ29" s="271">
        <v>0</v>
      </c>
      <c r="DA29" s="470">
        <v>0</v>
      </c>
      <c r="DB29" s="270">
        <v>0</v>
      </c>
      <c r="DC29" s="270">
        <v>0</v>
      </c>
      <c r="DD29" s="270">
        <v>0</v>
      </c>
      <c r="DE29" s="270">
        <v>0</v>
      </c>
      <c r="DF29" s="270">
        <v>0</v>
      </c>
      <c r="DG29" s="273">
        <v>0</v>
      </c>
      <c r="DH29" s="274">
        <v>0</v>
      </c>
      <c r="DI29" s="269">
        <v>0</v>
      </c>
      <c r="DJ29" s="270">
        <v>696</v>
      </c>
      <c r="DK29" s="271">
        <v>696</v>
      </c>
      <c r="DL29" s="272">
        <v>0</v>
      </c>
      <c r="DM29" s="270">
        <v>19709</v>
      </c>
      <c r="DN29" s="270">
        <v>112157</v>
      </c>
      <c r="DO29" s="270">
        <v>407716</v>
      </c>
      <c r="DP29" s="270">
        <v>746042</v>
      </c>
      <c r="DQ29" s="270">
        <v>520545</v>
      </c>
      <c r="DR29" s="273">
        <v>1806169</v>
      </c>
      <c r="DS29" s="275">
        <v>1806865</v>
      </c>
      <c r="DT29" s="269">
        <v>0</v>
      </c>
      <c r="DU29" s="270">
        <v>0</v>
      </c>
      <c r="DV29" s="271">
        <v>0</v>
      </c>
      <c r="DW29" s="470">
        <v>0</v>
      </c>
      <c r="DX29" s="270">
        <v>0</v>
      </c>
      <c r="DY29" s="270">
        <v>77686</v>
      </c>
      <c r="DZ29" s="270">
        <v>372279</v>
      </c>
      <c r="EA29" s="270">
        <v>652761</v>
      </c>
      <c r="EB29" s="270">
        <v>435443</v>
      </c>
      <c r="EC29" s="273">
        <v>1538169</v>
      </c>
      <c r="ED29" s="274">
        <v>1538169</v>
      </c>
      <c r="EE29" s="269">
        <v>0</v>
      </c>
      <c r="EF29" s="270">
        <v>0</v>
      </c>
      <c r="EG29" s="271">
        <v>0</v>
      </c>
      <c r="EH29" s="470">
        <v>0</v>
      </c>
      <c r="EI29" s="270">
        <v>434</v>
      </c>
      <c r="EJ29" s="270">
        <v>9549</v>
      </c>
      <c r="EK29" s="270">
        <v>13472</v>
      </c>
      <c r="EL29" s="270">
        <v>49535</v>
      </c>
      <c r="EM29" s="270">
        <v>32826</v>
      </c>
      <c r="EN29" s="273">
        <v>105816</v>
      </c>
      <c r="EO29" s="274">
        <v>105816</v>
      </c>
      <c r="EP29" s="269">
        <v>0</v>
      </c>
      <c r="EQ29" s="270">
        <v>0</v>
      </c>
      <c r="ER29" s="271">
        <v>0</v>
      </c>
      <c r="ES29" s="470">
        <v>0</v>
      </c>
      <c r="ET29" s="270">
        <v>0</v>
      </c>
      <c r="EU29" s="270">
        <v>0</v>
      </c>
      <c r="EV29" s="270">
        <v>0</v>
      </c>
      <c r="EW29" s="270">
        <v>0</v>
      </c>
      <c r="EX29" s="270">
        <v>0</v>
      </c>
      <c r="EY29" s="273">
        <v>0</v>
      </c>
      <c r="EZ29" s="274">
        <v>0</v>
      </c>
      <c r="FA29" s="269">
        <v>0</v>
      </c>
      <c r="FB29" s="270">
        <v>0</v>
      </c>
      <c r="FC29" s="271">
        <v>0</v>
      </c>
      <c r="FD29" s="470">
        <v>0</v>
      </c>
      <c r="FE29" s="270">
        <v>0</v>
      </c>
      <c r="FF29" s="270">
        <v>0</v>
      </c>
      <c r="FG29" s="270">
        <v>217</v>
      </c>
      <c r="FH29" s="270">
        <v>0</v>
      </c>
      <c r="FI29" s="270">
        <v>434</v>
      </c>
      <c r="FJ29" s="273">
        <v>651</v>
      </c>
      <c r="FK29" s="274">
        <v>651</v>
      </c>
      <c r="FL29" s="269">
        <v>0</v>
      </c>
      <c r="FM29" s="270">
        <v>0</v>
      </c>
      <c r="FN29" s="271">
        <v>0</v>
      </c>
      <c r="FO29" s="470">
        <v>0</v>
      </c>
      <c r="FP29" s="270">
        <v>0</v>
      </c>
      <c r="FQ29" s="270">
        <v>0</v>
      </c>
      <c r="FR29" s="270">
        <v>0</v>
      </c>
      <c r="FS29" s="270">
        <v>0</v>
      </c>
      <c r="FT29" s="270">
        <v>0</v>
      </c>
      <c r="FU29" s="273">
        <v>0</v>
      </c>
      <c r="FV29" s="274">
        <v>0</v>
      </c>
      <c r="FW29" s="269">
        <v>0</v>
      </c>
      <c r="FX29" s="270">
        <v>696</v>
      </c>
      <c r="FY29" s="271">
        <v>696</v>
      </c>
      <c r="FZ29" s="272">
        <v>0</v>
      </c>
      <c r="GA29" s="270">
        <v>19275</v>
      </c>
      <c r="GB29" s="270">
        <v>24543</v>
      </c>
      <c r="GC29" s="270">
        <v>21748</v>
      </c>
      <c r="GD29" s="270">
        <v>43648</v>
      </c>
      <c r="GE29" s="270">
        <v>51842</v>
      </c>
      <c r="GF29" s="273">
        <v>161056</v>
      </c>
      <c r="GG29" s="274">
        <v>161752</v>
      </c>
      <c r="GH29" s="269">
        <v>0</v>
      </c>
      <c r="GI29" s="270">
        <v>0</v>
      </c>
      <c r="GJ29" s="271">
        <v>0</v>
      </c>
      <c r="GK29" s="272">
        <v>0</v>
      </c>
      <c r="GL29" s="270">
        <v>0</v>
      </c>
      <c r="GM29" s="270">
        <v>379</v>
      </c>
      <c r="GN29" s="270">
        <v>0</v>
      </c>
      <c r="GO29" s="270">
        <v>98</v>
      </c>
      <c r="GP29" s="270">
        <v>0</v>
      </c>
      <c r="GQ29" s="273">
        <v>477</v>
      </c>
      <c r="GR29" s="274">
        <v>477</v>
      </c>
      <c r="GS29" s="269">
        <v>0</v>
      </c>
      <c r="GT29" s="270">
        <v>0</v>
      </c>
      <c r="GU29" s="271">
        <v>0</v>
      </c>
      <c r="GV29" s="272">
        <v>0</v>
      </c>
      <c r="GW29" s="270">
        <v>0</v>
      </c>
      <c r="GX29" s="270">
        <v>0</v>
      </c>
      <c r="GY29" s="270">
        <v>0</v>
      </c>
      <c r="GZ29" s="270">
        <v>0</v>
      </c>
      <c r="HA29" s="270">
        <v>0</v>
      </c>
      <c r="HB29" s="273">
        <v>0</v>
      </c>
      <c r="HC29" s="274">
        <v>0</v>
      </c>
      <c r="HD29" s="269">
        <v>0</v>
      </c>
      <c r="HE29" s="270">
        <v>0</v>
      </c>
      <c r="HF29" s="271">
        <v>0</v>
      </c>
      <c r="HG29" s="470">
        <v>0</v>
      </c>
      <c r="HH29" s="270">
        <v>0</v>
      </c>
      <c r="HI29" s="270">
        <v>0</v>
      </c>
      <c r="HJ29" s="270">
        <v>0</v>
      </c>
      <c r="HK29" s="270">
        <v>0</v>
      </c>
      <c r="HL29" s="270">
        <v>0</v>
      </c>
      <c r="HM29" s="273">
        <v>0</v>
      </c>
      <c r="HN29" s="274">
        <v>0</v>
      </c>
      <c r="HO29" s="269">
        <v>0</v>
      </c>
      <c r="HP29" s="270">
        <v>841</v>
      </c>
      <c r="HQ29" s="271">
        <v>841</v>
      </c>
      <c r="HR29" s="272">
        <v>0</v>
      </c>
      <c r="HS29" s="270">
        <v>63353</v>
      </c>
      <c r="HT29" s="270">
        <v>236262</v>
      </c>
      <c r="HU29" s="270">
        <v>856726</v>
      </c>
      <c r="HV29" s="270">
        <v>1482637</v>
      </c>
      <c r="HW29" s="270">
        <v>1109810</v>
      </c>
      <c r="HX29" s="273">
        <v>3748788</v>
      </c>
      <c r="HY29" s="274">
        <v>3749629</v>
      </c>
    </row>
    <row r="30" spans="2:233" ht="21" customHeight="1" x14ac:dyDescent="0.2">
      <c r="B30" s="437" t="s">
        <v>27</v>
      </c>
      <c r="C30" s="269">
        <v>0</v>
      </c>
      <c r="D30" s="270">
        <v>0</v>
      </c>
      <c r="E30" s="271">
        <v>0</v>
      </c>
      <c r="F30" s="272">
        <v>0</v>
      </c>
      <c r="G30" s="270">
        <v>47248</v>
      </c>
      <c r="H30" s="270">
        <v>117979</v>
      </c>
      <c r="I30" s="270">
        <v>501103</v>
      </c>
      <c r="J30" s="270">
        <v>779185</v>
      </c>
      <c r="K30" s="270">
        <v>369065</v>
      </c>
      <c r="L30" s="273">
        <v>1814580</v>
      </c>
      <c r="M30" s="274">
        <v>1814580</v>
      </c>
      <c r="N30" s="269">
        <v>0</v>
      </c>
      <c r="O30" s="270">
        <v>0</v>
      </c>
      <c r="P30" s="271">
        <v>0</v>
      </c>
      <c r="Q30" s="470">
        <v>0</v>
      </c>
      <c r="R30" s="270">
        <v>35340</v>
      </c>
      <c r="S30" s="270">
        <v>32705</v>
      </c>
      <c r="T30" s="270">
        <v>319455</v>
      </c>
      <c r="U30" s="270">
        <v>573265</v>
      </c>
      <c r="V30" s="270">
        <v>352770</v>
      </c>
      <c r="W30" s="273">
        <v>1313535</v>
      </c>
      <c r="X30" s="274">
        <v>1313535</v>
      </c>
      <c r="Y30" s="269">
        <v>0</v>
      </c>
      <c r="Z30" s="270">
        <v>0</v>
      </c>
      <c r="AA30" s="271">
        <v>0</v>
      </c>
      <c r="AB30" s="470">
        <v>0</v>
      </c>
      <c r="AC30" s="270">
        <v>7905</v>
      </c>
      <c r="AD30" s="270">
        <v>84630</v>
      </c>
      <c r="AE30" s="270">
        <v>109275</v>
      </c>
      <c r="AF30" s="270">
        <v>190805</v>
      </c>
      <c r="AG30" s="270">
        <v>6120</v>
      </c>
      <c r="AH30" s="273">
        <v>398735</v>
      </c>
      <c r="AI30" s="274">
        <v>398735</v>
      </c>
      <c r="AJ30" s="269">
        <v>0</v>
      </c>
      <c r="AK30" s="270">
        <v>0</v>
      </c>
      <c r="AL30" s="271">
        <v>0</v>
      </c>
      <c r="AM30" s="470">
        <v>0</v>
      </c>
      <c r="AN30" s="270">
        <v>0</v>
      </c>
      <c r="AO30" s="270">
        <v>0</v>
      </c>
      <c r="AP30" s="270">
        <v>0</v>
      </c>
      <c r="AQ30" s="270">
        <v>0</v>
      </c>
      <c r="AR30" s="270">
        <v>0</v>
      </c>
      <c r="AS30" s="273">
        <v>0</v>
      </c>
      <c r="AT30" s="274">
        <v>0</v>
      </c>
      <c r="AU30" s="269">
        <v>0</v>
      </c>
      <c r="AV30" s="270">
        <v>0</v>
      </c>
      <c r="AW30" s="271">
        <v>0</v>
      </c>
      <c r="AX30" s="470">
        <v>0</v>
      </c>
      <c r="AY30" s="270">
        <v>0</v>
      </c>
      <c r="AZ30" s="270">
        <v>0</v>
      </c>
      <c r="BA30" s="270">
        <v>0</v>
      </c>
      <c r="BB30" s="270">
        <v>0</v>
      </c>
      <c r="BC30" s="270">
        <v>0</v>
      </c>
      <c r="BD30" s="273">
        <v>0</v>
      </c>
      <c r="BE30" s="274">
        <v>0</v>
      </c>
      <c r="BF30" s="269">
        <v>0</v>
      </c>
      <c r="BG30" s="270">
        <v>0</v>
      </c>
      <c r="BH30" s="271">
        <v>0</v>
      </c>
      <c r="BI30" s="470">
        <v>0</v>
      </c>
      <c r="BJ30" s="270">
        <v>0</v>
      </c>
      <c r="BK30" s="270">
        <v>0</v>
      </c>
      <c r="BL30" s="270">
        <v>59985</v>
      </c>
      <c r="BM30" s="270">
        <v>10540</v>
      </c>
      <c r="BN30" s="270">
        <v>340</v>
      </c>
      <c r="BO30" s="273">
        <v>70865</v>
      </c>
      <c r="BP30" s="274">
        <v>70865</v>
      </c>
      <c r="BQ30" s="269">
        <v>0</v>
      </c>
      <c r="BR30" s="270">
        <v>0</v>
      </c>
      <c r="BS30" s="271">
        <v>0</v>
      </c>
      <c r="BT30" s="272">
        <v>0</v>
      </c>
      <c r="BU30" s="270">
        <v>4003</v>
      </c>
      <c r="BV30" s="270">
        <v>644</v>
      </c>
      <c r="BW30" s="270">
        <v>12388</v>
      </c>
      <c r="BX30" s="270">
        <v>4575</v>
      </c>
      <c r="BY30" s="270">
        <v>9835</v>
      </c>
      <c r="BZ30" s="273">
        <v>31445</v>
      </c>
      <c r="CA30" s="274">
        <v>31445</v>
      </c>
      <c r="CB30" s="269">
        <v>0</v>
      </c>
      <c r="CC30" s="270">
        <v>0</v>
      </c>
      <c r="CD30" s="271">
        <v>0</v>
      </c>
      <c r="CE30" s="272">
        <v>0</v>
      </c>
      <c r="CF30" s="270">
        <v>0</v>
      </c>
      <c r="CG30" s="270">
        <v>0</v>
      </c>
      <c r="CH30" s="270">
        <v>0</v>
      </c>
      <c r="CI30" s="270">
        <v>0</v>
      </c>
      <c r="CJ30" s="270">
        <v>0</v>
      </c>
      <c r="CK30" s="273">
        <v>0</v>
      </c>
      <c r="CL30" s="274">
        <v>0</v>
      </c>
      <c r="CM30" s="269">
        <v>0</v>
      </c>
      <c r="CN30" s="270">
        <v>0</v>
      </c>
      <c r="CO30" s="271">
        <v>0</v>
      </c>
      <c r="CP30" s="272">
        <v>0</v>
      </c>
      <c r="CQ30" s="270">
        <v>0</v>
      </c>
      <c r="CR30" s="270">
        <v>0</v>
      </c>
      <c r="CS30" s="270">
        <v>0</v>
      </c>
      <c r="CT30" s="270">
        <v>0</v>
      </c>
      <c r="CU30" s="270">
        <v>0</v>
      </c>
      <c r="CV30" s="273">
        <v>0</v>
      </c>
      <c r="CW30" s="274">
        <v>0</v>
      </c>
      <c r="CX30" s="269">
        <v>0</v>
      </c>
      <c r="CY30" s="270">
        <v>0</v>
      </c>
      <c r="CZ30" s="271">
        <v>0</v>
      </c>
      <c r="DA30" s="470">
        <v>0</v>
      </c>
      <c r="DB30" s="270">
        <v>0</v>
      </c>
      <c r="DC30" s="270">
        <v>0</v>
      </c>
      <c r="DD30" s="270">
        <v>0</v>
      </c>
      <c r="DE30" s="270">
        <v>0</v>
      </c>
      <c r="DF30" s="270">
        <v>0</v>
      </c>
      <c r="DG30" s="273">
        <v>0</v>
      </c>
      <c r="DH30" s="274">
        <v>0</v>
      </c>
      <c r="DI30" s="269">
        <v>0</v>
      </c>
      <c r="DJ30" s="270">
        <v>0</v>
      </c>
      <c r="DK30" s="271">
        <v>0</v>
      </c>
      <c r="DL30" s="272">
        <v>0</v>
      </c>
      <c r="DM30" s="270">
        <v>60685</v>
      </c>
      <c r="DN30" s="270">
        <v>20816</v>
      </c>
      <c r="DO30" s="270">
        <v>391274</v>
      </c>
      <c r="DP30" s="270">
        <v>681300</v>
      </c>
      <c r="DQ30" s="270">
        <v>396925</v>
      </c>
      <c r="DR30" s="273">
        <v>1551000</v>
      </c>
      <c r="DS30" s="275">
        <v>1551000</v>
      </c>
      <c r="DT30" s="269">
        <v>0</v>
      </c>
      <c r="DU30" s="270">
        <v>0</v>
      </c>
      <c r="DV30" s="271">
        <v>0</v>
      </c>
      <c r="DW30" s="470">
        <v>0</v>
      </c>
      <c r="DX30" s="270">
        <v>29140</v>
      </c>
      <c r="DY30" s="270">
        <v>14570</v>
      </c>
      <c r="DZ30" s="270">
        <v>283588</v>
      </c>
      <c r="EA30" s="270">
        <v>517635</v>
      </c>
      <c r="EB30" s="270">
        <v>371867</v>
      </c>
      <c r="EC30" s="273">
        <v>1216800</v>
      </c>
      <c r="ED30" s="274">
        <v>1216800</v>
      </c>
      <c r="EE30" s="269">
        <v>0</v>
      </c>
      <c r="EF30" s="270">
        <v>0</v>
      </c>
      <c r="EG30" s="271">
        <v>0</v>
      </c>
      <c r="EH30" s="470">
        <v>0</v>
      </c>
      <c r="EI30" s="270">
        <v>22010</v>
      </c>
      <c r="EJ30" s="270">
        <v>868</v>
      </c>
      <c r="EK30" s="270">
        <v>11098</v>
      </c>
      <c r="EL30" s="270">
        <v>72385</v>
      </c>
      <c r="EM30" s="270">
        <v>10524</v>
      </c>
      <c r="EN30" s="273">
        <v>116885</v>
      </c>
      <c r="EO30" s="274">
        <v>116885</v>
      </c>
      <c r="EP30" s="269">
        <v>0</v>
      </c>
      <c r="EQ30" s="270">
        <v>0</v>
      </c>
      <c r="ER30" s="271">
        <v>0</v>
      </c>
      <c r="ES30" s="470">
        <v>0</v>
      </c>
      <c r="ET30" s="270">
        <v>0</v>
      </c>
      <c r="EU30" s="270">
        <v>0</v>
      </c>
      <c r="EV30" s="270">
        <v>0</v>
      </c>
      <c r="EW30" s="270">
        <v>0</v>
      </c>
      <c r="EX30" s="270">
        <v>0</v>
      </c>
      <c r="EY30" s="273">
        <v>0</v>
      </c>
      <c r="EZ30" s="274">
        <v>0</v>
      </c>
      <c r="FA30" s="269">
        <v>0</v>
      </c>
      <c r="FB30" s="270">
        <v>0</v>
      </c>
      <c r="FC30" s="271">
        <v>0</v>
      </c>
      <c r="FD30" s="470">
        <v>0</v>
      </c>
      <c r="FE30" s="270">
        <v>0</v>
      </c>
      <c r="FF30" s="270">
        <v>0</v>
      </c>
      <c r="FG30" s="270">
        <v>0</v>
      </c>
      <c r="FH30" s="270">
        <v>0</v>
      </c>
      <c r="FI30" s="270">
        <v>0</v>
      </c>
      <c r="FJ30" s="273">
        <v>0</v>
      </c>
      <c r="FK30" s="274">
        <v>0</v>
      </c>
      <c r="FL30" s="269">
        <v>0</v>
      </c>
      <c r="FM30" s="270">
        <v>0</v>
      </c>
      <c r="FN30" s="271">
        <v>0</v>
      </c>
      <c r="FO30" s="470">
        <v>0</v>
      </c>
      <c r="FP30" s="270">
        <v>0</v>
      </c>
      <c r="FQ30" s="270">
        <v>0</v>
      </c>
      <c r="FR30" s="270">
        <v>79918</v>
      </c>
      <c r="FS30" s="270">
        <v>86304</v>
      </c>
      <c r="FT30" s="270">
        <v>2784</v>
      </c>
      <c r="FU30" s="273">
        <v>169006</v>
      </c>
      <c r="FV30" s="274">
        <v>169006</v>
      </c>
      <c r="FW30" s="269">
        <v>0</v>
      </c>
      <c r="FX30" s="270">
        <v>0</v>
      </c>
      <c r="FY30" s="271">
        <v>0</v>
      </c>
      <c r="FZ30" s="272">
        <v>0</v>
      </c>
      <c r="GA30" s="270">
        <v>9535</v>
      </c>
      <c r="GB30" s="270">
        <v>5378</v>
      </c>
      <c r="GC30" s="270">
        <v>16670</v>
      </c>
      <c r="GD30" s="270">
        <v>4976</v>
      </c>
      <c r="GE30" s="270">
        <v>11750</v>
      </c>
      <c r="GF30" s="273">
        <v>48309</v>
      </c>
      <c r="GG30" s="274">
        <v>48309</v>
      </c>
      <c r="GH30" s="269">
        <v>0</v>
      </c>
      <c r="GI30" s="270">
        <v>0</v>
      </c>
      <c r="GJ30" s="271">
        <v>0</v>
      </c>
      <c r="GK30" s="272">
        <v>0</v>
      </c>
      <c r="GL30" s="270">
        <v>0</v>
      </c>
      <c r="GM30" s="270">
        <v>0</v>
      </c>
      <c r="GN30" s="270">
        <v>0</v>
      </c>
      <c r="GO30" s="270">
        <v>0</v>
      </c>
      <c r="GP30" s="270">
        <v>0</v>
      </c>
      <c r="GQ30" s="273">
        <v>0</v>
      </c>
      <c r="GR30" s="274">
        <v>0</v>
      </c>
      <c r="GS30" s="269">
        <v>0</v>
      </c>
      <c r="GT30" s="270">
        <v>0</v>
      </c>
      <c r="GU30" s="271">
        <v>0</v>
      </c>
      <c r="GV30" s="272">
        <v>0</v>
      </c>
      <c r="GW30" s="270">
        <v>0</v>
      </c>
      <c r="GX30" s="270">
        <v>0</v>
      </c>
      <c r="GY30" s="270">
        <v>0</v>
      </c>
      <c r="GZ30" s="270">
        <v>0</v>
      </c>
      <c r="HA30" s="270">
        <v>0</v>
      </c>
      <c r="HB30" s="273">
        <v>0</v>
      </c>
      <c r="HC30" s="274">
        <v>0</v>
      </c>
      <c r="HD30" s="269">
        <v>0</v>
      </c>
      <c r="HE30" s="270">
        <v>0</v>
      </c>
      <c r="HF30" s="271">
        <v>0</v>
      </c>
      <c r="HG30" s="470">
        <v>0</v>
      </c>
      <c r="HH30" s="270">
        <v>0</v>
      </c>
      <c r="HI30" s="270">
        <v>0</v>
      </c>
      <c r="HJ30" s="270">
        <v>0</v>
      </c>
      <c r="HK30" s="270">
        <v>0</v>
      </c>
      <c r="HL30" s="270">
        <v>0</v>
      </c>
      <c r="HM30" s="273">
        <v>0</v>
      </c>
      <c r="HN30" s="274">
        <v>0</v>
      </c>
      <c r="HO30" s="269">
        <v>0</v>
      </c>
      <c r="HP30" s="270">
        <v>0</v>
      </c>
      <c r="HQ30" s="271">
        <v>0</v>
      </c>
      <c r="HR30" s="272">
        <v>0</v>
      </c>
      <c r="HS30" s="270">
        <v>107933</v>
      </c>
      <c r="HT30" s="270">
        <v>138795</v>
      </c>
      <c r="HU30" s="270">
        <v>892377</v>
      </c>
      <c r="HV30" s="270">
        <v>1460485</v>
      </c>
      <c r="HW30" s="270">
        <v>765990</v>
      </c>
      <c r="HX30" s="273">
        <v>3365580</v>
      </c>
      <c r="HY30" s="274">
        <v>3365580</v>
      </c>
    </row>
    <row r="31" spans="2:233" ht="21" customHeight="1" x14ac:dyDescent="0.2">
      <c r="B31" s="437" t="s">
        <v>28</v>
      </c>
      <c r="C31" s="269">
        <v>0</v>
      </c>
      <c r="D31" s="270">
        <v>0</v>
      </c>
      <c r="E31" s="271">
        <v>0</v>
      </c>
      <c r="F31" s="272">
        <v>0</v>
      </c>
      <c r="G31" s="270">
        <v>24450</v>
      </c>
      <c r="H31" s="270">
        <v>63200</v>
      </c>
      <c r="I31" s="270">
        <v>254665</v>
      </c>
      <c r="J31" s="270">
        <v>174930</v>
      </c>
      <c r="K31" s="270">
        <v>57040</v>
      </c>
      <c r="L31" s="273">
        <v>574285</v>
      </c>
      <c r="M31" s="274">
        <v>574285</v>
      </c>
      <c r="N31" s="269">
        <v>0</v>
      </c>
      <c r="O31" s="270">
        <v>0</v>
      </c>
      <c r="P31" s="271">
        <v>0</v>
      </c>
      <c r="Q31" s="470">
        <v>0</v>
      </c>
      <c r="R31" s="270">
        <v>0</v>
      </c>
      <c r="S31" s="270">
        <v>30690</v>
      </c>
      <c r="T31" s="270">
        <v>192045</v>
      </c>
      <c r="U31" s="270">
        <v>171275</v>
      </c>
      <c r="V31" s="270">
        <v>57040</v>
      </c>
      <c r="W31" s="273">
        <v>451050</v>
      </c>
      <c r="X31" s="274">
        <v>451050</v>
      </c>
      <c r="Y31" s="269">
        <v>0</v>
      </c>
      <c r="Z31" s="270">
        <v>0</v>
      </c>
      <c r="AA31" s="271">
        <v>0</v>
      </c>
      <c r="AB31" s="470">
        <v>0</v>
      </c>
      <c r="AC31" s="270">
        <v>24450</v>
      </c>
      <c r="AD31" s="270">
        <v>32510</v>
      </c>
      <c r="AE31" s="270">
        <v>62620</v>
      </c>
      <c r="AF31" s="270">
        <v>2635</v>
      </c>
      <c r="AG31" s="270">
        <v>0</v>
      </c>
      <c r="AH31" s="273">
        <v>122215</v>
      </c>
      <c r="AI31" s="274">
        <v>122215</v>
      </c>
      <c r="AJ31" s="269">
        <v>0</v>
      </c>
      <c r="AK31" s="270">
        <v>0</v>
      </c>
      <c r="AL31" s="271">
        <v>0</v>
      </c>
      <c r="AM31" s="470">
        <v>0</v>
      </c>
      <c r="AN31" s="270">
        <v>0</v>
      </c>
      <c r="AO31" s="270">
        <v>0</v>
      </c>
      <c r="AP31" s="270">
        <v>0</v>
      </c>
      <c r="AQ31" s="270">
        <v>0</v>
      </c>
      <c r="AR31" s="270">
        <v>0</v>
      </c>
      <c r="AS31" s="273">
        <v>0</v>
      </c>
      <c r="AT31" s="274">
        <v>0</v>
      </c>
      <c r="AU31" s="269">
        <v>0</v>
      </c>
      <c r="AV31" s="270">
        <v>0</v>
      </c>
      <c r="AW31" s="271">
        <v>0</v>
      </c>
      <c r="AX31" s="470">
        <v>0</v>
      </c>
      <c r="AY31" s="270">
        <v>0</v>
      </c>
      <c r="AZ31" s="270">
        <v>0</v>
      </c>
      <c r="BA31" s="270">
        <v>0</v>
      </c>
      <c r="BB31" s="270">
        <v>0</v>
      </c>
      <c r="BC31" s="270">
        <v>0</v>
      </c>
      <c r="BD31" s="273">
        <v>0</v>
      </c>
      <c r="BE31" s="274">
        <v>0</v>
      </c>
      <c r="BF31" s="269">
        <v>0</v>
      </c>
      <c r="BG31" s="270">
        <v>0</v>
      </c>
      <c r="BH31" s="271">
        <v>0</v>
      </c>
      <c r="BI31" s="470">
        <v>0</v>
      </c>
      <c r="BJ31" s="270">
        <v>0</v>
      </c>
      <c r="BK31" s="270">
        <v>0</v>
      </c>
      <c r="BL31" s="270">
        <v>0</v>
      </c>
      <c r="BM31" s="270">
        <v>1020</v>
      </c>
      <c r="BN31" s="270">
        <v>0</v>
      </c>
      <c r="BO31" s="273">
        <v>1020</v>
      </c>
      <c r="BP31" s="274">
        <v>1020</v>
      </c>
      <c r="BQ31" s="269">
        <v>0</v>
      </c>
      <c r="BR31" s="270">
        <v>0</v>
      </c>
      <c r="BS31" s="271">
        <v>0</v>
      </c>
      <c r="BT31" s="272">
        <v>0</v>
      </c>
      <c r="BU31" s="270">
        <v>0</v>
      </c>
      <c r="BV31" s="270">
        <v>0</v>
      </c>
      <c r="BW31" s="270">
        <v>0</v>
      </c>
      <c r="BX31" s="270">
        <v>0</v>
      </c>
      <c r="BY31" s="270">
        <v>0</v>
      </c>
      <c r="BZ31" s="273">
        <v>0</v>
      </c>
      <c r="CA31" s="274">
        <v>0</v>
      </c>
      <c r="CB31" s="269">
        <v>0</v>
      </c>
      <c r="CC31" s="270">
        <v>0</v>
      </c>
      <c r="CD31" s="271">
        <v>0</v>
      </c>
      <c r="CE31" s="272">
        <v>0</v>
      </c>
      <c r="CF31" s="270">
        <v>0</v>
      </c>
      <c r="CG31" s="270">
        <v>0</v>
      </c>
      <c r="CH31" s="270">
        <v>0</v>
      </c>
      <c r="CI31" s="270">
        <v>0</v>
      </c>
      <c r="CJ31" s="270">
        <v>0</v>
      </c>
      <c r="CK31" s="273">
        <v>0</v>
      </c>
      <c r="CL31" s="274">
        <v>0</v>
      </c>
      <c r="CM31" s="269">
        <v>0</v>
      </c>
      <c r="CN31" s="270">
        <v>0</v>
      </c>
      <c r="CO31" s="271">
        <v>0</v>
      </c>
      <c r="CP31" s="272">
        <v>0</v>
      </c>
      <c r="CQ31" s="270">
        <v>0</v>
      </c>
      <c r="CR31" s="270">
        <v>0</v>
      </c>
      <c r="CS31" s="270">
        <v>0</v>
      </c>
      <c r="CT31" s="270">
        <v>0</v>
      </c>
      <c r="CU31" s="270">
        <v>0</v>
      </c>
      <c r="CV31" s="273">
        <v>0</v>
      </c>
      <c r="CW31" s="274">
        <v>0</v>
      </c>
      <c r="CX31" s="269">
        <v>0</v>
      </c>
      <c r="CY31" s="270">
        <v>0</v>
      </c>
      <c r="CZ31" s="271">
        <v>0</v>
      </c>
      <c r="DA31" s="470">
        <v>0</v>
      </c>
      <c r="DB31" s="270">
        <v>0</v>
      </c>
      <c r="DC31" s="270">
        <v>0</v>
      </c>
      <c r="DD31" s="270">
        <v>0</v>
      </c>
      <c r="DE31" s="270">
        <v>0</v>
      </c>
      <c r="DF31" s="270">
        <v>0</v>
      </c>
      <c r="DG31" s="273">
        <v>0</v>
      </c>
      <c r="DH31" s="274">
        <v>0</v>
      </c>
      <c r="DI31" s="269">
        <v>0</v>
      </c>
      <c r="DJ31" s="270">
        <v>0</v>
      </c>
      <c r="DK31" s="271">
        <v>0</v>
      </c>
      <c r="DL31" s="272">
        <v>0</v>
      </c>
      <c r="DM31" s="270">
        <v>217</v>
      </c>
      <c r="DN31" s="270">
        <v>14787</v>
      </c>
      <c r="DO31" s="270">
        <v>226889</v>
      </c>
      <c r="DP31" s="270">
        <v>159871</v>
      </c>
      <c r="DQ31" s="270">
        <v>131037</v>
      </c>
      <c r="DR31" s="273">
        <v>532801</v>
      </c>
      <c r="DS31" s="275">
        <v>532801</v>
      </c>
      <c r="DT31" s="269">
        <v>0</v>
      </c>
      <c r="DU31" s="270">
        <v>0</v>
      </c>
      <c r="DV31" s="271">
        <v>0</v>
      </c>
      <c r="DW31" s="470">
        <v>0</v>
      </c>
      <c r="DX31" s="270">
        <v>0</v>
      </c>
      <c r="DY31" s="270">
        <v>14570</v>
      </c>
      <c r="DZ31" s="270">
        <v>183303</v>
      </c>
      <c r="EA31" s="270">
        <v>147157</v>
      </c>
      <c r="EB31" s="270">
        <v>131037</v>
      </c>
      <c r="EC31" s="273">
        <v>476067</v>
      </c>
      <c r="ED31" s="274">
        <v>476067</v>
      </c>
      <c r="EE31" s="269">
        <v>0</v>
      </c>
      <c r="EF31" s="270">
        <v>0</v>
      </c>
      <c r="EG31" s="271">
        <v>0</v>
      </c>
      <c r="EH31" s="470">
        <v>0</v>
      </c>
      <c r="EI31" s="270">
        <v>217</v>
      </c>
      <c r="EJ31" s="270">
        <v>217</v>
      </c>
      <c r="EK31" s="270">
        <v>43586</v>
      </c>
      <c r="EL31" s="270">
        <v>186</v>
      </c>
      <c r="EM31" s="270">
        <v>0</v>
      </c>
      <c r="EN31" s="273">
        <v>44206</v>
      </c>
      <c r="EO31" s="274">
        <v>44206</v>
      </c>
      <c r="EP31" s="269">
        <v>0</v>
      </c>
      <c r="EQ31" s="270">
        <v>0</v>
      </c>
      <c r="ER31" s="271">
        <v>0</v>
      </c>
      <c r="ES31" s="470">
        <v>0</v>
      </c>
      <c r="ET31" s="270">
        <v>0</v>
      </c>
      <c r="EU31" s="270">
        <v>0</v>
      </c>
      <c r="EV31" s="270">
        <v>0</v>
      </c>
      <c r="EW31" s="270">
        <v>0</v>
      </c>
      <c r="EX31" s="270">
        <v>0</v>
      </c>
      <c r="EY31" s="273">
        <v>0</v>
      </c>
      <c r="EZ31" s="274">
        <v>0</v>
      </c>
      <c r="FA31" s="269">
        <v>0</v>
      </c>
      <c r="FB31" s="270">
        <v>0</v>
      </c>
      <c r="FC31" s="271">
        <v>0</v>
      </c>
      <c r="FD31" s="470">
        <v>0</v>
      </c>
      <c r="FE31" s="270">
        <v>0</v>
      </c>
      <c r="FF31" s="270">
        <v>0</v>
      </c>
      <c r="FG31" s="270">
        <v>0</v>
      </c>
      <c r="FH31" s="270">
        <v>0</v>
      </c>
      <c r="FI31" s="270">
        <v>0</v>
      </c>
      <c r="FJ31" s="273">
        <v>0</v>
      </c>
      <c r="FK31" s="274">
        <v>0</v>
      </c>
      <c r="FL31" s="269">
        <v>0</v>
      </c>
      <c r="FM31" s="270">
        <v>0</v>
      </c>
      <c r="FN31" s="271">
        <v>0</v>
      </c>
      <c r="FO31" s="470">
        <v>0</v>
      </c>
      <c r="FP31" s="270">
        <v>0</v>
      </c>
      <c r="FQ31" s="270">
        <v>0</v>
      </c>
      <c r="FR31" s="270">
        <v>0</v>
      </c>
      <c r="FS31" s="270">
        <v>12528</v>
      </c>
      <c r="FT31" s="270">
        <v>0</v>
      </c>
      <c r="FU31" s="273">
        <v>12528</v>
      </c>
      <c r="FV31" s="274">
        <v>12528</v>
      </c>
      <c r="FW31" s="269">
        <v>0</v>
      </c>
      <c r="FX31" s="270">
        <v>0</v>
      </c>
      <c r="FY31" s="271">
        <v>0</v>
      </c>
      <c r="FZ31" s="272">
        <v>0</v>
      </c>
      <c r="GA31" s="270">
        <v>0</v>
      </c>
      <c r="GB31" s="270">
        <v>0</v>
      </c>
      <c r="GC31" s="270">
        <v>0</v>
      </c>
      <c r="GD31" s="270">
        <v>0</v>
      </c>
      <c r="GE31" s="270">
        <v>0</v>
      </c>
      <c r="GF31" s="273">
        <v>0</v>
      </c>
      <c r="GG31" s="274">
        <v>0</v>
      </c>
      <c r="GH31" s="269">
        <v>0</v>
      </c>
      <c r="GI31" s="270">
        <v>0</v>
      </c>
      <c r="GJ31" s="271">
        <v>0</v>
      </c>
      <c r="GK31" s="272">
        <v>0</v>
      </c>
      <c r="GL31" s="270">
        <v>0</v>
      </c>
      <c r="GM31" s="270">
        <v>0</v>
      </c>
      <c r="GN31" s="270">
        <v>0</v>
      </c>
      <c r="GO31" s="270">
        <v>0</v>
      </c>
      <c r="GP31" s="270">
        <v>0</v>
      </c>
      <c r="GQ31" s="273">
        <v>0</v>
      </c>
      <c r="GR31" s="274">
        <v>0</v>
      </c>
      <c r="GS31" s="269">
        <v>0</v>
      </c>
      <c r="GT31" s="270">
        <v>0</v>
      </c>
      <c r="GU31" s="271">
        <v>0</v>
      </c>
      <c r="GV31" s="272">
        <v>0</v>
      </c>
      <c r="GW31" s="270">
        <v>0</v>
      </c>
      <c r="GX31" s="270">
        <v>0</v>
      </c>
      <c r="GY31" s="270">
        <v>0</v>
      </c>
      <c r="GZ31" s="270">
        <v>0</v>
      </c>
      <c r="HA31" s="270">
        <v>0</v>
      </c>
      <c r="HB31" s="273">
        <v>0</v>
      </c>
      <c r="HC31" s="274">
        <v>0</v>
      </c>
      <c r="HD31" s="269">
        <v>0</v>
      </c>
      <c r="HE31" s="270">
        <v>0</v>
      </c>
      <c r="HF31" s="271">
        <v>0</v>
      </c>
      <c r="HG31" s="470">
        <v>0</v>
      </c>
      <c r="HH31" s="270">
        <v>0</v>
      </c>
      <c r="HI31" s="270">
        <v>0</v>
      </c>
      <c r="HJ31" s="270">
        <v>0</v>
      </c>
      <c r="HK31" s="270">
        <v>0</v>
      </c>
      <c r="HL31" s="270">
        <v>0</v>
      </c>
      <c r="HM31" s="273">
        <v>0</v>
      </c>
      <c r="HN31" s="274">
        <v>0</v>
      </c>
      <c r="HO31" s="269">
        <v>0</v>
      </c>
      <c r="HP31" s="270">
        <v>0</v>
      </c>
      <c r="HQ31" s="271">
        <v>0</v>
      </c>
      <c r="HR31" s="272">
        <v>0</v>
      </c>
      <c r="HS31" s="270">
        <v>24667</v>
      </c>
      <c r="HT31" s="270">
        <v>77987</v>
      </c>
      <c r="HU31" s="270">
        <v>481554</v>
      </c>
      <c r="HV31" s="270">
        <v>334801</v>
      </c>
      <c r="HW31" s="270">
        <v>188077</v>
      </c>
      <c r="HX31" s="273">
        <v>1107086</v>
      </c>
      <c r="HY31" s="274">
        <v>1107086</v>
      </c>
    </row>
    <row r="32" spans="2:233" ht="21" customHeight="1" x14ac:dyDescent="0.2">
      <c r="B32" s="437" t="s">
        <v>29</v>
      </c>
      <c r="C32" s="269">
        <v>0</v>
      </c>
      <c r="D32" s="270">
        <v>0</v>
      </c>
      <c r="E32" s="271">
        <v>0</v>
      </c>
      <c r="F32" s="272">
        <v>0</v>
      </c>
      <c r="G32" s="270">
        <v>0</v>
      </c>
      <c r="H32" s="270">
        <v>99230</v>
      </c>
      <c r="I32" s="270">
        <v>216940</v>
      </c>
      <c r="J32" s="270">
        <v>505295</v>
      </c>
      <c r="K32" s="270">
        <v>199975</v>
      </c>
      <c r="L32" s="273">
        <v>1021440</v>
      </c>
      <c r="M32" s="274">
        <v>1021440</v>
      </c>
      <c r="N32" s="269">
        <v>0</v>
      </c>
      <c r="O32" s="270">
        <v>0</v>
      </c>
      <c r="P32" s="271">
        <v>0</v>
      </c>
      <c r="Q32" s="470">
        <v>0</v>
      </c>
      <c r="R32" s="270">
        <v>0</v>
      </c>
      <c r="S32" s="270">
        <v>35495</v>
      </c>
      <c r="T32" s="270">
        <v>84785</v>
      </c>
      <c r="U32" s="270">
        <v>239655</v>
      </c>
      <c r="V32" s="270">
        <v>165675</v>
      </c>
      <c r="W32" s="273">
        <v>525610</v>
      </c>
      <c r="X32" s="274">
        <v>525610</v>
      </c>
      <c r="Y32" s="269">
        <v>0</v>
      </c>
      <c r="Z32" s="270">
        <v>0</v>
      </c>
      <c r="AA32" s="271">
        <v>0</v>
      </c>
      <c r="AB32" s="470">
        <v>0</v>
      </c>
      <c r="AC32" s="270">
        <v>0</v>
      </c>
      <c r="AD32" s="270">
        <v>62620</v>
      </c>
      <c r="AE32" s="270">
        <v>40610</v>
      </c>
      <c r="AF32" s="270">
        <v>130350</v>
      </c>
      <c r="AG32" s="270">
        <v>32705</v>
      </c>
      <c r="AH32" s="273">
        <v>266285</v>
      </c>
      <c r="AI32" s="274">
        <v>266285</v>
      </c>
      <c r="AJ32" s="269">
        <v>0</v>
      </c>
      <c r="AK32" s="270">
        <v>0</v>
      </c>
      <c r="AL32" s="271">
        <v>0</v>
      </c>
      <c r="AM32" s="470">
        <v>0</v>
      </c>
      <c r="AN32" s="270">
        <v>0</v>
      </c>
      <c r="AO32" s="270">
        <v>0</v>
      </c>
      <c r="AP32" s="270">
        <v>0</v>
      </c>
      <c r="AQ32" s="270">
        <v>0</v>
      </c>
      <c r="AR32" s="270">
        <v>0</v>
      </c>
      <c r="AS32" s="273">
        <v>0</v>
      </c>
      <c r="AT32" s="274">
        <v>0</v>
      </c>
      <c r="AU32" s="269">
        <v>0</v>
      </c>
      <c r="AV32" s="270">
        <v>0</v>
      </c>
      <c r="AW32" s="271">
        <v>0</v>
      </c>
      <c r="AX32" s="470">
        <v>0</v>
      </c>
      <c r="AY32" s="270">
        <v>0</v>
      </c>
      <c r="AZ32" s="270">
        <v>0</v>
      </c>
      <c r="BA32" s="270">
        <v>0</v>
      </c>
      <c r="BB32" s="270">
        <v>0</v>
      </c>
      <c r="BC32" s="270">
        <v>0</v>
      </c>
      <c r="BD32" s="273">
        <v>0</v>
      </c>
      <c r="BE32" s="274">
        <v>0</v>
      </c>
      <c r="BF32" s="269">
        <v>0</v>
      </c>
      <c r="BG32" s="270">
        <v>0</v>
      </c>
      <c r="BH32" s="271">
        <v>0</v>
      </c>
      <c r="BI32" s="470">
        <v>0</v>
      </c>
      <c r="BJ32" s="270">
        <v>0</v>
      </c>
      <c r="BK32" s="270">
        <v>0</v>
      </c>
      <c r="BL32" s="270">
        <v>75950</v>
      </c>
      <c r="BM32" s="270">
        <v>58540</v>
      </c>
      <c r="BN32" s="270">
        <v>0</v>
      </c>
      <c r="BO32" s="273">
        <v>134490</v>
      </c>
      <c r="BP32" s="274">
        <v>134490</v>
      </c>
      <c r="BQ32" s="269">
        <v>0</v>
      </c>
      <c r="BR32" s="270">
        <v>0</v>
      </c>
      <c r="BS32" s="271">
        <v>0</v>
      </c>
      <c r="BT32" s="272">
        <v>0</v>
      </c>
      <c r="BU32" s="270">
        <v>0</v>
      </c>
      <c r="BV32" s="270">
        <v>1115</v>
      </c>
      <c r="BW32" s="270">
        <v>15595</v>
      </c>
      <c r="BX32" s="270">
        <v>59850</v>
      </c>
      <c r="BY32" s="270">
        <v>1595</v>
      </c>
      <c r="BZ32" s="273">
        <v>78155</v>
      </c>
      <c r="CA32" s="274">
        <v>78155</v>
      </c>
      <c r="CB32" s="269">
        <v>0</v>
      </c>
      <c r="CC32" s="270">
        <v>0</v>
      </c>
      <c r="CD32" s="271">
        <v>0</v>
      </c>
      <c r="CE32" s="272">
        <v>0</v>
      </c>
      <c r="CF32" s="270">
        <v>0</v>
      </c>
      <c r="CG32" s="270">
        <v>0</v>
      </c>
      <c r="CH32" s="270">
        <v>0</v>
      </c>
      <c r="CI32" s="270">
        <v>16900</v>
      </c>
      <c r="CJ32" s="270">
        <v>0</v>
      </c>
      <c r="CK32" s="273">
        <v>16900</v>
      </c>
      <c r="CL32" s="274">
        <v>16900</v>
      </c>
      <c r="CM32" s="269">
        <v>0</v>
      </c>
      <c r="CN32" s="270">
        <v>0</v>
      </c>
      <c r="CO32" s="271">
        <v>0</v>
      </c>
      <c r="CP32" s="272">
        <v>0</v>
      </c>
      <c r="CQ32" s="270">
        <v>0</v>
      </c>
      <c r="CR32" s="270">
        <v>0</v>
      </c>
      <c r="CS32" s="270">
        <v>0</v>
      </c>
      <c r="CT32" s="270">
        <v>0</v>
      </c>
      <c r="CU32" s="270">
        <v>0</v>
      </c>
      <c r="CV32" s="273">
        <v>0</v>
      </c>
      <c r="CW32" s="274">
        <v>0</v>
      </c>
      <c r="CX32" s="269">
        <v>0</v>
      </c>
      <c r="CY32" s="270">
        <v>0</v>
      </c>
      <c r="CZ32" s="271">
        <v>0</v>
      </c>
      <c r="DA32" s="470">
        <v>0</v>
      </c>
      <c r="DB32" s="270">
        <v>0</v>
      </c>
      <c r="DC32" s="270">
        <v>0</v>
      </c>
      <c r="DD32" s="270">
        <v>0</v>
      </c>
      <c r="DE32" s="270">
        <v>0</v>
      </c>
      <c r="DF32" s="270">
        <v>0</v>
      </c>
      <c r="DG32" s="273">
        <v>0</v>
      </c>
      <c r="DH32" s="274">
        <v>0</v>
      </c>
      <c r="DI32" s="269">
        <v>0</v>
      </c>
      <c r="DJ32" s="270">
        <v>0</v>
      </c>
      <c r="DK32" s="271">
        <v>0</v>
      </c>
      <c r="DL32" s="272">
        <v>0</v>
      </c>
      <c r="DM32" s="270">
        <v>0</v>
      </c>
      <c r="DN32" s="270">
        <v>43351</v>
      </c>
      <c r="DO32" s="270">
        <v>240260</v>
      </c>
      <c r="DP32" s="270">
        <v>364194</v>
      </c>
      <c r="DQ32" s="270">
        <v>158579</v>
      </c>
      <c r="DR32" s="273">
        <v>806384</v>
      </c>
      <c r="DS32" s="275">
        <v>806384</v>
      </c>
      <c r="DT32" s="269">
        <v>0</v>
      </c>
      <c r="DU32" s="270">
        <v>0</v>
      </c>
      <c r="DV32" s="271">
        <v>0</v>
      </c>
      <c r="DW32" s="470">
        <v>0</v>
      </c>
      <c r="DX32" s="270">
        <v>0</v>
      </c>
      <c r="DY32" s="270">
        <v>26505</v>
      </c>
      <c r="DZ32" s="270">
        <v>66836</v>
      </c>
      <c r="EA32" s="270">
        <v>220193</v>
      </c>
      <c r="EB32" s="270">
        <v>153097</v>
      </c>
      <c r="EC32" s="273">
        <v>466631</v>
      </c>
      <c r="ED32" s="274">
        <v>466631</v>
      </c>
      <c r="EE32" s="269">
        <v>0</v>
      </c>
      <c r="EF32" s="270">
        <v>0</v>
      </c>
      <c r="EG32" s="271">
        <v>0</v>
      </c>
      <c r="EH32" s="470">
        <v>0</v>
      </c>
      <c r="EI32" s="270">
        <v>0</v>
      </c>
      <c r="EJ32" s="270">
        <v>11749</v>
      </c>
      <c r="EK32" s="270">
        <v>837</v>
      </c>
      <c r="EL32" s="270">
        <v>18278</v>
      </c>
      <c r="EM32" s="270">
        <v>217</v>
      </c>
      <c r="EN32" s="273">
        <v>31081</v>
      </c>
      <c r="EO32" s="274">
        <v>31081</v>
      </c>
      <c r="EP32" s="269">
        <v>0</v>
      </c>
      <c r="EQ32" s="270">
        <v>0</v>
      </c>
      <c r="ER32" s="271">
        <v>0</v>
      </c>
      <c r="ES32" s="470">
        <v>0</v>
      </c>
      <c r="ET32" s="270">
        <v>0</v>
      </c>
      <c r="EU32" s="270">
        <v>0</v>
      </c>
      <c r="EV32" s="270">
        <v>0</v>
      </c>
      <c r="EW32" s="270">
        <v>0</v>
      </c>
      <c r="EX32" s="270">
        <v>0</v>
      </c>
      <c r="EY32" s="273">
        <v>0</v>
      </c>
      <c r="EZ32" s="274">
        <v>0</v>
      </c>
      <c r="FA32" s="269">
        <v>0</v>
      </c>
      <c r="FB32" s="270">
        <v>0</v>
      </c>
      <c r="FC32" s="271">
        <v>0</v>
      </c>
      <c r="FD32" s="470">
        <v>0</v>
      </c>
      <c r="FE32" s="270">
        <v>0</v>
      </c>
      <c r="FF32" s="270">
        <v>0</v>
      </c>
      <c r="FG32" s="270">
        <v>0</v>
      </c>
      <c r="FH32" s="270">
        <v>0</v>
      </c>
      <c r="FI32" s="270">
        <v>0</v>
      </c>
      <c r="FJ32" s="273">
        <v>0</v>
      </c>
      <c r="FK32" s="274">
        <v>0</v>
      </c>
      <c r="FL32" s="269">
        <v>0</v>
      </c>
      <c r="FM32" s="270">
        <v>0</v>
      </c>
      <c r="FN32" s="271">
        <v>0</v>
      </c>
      <c r="FO32" s="470">
        <v>0</v>
      </c>
      <c r="FP32" s="270">
        <v>0</v>
      </c>
      <c r="FQ32" s="270">
        <v>0</v>
      </c>
      <c r="FR32" s="270">
        <v>159836</v>
      </c>
      <c r="FS32" s="270">
        <v>72262</v>
      </c>
      <c r="FT32" s="270">
        <v>0</v>
      </c>
      <c r="FU32" s="273">
        <v>232098</v>
      </c>
      <c r="FV32" s="274">
        <v>232098</v>
      </c>
      <c r="FW32" s="269">
        <v>0</v>
      </c>
      <c r="FX32" s="270">
        <v>0</v>
      </c>
      <c r="FY32" s="271">
        <v>0</v>
      </c>
      <c r="FZ32" s="272">
        <v>0</v>
      </c>
      <c r="GA32" s="270">
        <v>0</v>
      </c>
      <c r="GB32" s="270">
        <v>5097</v>
      </c>
      <c r="GC32" s="270">
        <v>12751</v>
      </c>
      <c r="GD32" s="270">
        <v>53321</v>
      </c>
      <c r="GE32" s="270">
        <v>5265</v>
      </c>
      <c r="GF32" s="273">
        <v>76434</v>
      </c>
      <c r="GG32" s="274">
        <v>76434</v>
      </c>
      <c r="GH32" s="269">
        <v>0</v>
      </c>
      <c r="GI32" s="270">
        <v>0</v>
      </c>
      <c r="GJ32" s="271">
        <v>0</v>
      </c>
      <c r="GK32" s="272">
        <v>0</v>
      </c>
      <c r="GL32" s="270">
        <v>0</v>
      </c>
      <c r="GM32" s="270">
        <v>0</v>
      </c>
      <c r="GN32" s="270">
        <v>0</v>
      </c>
      <c r="GO32" s="270">
        <v>140</v>
      </c>
      <c r="GP32" s="270">
        <v>0</v>
      </c>
      <c r="GQ32" s="273">
        <v>140</v>
      </c>
      <c r="GR32" s="274">
        <v>140</v>
      </c>
      <c r="GS32" s="269">
        <v>0</v>
      </c>
      <c r="GT32" s="270">
        <v>0</v>
      </c>
      <c r="GU32" s="271">
        <v>0</v>
      </c>
      <c r="GV32" s="272">
        <v>0</v>
      </c>
      <c r="GW32" s="270">
        <v>0</v>
      </c>
      <c r="GX32" s="270">
        <v>0</v>
      </c>
      <c r="GY32" s="270">
        <v>0</v>
      </c>
      <c r="GZ32" s="270">
        <v>0</v>
      </c>
      <c r="HA32" s="270">
        <v>0</v>
      </c>
      <c r="HB32" s="273">
        <v>0</v>
      </c>
      <c r="HC32" s="274">
        <v>0</v>
      </c>
      <c r="HD32" s="269">
        <v>0</v>
      </c>
      <c r="HE32" s="270">
        <v>0</v>
      </c>
      <c r="HF32" s="271">
        <v>0</v>
      </c>
      <c r="HG32" s="470">
        <v>0</v>
      </c>
      <c r="HH32" s="270">
        <v>0</v>
      </c>
      <c r="HI32" s="270">
        <v>0</v>
      </c>
      <c r="HJ32" s="270">
        <v>0</v>
      </c>
      <c r="HK32" s="270">
        <v>0</v>
      </c>
      <c r="HL32" s="270">
        <v>0</v>
      </c>
      <c r="HM32" s="273">
        <v>0</v>
      </c>
      <c r="HN32" s="274">
        <v>0</v>
      </c>
      <c r="HO32" s="269">
        <v>0</v>
      </c>
      <c r="HP32" s="270">
        <v>0</v>
      </c>
      <c r="HQ32" s="271">
        <v>0</v>
      </c>
      <c r="HR32" s="272">
        <v>0</v>
      </c>
      <c r="HS32" s="270">
        <v>0</v>
      </c>
      <c r="HT32" s="270">
        <v>142581</v>
      </c>
      <c r="HU32" s="270">
        <v>457200</v>
      </c>
      <c r="HV32" s="270">
        <v>869489</v>
      </c>
      <c r="HW32" s="270">
        <v>358554</v>
      </c>
      <c r="HX32" s="273">
        <v>1827824</v>
      </c>
      <c r="HY32" s="274">
        <v>1827824</v>
      </c>
    </row>
    <row r="33" spans="2:233" ht="21" customHeight="1" x14ac:dyDescent="0.2">
      <c r="B33" s="437" t="s">
        <v>30</v>
      </c>
      <c r="C33" s="269">
        <v>0</v>
      </c>
      <c r="D33" s="270">
        <v>0</v>
      </c>
      <c r="E33" s="271">
        <v>0</v>
      </c>
      <c r="F33" s="272">
        <v>0</v>
      </c>
      <c r="G33" s="270">
        <v>66595</v>
      </c>
      <c r="H33" s="270">
        <v>33135</v>
      </c>
      <c r="I33" s="270">
        <v>162840</v>
      </c>
      <c r="J33" s="270">
        <v>385030</v>
      </c>
      <c r="K33" s="270">
        <v>269345</v>
      </c>
      <c r="L33" s="273">
        <v>916945</v>
      </c>
      <c r="M33" s="274">
        <v>916945</v>
      </c>
      <c r="N33" s="269">
        <v>0</v>
      </c>
      <c r="O33" s="270">
        <v>0</v>
      </c>
      <c r="P33" s="271">
        <v>0</v>
      </c>
      <c r="Q33" s="470">
        <v>0</v>
      </c>
      <c r="R33" s="270">
        <v>0</v>
      </c>
      <c r="S33" s="270">
        <v>24645</v>
      </c>
      <c r="T33" s="270">
        <v>127960</v>
      </c>
      <c r="U33" s="270">
        <v>278835</v>
      </c>
      <c r="V33" s="270">
        <v>207855</v>
      </c>
      <c r="W33" s="273">
        <v>639295</v>
      </c>
      <c r="X33" s="274">
        <v>639295</v>
      </c>
      <c r="Y33" s="269">
        <v>0</v>
      </c>
      <c r="Z33" s="270">
        <v>0</v>
      </c>
      <c r="AA33" s="271">
        <v>0</v>
      </c>
      <c r="AB33" s="470">
        <v>0</v>
      </c>
      <c r="AC33" s="270">
        <v>66595</v>
      </c>
      <c r="AD33" s="270">
        <v>4760</v>
      </c>
      <c r="AE33" s="270">
        <v>32705</v>
      </c>
      <c r="AF33" s="270">
        <v>54560</v>
      </c>
      <c r="AG33" s="270">
        <v>7140</v>
      </c>
      <c r="AH33" s="273">
        <v>165760</v>
      </c>
      <c r="AI33" s="274">
        <v>165760</v>
      </c>
      <c r="AJ33" s="269">
        <v>0</v>
      </c>
      <c r="AK33" s="270">
        <v>0</v>
      </c>
      <c r="AL33" s="271">
        <v>0</v>
      </c>
      <c r="AM33" s="470">
        <v>0</v>
      </c>
      <c r="AN33" s="270">
        <v>0</v>
      </c>
      <c r="AO33" s="270">
        <v>0</v>
      </c>
      <c r="AP33" s="270">
        <v>0</v>
      </c>
      <c r="AQ33" s="270">
        <v>0</v>
      </c>
      <c r="AR33" s="270">
        <v>0</v>
      </c>
      <c r="AS33" s="273">
        <v>0</v>
      </c>
      <c r="AT33" s="274">
        <v>0</v>
      </c>
      <c r="AU33" s="269">
        <v>0</v>
      </c>
      <c r="AV33" s="270">
        <v>0</v>
      </c>
      <c r="AW33" s="271">
        <v>0</v>
      </c>
      <c r="AX33" s="470">
        <v>0</v>
      </c>
      <c r="AY33" s="270">
        <v>0</v>
      </c>
      <c r="AZ33" s="270">
        <v>0</v>
      </c>
      <c r="BA33" s="270">
        <v>0</v>
      </c>
      <c r="BB33" s="270">
        <v>0</v>
      </c>
      <c r="BC33" s="270">
        <v>52765</v>
      </c>
      <c r="BD33" s="273">
        <v>52765</v>
      </c>
      <c r="BE33" s="274">
        <v>52765</v>
      </c>
      <c r="BF33" s="269">
        <v>0</v>
      </c>
      <c r="BG33" s="270">
        <v>0</v>
      </c>
      <c r="BH33" s="271">
        <v>0</v>
      </c>
      <c r="BI33" s="470">
        <v>0</v>
      </c>
      <c r="BJ33" s="270">
        <v>0</v>
      </c>
      <c r="BK33" s="270">
        <v>0</v>
      </c>
      <c r="BL33" s="270">
        <v>0</v>
      </c>
      <c r="BM33" s="270">
        <v>0</v>
      </c>
      <c r="BN33" s="270">
        <v>0</v>
      </c>
      <c r="BO33" s="273">
        <v>0</v>
      </c>
      <c r="BP33" s="274">
        <v>0</v>
      </c>
      <c r="BQ33" s="269">
        <v>0</v>
      </c>
      <c r="BR33" s="270">
        <v>0</v>
      </c>
      <c r="BS33" s="271">
        <v>0</v>
      </c>
      <c r="BT33" s="272">
        <v>0</v>
      </c>
      <c r="BU33" s="270">
        <v>0</v>
      </c>
      <c r="BV33" s="270">
        <v>3730</v>
      </c>
      <c r="BW33" s="270">
        <v>2175</v>
      </c>
      <c r="BX33" s="270">
        <v>51635</v>
      </c>
      <c r="BY33" s="270">
        <v>1585</v>
      </c>
      <c r="BZ33" s="273">
        <v>59125</v>
      </c>
      <c r="CA33" s="274">
        <v>59125</v>
      </c>
      <c r="CB33" s="269">
        <v>0</v>
      </c>
      <c r="CC33" s="270">
        <v>0</v>
      </c>
      <c r="CD33" s="271">
        <v>0</v>
      </c>
      <c r="CE33" s="272">
        <v>0</v>
      </c>
      <c r="CF33" s="270">
        <v>0</v>
      </c>
      <c r="CG33" s="270">
        <v>0</v>
      </c>
      <c r="CH33" s="270">
        <v>0</v>
      </c>
      <c r="CI33" s="270">
        <v>0</v>
      </c>
      <c r="CJ33" s="270">
        <v>0</v>
      </c>
      <c r="CK33" s="273">
        <v>0</v>
      </c>
      <c r="CL33" s="274">
        <v>0</v>
      </c>
      <c r="CM33" s="269">
        <v>0</v>
      </c>
      <c r="CN33" s="270">
        <v>0</v>
      </c>
      <c r="CO33" s="271">
        <v>0</v>
      </c>
      <c r="CP33" s="272">
        <v>0</v>
      </c>
      <c r="CQ33" s="270">
        <v>0</v>
      </c>
      <c r="CR33" s="270">
        <v>0</v>
      </c>
      <c r="CS33" s="270">
        <v>0</v>
      </c>
      <c r="CT33" s="270">
        <v>0</v>
      </c>
      <c r="CU33" s="270">
        <v>0</v>
      </c>
      <c r="CV33" s="273">
        <v>0</v>
      </c>
      <c r="CW33" s="274">
        <v>0</v>
      </c>
      <c r="CX33" s="269">
        <v>0</v>
      </c>
      <c r="CY33" s="270">
        <v>0</v>
      </c>
      <c r="CZ33" s="271">
        <v>0</v>
      </c>
      <c r="DA33" s="470">
        <v>0</v>
      </c>
      <c r="DB33" s="270">
        <v>0</v>
      </c>
      <c r="DC33" s="270">
        <v>0</v>
      </c>
      <c r="DD33" s="270">
        <v>0</v>
      </c>
      <c r="DE33" s="270">
        <v>0</v>
      </c>
      <c r="DF33" s="270">
        <v>0</v>
      </c>
      <c r="DG33" s="273">
        <v>0</v>
      </c>
      <c r="DH33" s="274">
        <v>0</v>
      </c>
      <c r="DI33" s="269">
        <v>0</v>
      </c>
      <c r="DJ33" s="270">
        <v>0</v>
      </c>
      <c r="DK33" s="271">
        <v>0</v>
      </c>
      <c r="DL33" s="272">
        <v>0</v>
      </c>
      <c r="DM33" s="270">
        <v>36336</v>
      </c>
      <c r="DN33" s="270">
        <v>40648</v>
      </c>
      <c r="DO33" s="270">
        <v>256277</v>
      </c>
      <c r="DP33" s="270">
        <v>398075</v>
      </c>
      <c r="DQ33" s="270">
        <v>252597</v>
      </c>
      <c r="DR33" s="273">
        <v>983933</v>
      </c>
      <c r="DS33" s="275">
        <v>983933</v>
      </c>
      <c r="DT33" s="269">
        <v>0</v>
      </c>
      <c r="DU33" s="270">
        <v>0</v>
      </c>
      <c r="DV33" s="271">
        <v>0</v>
      </c>
      <c r="DW33" s="470">
        <v>0</v>
      </c>
      <c r="DX33" s="270">
        <v>0</v>
      </c>
      <c r="DY33" s="270">
        <v>15035</v>
      </c>
      <c r="DZ33" s="270">
        <v>244420</v>
      </c>
      <c r="EA33" s="270">
        <v>357877</v>
      </c>
      <c r="EB33" s="270">
        <v>229958</v>
      </c>
      <c r="EC33" s="273">
        <v>847290</v>
      </c>
      <c r="ED33" s="274">
        <v>847290</v>
      </c>
      <c r="EE33" s="269">
        <v>0</v>
      </c>
      <c r="EF33" s="270">
        <v>0</v>
      </c>
      <c r="EG33" s="271">
        <v>0</v>
      </c>
      <c r="EH33" s="470">
        <v>0</v>
      </c>
      <c r="EI33" s="270">
        <v>36336</v>
      </c>
      <c r="EJ33" s="270">
        <v>19678</v>
      </c>
      <c r="EK33" s="270">
        <v>217</v>
      </c>
      <c r="EL33" s="270">
        <v>868</v>
      </c>
      <c r="EM33" s="270">
        <v>8310</v>
      </c>
      <c r="EN33" s="273">
        <v>65409</v>
      </c>
      <c r="EO33" s="274">
        <v>65409</v>
      </c>
      <c r="EP33" s="269">
        <v>0</v>
      </c>
      <c r="EQ33" s="270">
        <v>0</v>
      </c>
      <c r="ER33" s="271">
        <v>0</v>
      </c>
      <c r="ES33" s="470">
        <v>0</v>
      </c>
      <c r="ET33" s="270">
        <v>0</v>
      </c>
      <c r="EU33" s="270">
        <v>0</v>
      </c>
      <c r="EV33" s="270">
        <v>0</v>
      </c>
      <c r="EW33" s="270">
        <v>0</v>
      </c>
      <c r="EX33" s="270">
        <v>0</v>
      </c>
      <c r="EY33" s="273">
        <v>0</v>
      </c>
      <c r="EZ33" s="274">
        <v>0</v>
      </c>
      <c r="FA33" s="269">
        <v>0</v>
      </c>
      <c r="FB33" s="270">
        <v>0</v>
      </c>
      <c r="FC33" s="271">
        <v>0</v>
      </c>
      <c r="FD33" s="470">
        <v>0</v>
      </c>
      <c r="FE33" s="270">
        <v>0</v>
      </c>
      <c r="FF33" s="270">
        <v>0</v>
      </c>
      <c r="FG33" s="270">
        <v>0</v>
      </c>
      <c r="FH33" s="270">
        <v>0</v>
      </c>
      <c r="FI33" s="270">
        <v>11904</v>
      </c>
      <c r="FJ33" s="273">
        <v>11904</v>
      </c>
      <c r="FK33" s="274">
        <v>11904</v>
      </c>
      <c r="FL33" s="269">
        <v>0</v>
      </c>
      <c r="FM33" s="270">
        <v>0</v>
      </c>
      <c r="FN33" s="271">
        <v>0</v>
      </c>
      <c r="FO33" s="470">
        <v>0</v>
      </c>
      <c r="FP33" s="270">
        <v>0</v>
      </c>
      <c r="FQ33" s="270">
        <v>0</v>
      </c>
      <c r="FR33" s="270">
        <v>0</v>
      </c>
      <c r="FS33" s="270">
        <v>0</v>
      </c>
      <c r="FT33" s="270">
        <v>0</v>
      </c>
      <c r="FU33" s="273">
        <v>0</v>
      </c>
      <c r="FV33" s="274">
        <v>0</v>
      </c>
      <c r="FW33" s="269">
        <v>0</v>
      </c>
      <c r="FX33" s="270">
        <v>0</v>
      </c>
      <c r="FY33" s="271">
        <v>0</v>
      </c>
      <c r="FZ33" s="272">
        <v>0</v>
      </c>
      <c r="GA33" s="270">
        <v>0</v>
      </c>
      <c r="GB33" s="270">
        <v>5935</v>
      </c>
      <c r="GC33" s="270">
        <v>11640</v>
      </c>
      <c r="GD33" s="270">
        <v>39330</v>
      </c>
      <c r="GE33" s="270">
        <v>2425</v>
      </c>
      <c r="GF33" s="273">
        <v>59330</v>
      </c>
      <c r="GG33" s="274">
        <v>59330</v>
      </c>
      <c r="GH33" s="269">
        <v>0</v>
      </c>
      <c r="GI33" s="270">
        <v>0</v>
      </c>
      <c r="GJ33" s="271">
        <v>0</v>
      </c>
      <c r="GK33" s="272">
        <v>0</v>
      </c>
      <c r="GL33" s="270">
        <v>0</v>
      </c>
      <c r="GM33" s="270">
        <v>0</v>
      </c>
      <c r="GN33" s="270">
        <v>0</v>
      </c>
      <c r="GO33" s="270">
        <v>0</v>
      </c>
      <c r="GP33" s="270">
        <v>0</v>
      </c>
      <c r="GQ33" s="273">
        <v>0</v>
      </c>
      <c r="GR33" s="274">
        <v>0</v>
      </c>
      <c r="GS33" s="269">
        <v>0</v>
      </c>
      <c r="GT33" s="270">
        <v>0</v>
      </c>
      <c r="GU33" s="271">
        <v>0</v>
      </c>
      <c r="GV33" s="272">
        <v>0</v>
      </c>
      <c r="GW33" s="270">
        <v>0</v>
      </c>
      <c r="GX33" s="270">
        <v>0</v>
      </c>
      <c r="GY33" s="270">
        <v>0</v>
      </c>
      <c r="GZ33" s="270">
        <v>0</v>
      </c>
      <c r="HA33" s="270">
        <v>0</v>
      </c>
      <c r="HB33" s="273">
        <v>0</v>
      </c>
      <c r="HC33" s="274">
        <v>0</v>
      </c>
      <c r="HD33" s="269">
        <v>0</v>
      </c>
      <c r="HE33" s="270">
        <v>0</v>
      </c>
      <c r="HF33" s="271">
        <v>0</v>
      </c>
      <c r="HG33" s="470">
        <v>0</v>
      </c>
      <c r="HH33" s="270">
        <v>0</v>
      </c>
      <c r="HI33" s="270">
        <v>0</v>
      </c>
      <c r="HJ33" s="270">
        <v>0</v>
      </c>
      <c r="HK33" s="270">
        <v>0</v>
      </c>
      <c r="HL33" s="270">
        <v>0</v>
      </c>
      <c r="HM33" s="273">
        <v>0</v>
      </c>
      <c r="HN33" s="274">
        <v>0</v>
      </c>
      <c r="HO33" s="269">
        <v>0</v>
      </c>
      <c r="HP33" s="270">
        <v>0</v>
      </c>
      <c r="HQ33" s="271">
        <v>0</v>
      </c>
      <c r="HR33" s="272">
        <v>0</v>
      </c>
      <c r="HS33" s="270">
        <v>102931</v>
      </c>
      <c r="HT33" s="270">
        <v>73783</v>
      </c>
      <c r="HU33" s="270">
        <v>419117</v>
      </c>
      <c r="HV33" s="270">
        <v>783105</v>
      </c>
      <c r="HW33" s="270">
        <v>521942</v>
      </c>
      <c r="HX33" s="273">
        <v>1900878</v>
      </c>
      <c r="HY33" s="274">
        <v>1900878</v>
      </c>
    </row>
    <row r="34" spans="2:233" ht="21" customHeight="1" x14ac:dyDescent="0.2">
      <c r="B34" s="437" t="s">
        <v>31</v>
      </c>
      <c r="C34" s="269">
        <v>0</v>
      </c>
      <c r="D34" s="270">
        <v>0</v>
      </c>
      <c r="E34" s="271">
        <v>0</v>
      </c>
      <c r="F34" s="272">
        <v>0</v>
      </c>
      <c r="G34" s="270">
        <v>66580</v>
      </c>
      <c r="H34" s="270">
        <v>218400</v>
      </c>
      <c r="I34" s="270">
        <v>199225</v>
      </c>
      <c r="J34" s="270">
        <v>248815</v>
      </c>
      <c r="K34" s="270">
        <v>161470</v>
      </c>
      <c r="L34" s="273">
        <v>894490</v>
      </c>
      <c r="M34" s="274">
        <v>894490</v>
      </c>
      <c r="N34" s="269">
        <v>0</v>
      </c>
      <c r="O34" s="270">
        <v>0</v>
      </c>
      <c r="P34" s="271">
        <v>0</v>
      </c>
      <c r="Q34" s="470">
        <v>0</v>
      </c>
      <c r="R34" s="270">
        <v>27280</v>
      </c>
      <c r="S34" s="270">
        <v>90055</v>
      </c>
      <c r="T34" s="270">
        <v>189725</v>
      </c>
      <c r="U34" s="270">
        <v>161630</v>
      </c>
      <c r="V34" s="270">
        <v>141355</v>
      </c>
      <c r="W34" s="273">
        <v>610045</v>
      </c>
      <c r="X34" s="274">
        <v>610045</v>
      </c>
      <c r="Y34" s="269">
        <v>0</v>
      </c>
      <c r="Z34" s="270">
        <v>0</v>
      </c>
      <c r="AA34" s="271">
        <v>0</v>
      </c>
      <c r="AB34" s="470">
        <v>0</v>
      </c>
      <c r="AC34" s="270">
        <v>2635</v>
      </c>
      <c r="AD34" s="270">
        <v>51925</v>
      </c>
      <c r="AE34" s="270">
        <v>7905</v>
      </c>
      <c r="AF34" s="270">
        <v>70680</v>
      </c>
      <c r="AG34" s="270">
        <v>0</v>
      </c>
      <c r="AH34" s="273">
        <v>133145</v>
      </c>
      <c r="AI34" s="274">
        <v>133145</v>
      </c>
      <c r="AJ34" s="269">
        <v>0</v>
      </c>
      <c r="AK34" s="270">
        <v>0</v>
      </c>
      <c r="AL34" s="271">
        <v>0</v>
      </c>
      <c r="AM34" s="470">
        <v>0</v>
      </c>
      <c r="AN34" s="270">
        <v>0</v>
      </c>
      <c r="AO34" s="270">
        <v>0</v>
      </c>
      <c r="AP34" s="270">
        <v>0</v>
      </c>
      <c r="AQ34" s="270">
        <v>0</v>
      </c>
      <c r="AR34" s="270">
        <v>0</v>
      </c>
      <c r="AS34" s="273">
        <v>0</v>
      </c>
      <c r="AT34" s="274">
        <v>0</v>
      </c>
      <c r="AU34" s="269">
        <v>0</v>
      </c>
      <c r="AV34" s="270">
        <v>0</v>
      </c>
      <c r="AW34" s="271">
        <v>0</v>
      </c>
      <c r="AX34" s="470">
        <v>0</v>
      </c>
      <c r="AY34" s="270">
        <v>32705</v>
      </c>
      <c r="AZ34" s="270">
        <v>0</v>
      </c>
      <c r="BA34" s="270">
        <v>0</v>
      </c>
      <c r="BB34" s="270">
        <v>0</v>
      </c>
      <c r="BC34" s="270">
        <v>20115</v>
      </c>
      <c r="BD34" s="273">
        <v>52820</v>
      </c>
      <c r="BE34" s="274">
        <v>52820</v>
      </c>
      <c r="BF34" s="269">
        <v>0</v>
      </c>
      <c r="BG34" s="270">
        <v>0</v>
      </c>
      <c r="BH34" s="271">
        <v>0</v>
      </c>
      <c r="BI34" s="470">
        <v>0</v>
      </c>
      <c r="BJ34" s="270">
        <v>0</v>
      </c>
      <c r="BK34" s="270">
        <v>0</v>
      </c>
      <c r="BL34" s="270">
        <v>0</v>
      </c>
      <c r="BM34" s="270">
        <v>0</v>
      </c>
      <c r="BN34" s="270">
        <v>0</v>
      </c>
      <c r="BO34" s="273">
        <v>0</v>
      </c>
      <c r="BP34" s="274">
        <v>0</v>
      </c>
      <c r="BQ34" s="269">
        <v>0</v>
      </c>
      <c r="BR34" s="270">
        <v>0</v>
      </c>
      <c r="BS34" s="271">
        <v>0</v>
      </c>
      <c r="BT34" s="272">
        <v>0</v>
      </c>
      <c r="BU34" s="270">
        <v>3960</v>
      </c>
      <c r="BV34" s="270">
        <v>76420</v>
      </c>
      <c r="BW34" s="270">
        <v>1595</v>
      </c>
      <c r="BX34" s="270">
        <v>16505</v>
      </c>
      <c r="BY34" s="270">
        <v>0</v>
      </c>
      <c r="BZ34" s="273">
        <v>98480</v>
      </c>
      <c r="CA34" s="274">
        <v>98480</v>
      </c>
      <c r="CB34" s="269">
        <v>0</v>
      </c>
      <c r="CC34" s="270">
        <v>0</v>
      </c>
      <c r="CD34" s="271">
        <v>0</v>
      </c>
      <c r="CE34" s="272">
        <v>0</v>
      </c>
      <c r="CF34" s="270">
        <v>0</v>
      </c>
      <c r="CG34" s="270">
        <v>0</v>
      </c>
      <c r="CH34" s="270">
        <v>0</v>
      </c>
      <c r="CI34" s="270">
        <v>0</v>
      </c>
      <c r="CJ34" s="270">
        <v>0</v>
      </c>
      <c r="CK34" s="273">
        <v>0</v>
      </c>
      <c r="CL34" s="274">
        <v>0</v>
      </c>
      <c r="CM34" s="269">
        <v>0</v>
      </c>
      <c r="CN34" s="270">
        <v>0</v>
      </c>
      <c r="CO34" s="271">
        <v>0</v>
      </c>
      <c r="CP34" s="272">
        <v>0</v>
      </c>
      <c r="CQ34" s="270">
        <v>0</v>
      </c>
      <c r="CR34" s="270">
        <v>0</v>
      </c>
      <c r="CS34" s="270">
        <v>0</v>
      </c>
      <c r="CT34" s="270">
        <v>0</v>
      </c>
      <c r="CU34" s="270">
        <v>0</v>
      </c>
      <c r="CV34" s="273">
        <v>0</v>
      </c>
      <c r="CW34" s="274">
        <v>0</v>
      </c>
      <c r="CX34" s="269">
        <v>0</v>
      </c>
      <c r="CY34" s="270">
        <v>0</v>
      </c>
      <c r="CZ34" s="271">
        <v>0</v>
      </c>
      <c r="DA34" s="470">
        <v>0</v>
      </c>
      <c r="DB34" s="270">
        <v>0</v>
      </c>
      <c r="DC34" s="270">
        <v>0</v>
      </c>
      <c r="DD34" s="270">
        <v>0</v>
      </c>
      <c r="DE34" s="270">
        <v>0</v>
      </c>
      <c r="DF34" s="270">
        <v>0</v>
      </c>
      <c r="DG34" s="273">
        <v>0</v>
      </c>
      <c r="DH34" s="274">
        <v>0</v>
      </c>
      <c r="DI34" s="269">
        <v>0</v>
      </c>
      <c r="DJ34" s="270">
        <v>0</v>
      </c>
      <c r="DK34" s="271">
        <v>0</v>
      </c>
      <c r="DL34" s="272">
        <v>0</v>
      </c>
      <c r="DM34" s="270">
        <v>51343</v>
      </c>
      <c r="DN34" s="270">
        <v>126435</v>
      </c>
      <c r="DO34" s="270">
        <v>231501</v>
      </c>
      <c r="DP34" s="270">
        <v>311079</v>
      </c>
      <c r="DQ34" s="270">
        <v>214024</v>
      </c>
      <c r="DR34" s="273">
        <v>934382</v>
      </c>
      <c r="DS34" s="275">
        <v>934382</v>
      </c>
      <c r="DT34" s="269">
        <v>0</v>
      </c>
      <c r="DU34" s="270">
        <v>0</v>
      </c>
      <c r="DV34" s="271">
        <v>0</v>
      </c>
      <c r="DW34" s="470">
        <v>0</v>
      </c>
      <c r="DX34" s="270">
        <v>42036</v>
      </c>
      <c r="DY34" s="270">
        <v>66836</v>
      </c>
      <c r="DZ34" s="270">
        <v>223358</v>
      </c>
      <c r="EA34" s="270">
        <v>290553</v>
      </c>
      <c r="EB34" s="270">
        <v>213807</v>
      </c>
      <c r="EC34" s="273">
        <v>836590</v>
      </c>
      <c r="ED34" s="274">
        <v>836590</v>
      </c>
      <c r="EE34" s="269">
        <v>0</v>
      </c>
      <c r="EF34" s="270">
        <v>0</v>
      </c>
      <c r="EG34" s="271">
        <v>0</v>
      </c>
      <c r="EH34" s="470">
        <v>0</v>
      </c>
      <c r="EI34" s="270">
        <v>217</v>
      </c>
      <c r="EJ34" s="270">
        <v>589</v>
      </c>
      <c r="EK34" s="270">
        <v>651</v>
      </c>
      <c r="EL34" s="270">
        <v>868</v>
      </c>
      <c r="EM34" s="270">
        <v>0</v>
      </c>
      <c r="EN34" s="273">
        <v>2325</v>
      </c>
      <c r="EO34" s="274">
        <v>2325</v>
      </c>
      <c r="EP34" s="269">
        <v>0</v>
      </c>
      <c r="EQ34" s="270">
        <v>0</v>
      </c>
      <c r="ER34" s="271">
        <v>0</v>
      </c>
      <c r="ES34" s="470">
        <v>0</v>
      </c>
      <c r="ET34" s="270">
        <v>0</v>
      </c>
      <c r="EU34" s="270">
        <v>0</v>
      </c>
      <c r="EV34" s="270">
        <v>0</v>
      </c>
      <c r="EW34" s="270">
        <v>0</v>
      </c>
      <c r="EX34" s="270">
        <v>0</v>
      </c>
      <c r="EY34" s="273">
        <v>0</v>
      </c>
      <c r="EZ34" s="274">
        <v>0</v>
      </c>
      <c r="FA34" s="269">
        <v>0</v>
      </c>
      <c r="FB34" s="270">
        <v>0</v>
      </c>
      <c r="FC34" s="271">
        <v>0</v>
      </c>
      <c r="FD34" s="470">
        <v>0</v>
      </c>
      <c r="FE34" s="270">
        <v>217</v>
      </c>
      <c r="FF34" s="270">
        <v>0</v>
      </c>
      <c r="FG34" s="270">
        <v>0</v>
      </c>
      <c r="FH34" s="270">
        <v>0</v>
      </c>
      <c r="FI34" s="270">
        <v>217</v>
      </c>
      <c r="FJ34" s="273">
        <v>434</v>
      </c>
      <c r="FK34" s="274">
        <v>434</v>
      </c>
      <c r="FL34" s="269">
        <v>0</v>
      </c>
      <c r="FM34" s="270">
        <v>0</v>
      </c>
      <c r="FN34" s="271">
        <v>0</v>
      </c>
      <c r="FO34" s="470">
        <v>0</v>
      </c>
      <c r="FP34" s="270">
        <v>0</v>
      </c>
      <c r="FQ34" s="270">
        <v>0</v>
      </c>
      <c r="FR34" s="270">
        <v>0</v>
      </c>
      <c r="FS34" s="270">
        <v>0</v>
      </c>
      <c r="FT34" s="270">
        <v>0</v>
      </c>
      <c r="FU34" s="273">
        <v>0</v>
      </c>
      <c r="FV34" s="274">
        <v>0</v>
      </c>
      <c r="FW34" s="269">
        <v>0</v>
      </c>
      <c r="FX34" s="270">
        <v>0</v>
      </c>
      <c r="FY34" s="271">
        <v>0</v>
      </c>
      <c r="FZ34" s="272">
        <v>0</v>
      </c>
      <c r="GA34" s="270">
        <v>8873</v>
      </c>
      <c r="GB34" s="270">
        <v>59010</v>
      </c>
      <c r="GC34" s="270">
        <v>7492</v>
      </c>
      <c r="GD34" s="270">
        <v>19658</v>
      </c>
      <c r="GE34" s="270">
        <v>0</v>
      </c>
      <c r="GF34" s="273">
        <v>95033</v>
      </c>
      <c r="GG34" s="274">
        <v>95033</v>
      </c>
      <c r="GH34" s="269">
        <v>0</v>
      </c>
      <c r="GI34" s="270">
        <v>0</v>
      </c>
      <c r="GJ34" s="271">
        <v>0</v>
      </c>
      <c r="GK34" s="272">
        <v>0</v>
      </c>
      <c r="GL34" s="270">
        <v>0</v>
      </c>
      <c r="GM34" s="270">
        <v>0</v>
      </c>
      <c r="GN34" s="270">
        <v>0</v>
      </c>
      <c r="GO34" s="270">
        <v>0</v>
      </c>
      <c r="GP34" s="270">
        <v>0</v>
      </c>
      <c r="GQ34" s="273">
        <v>0</v>
      </c>
      <c r="GR34" s="274">
        <v>0</v>
      </c>
      <c r="GS34" s="269">
        <v>0</v>
      </c>
      <c r="GT34" s="270">
        <v>0</v>
      </c>
      <c r="GU34" s="271">
        <v>0</v>
      </c>
      <c r="GV34" s="272">
        <v>0</v>
      </c>
      <c r="GW34" s="270">
        <v>0</v>
      </c>
      <c r="GX34" s="270">
        <v>0</v>
      </c>
      <c r="GY34" s="270">
        <v>0</v>
      </c>
      <c r="GZ34" s="270">
        <v>0</v>
      </c>
      <c r="HA34" s="270">
        <v>0</v>
      </c>
      <c r="HB34" s="273">
        <v>0</v>
      </c>
      <c r="HC34" s="274">
        <v>0</v>
      </c>
      <c r="HD34" s="269">
        <v>0</v>
      </c>
      <c r="HE34" s="270">
        <v>0</v>
      </c>
      <c r="HF34" s="271">
        <v>0</v>
      </c>
      <c r="HG34" s="470">
        <v>0</v>
      </c>
      <c r="HH34" s="270">
        <v>0</v>
      </c>
      <c r="HI34" s="270">
        <v>0</v>
      </c>
      <c r="HJ34" s="270">
        <v>0</v>
      </c>
      <c r="HK34" s="270">
        <v>0</v>
      </c>
      <c r="HL34" s="270">
        <v>0</v>
      </c>
      <c r="HM34" s="273">
        <v>0</v>
      </c>
      <c r="HN34" s="274">
        <v>0</v>
      </c>
      <c r="HO34" s="269">
        <v>0</v>
      </c>
      <c r="HP34" s="270">
        <v>0</v>
      </c>
      <c r="HQ34" s="271">
        <v>0</v>
      </c>
      <c r="HR34" s="272">
        <v>0</v>
      </c>
      <c r="HS34" s="270">
        <v>117923</v>
      </c>
      <c r="HT34" s="270">
        <v>344835</v>
      </c>
      <c r="HU34" s="270">
        <v>430726</v>
      </c>
      <c r="HV34" s="270">
        <v>559894</v>
      </c>
      <c r="HW34" s="270">
        <v>375494</v>
      </c>
      <c r="HX34" s="273">
        <v>1828872</v>
      </c>
      <c r="HY34" s="274">
        <v>1828872</v>
      </c>
    </row>
    <row r="35" spans="2:233" ht="21" customHeight="1" x14ac:dyDescent="0.2">
      <c r="B35" s="437" t="s">
        <v>32</v>
      </c>
      <c r="C35" s="269">
        <v>0</v>
      </c>
      <c r="D35" s="270">
        <v>0</v>
      </c>
      <c r="E35" s="271">
        <v>0</v>
      </c>
      <c r="F35" s="272">
        <v>0</v>
      </c>
      <c r="G35" s="270">
        <v>38130</v>
      </c>
      <c r="H35" s="270">
        <v>32995</v>
      </c>
      <c r="I35" s="270">
        <v>273300</v>
      </c>
      <c r="J35" s="270">
        <v>466240</v>
      </c>
      <c r="K35" s="270">
        <v>263715</v>
      </c>
      <c r="L35" s="273">
        <v>1074380</v>
      </c>
      <c r="M35" s="274">
        <v>1074380</v>
      </c>
      <c r="N35" s="269">
        <v>0</v>
      </c>
      <c r="O35" s="270">
        <v>0</v>
      </c>
      <c r="P35" s="271">
        <v>0</v>
      </c>
      <c r="Q35" s="470">
        <v>0</v>
      </c>
      <c r="R35" s="270">
        <v>35495</v>
      </c>
      <c r="S35" s="270">
        <v>0</v>
      </c>
      <c r="T35" s="270">
        <v>37975</v>
      </c>
      <c r="U35" s="270">
        <v>264740</v>
      </c>
      <c r="V35" s="270">
        <v>160135</v>
      </c>
      <c r="W35" s="273">
        <v>498345</v>
      </c>
      <c r="X35" s="274">
        <v>498345</v>
      </c>
      <c r="Y35" s="269">
        <v>0</v>
      </c>
      <c r="Z35" s="270">
        <v>0</v>
      </c>
      <c r="AA35" s="271">
        <v>0</v>
      </c>
      <c r="AB35" s="470">
        <v>0</v>
      </c>
      <c r="AC35" s="270">
        <v>2635</v>
      </c>
      <c r="AD35" s="270">
        <v>32705</v>
      </c>
      <c r="AE35" s="270">
        <v>64460</v>
      </c>
      <c r="AF35" s="270">
        <v>133455</v>
      </c>
      <c r="AG35" s="270">
        <v>35765</v>
      </c>
      <c r="AH35" s="273">
        <v>269020</v>
      </c>
      <c r="AI35" s="274">
        <v>269020</v>
      </c>
      <c r="AJ35" s="269">
        <v>0</v>
      </c>
      <c r="AK35" s="270">
        <v>0</v>
      </c>
      <c r="AL35" s="271">
        <v>0</v>
      </c>
      <c r="AM35" s="470">
        <v>0</v>
      </c>
      <c r="AN35" s="270">
        <v>0</v>
      </c>
      <c r="AO35" s="270">
        <v>0</v>
      </c>
      <c r="AP35" s="270">
        <v>0</v>
      </c>
      <c r="AQ35" s="270">
        <v>0</v>
      </c>
      <c r="AR35" s="270">
        <v>0</v>
      </c>
      <c r="AS35" s="273">
        <v>0</v>
      </c>
      <c r="AT35" s="274">
        <v>0</v>
      </c>
      <c r="AU35" s="269">
        <v>0</v>
      </c>
      <c r="AV35" s="270">
        <v>0</v>
      </c>
      <c r="AW35" s="271">
        <v>0</v>
      </c>
      <c r="AX35" s="470">
        <v>0</v>
      </c>
      <c r="AY35" s="270">
        <v>0</v>
      </c>
      <c r="AZ35" s="270">
        <v>0</v>
      </c>
      <c r="BA35" s="270">
        <v>0</v>
      </c>
      <c r="BB35" s="270">
        <v>0</v>
      </c>
      <c r="BC35" s="270">
        <v>32705</v>
      </c>
      <c r="BD35" s="273">
        <v>32705</v>
      </c>
      <c r="BE35" s="274">
        <v>32705</v>
      </c>
      <c r="BF35" s="269">
        <v>0</v>
      </c>
      <c r="BG35" s="270">
        <v>0</v>
      </c>
      <c r="BH35" s="271">
        <v>0</v>
      </c>
      <c r="BI35" s="470">
        <v>0</v>
      </c>
      <c r="BJ35" s="270">
        <v>0</v>
      </c>
      <c r="BK35" s="270">
        <v>0</v>
      </c>
      <c r="BL35" s="270">
        <v>133455</v>
      </c>
      <c r="BM35" s="270">
        <v>68045</v>
      </c>
      <c r="BN35" s="270">
        <v>27280</v>
      </c>
      <c r="BO35" s="273">
        <v>228780</v>
      </c>
      <c r="BP35" s="274">
        <v>228780</v>
      </c>
      <c r="BQ35" s="269">
        <v>0</v>
      </c>
      <c r="BR35" s="270">
        <v>0</v>
      </c>
      <c r="BS35" s="271">
        <v>0</v>
      </c>
      <c r="BT35" s="272">
        <v>0</v>
      </c>
      <c r="BU35" s="270">
        <v>0</v>
      </c>
      <c r="BV35" s="270">
        <v>0</v>
      </c>
      <c r="BW35" s="270">
        <v>37410</v>
      </c>
      <c r="BX35" s="270">
        <v>0</v>
      </c>
      <c r="BY35" s="270">
        <v>7830</v>
      </c>
      <c r="BZ35" s="273">
        <v>45240</v>
      </c>
      <c r="CA35" s="274">
        <v>45240</v>
      </c>
      <c r="CB35" s="269">
        <v>0</v>
      </c>
      <c r="CC35" s="270">
        <v>0</v>
      </c>
      <c r="CD35" s="271">
        <v>0</v>
      </c>
      <c r="CE35" s="272">
        <v>0</v>
      </c>
      <c r="CF35" s="270">
        <v>0</v>
      </c>
      <c r="CG35" s="270">
        <v>290</v>
      </c>
      <c r="CH35" s="270">
        <v>0</v>
      </c>
      <c r="CI35" s="270">
        <v>0</v>
      </c>
      <c r="CJ35" s="270">
        <v>0</v>
      </c>
      <c r="CK35" s="273">
        <v>290</v>
      </c>
      <c r="CL35" s="274">
        <v>290</v>
      </c>
      <c r="CM35" s="269">
        <v>0</v>
      </c>
      <c r="CN35" s="270">
        <v>0</v>
      </c>
      <c r="CO35" s="271">
        <v>0</v>
      </c>
      <c r="CP35" s="272">
        <v>0</v>
      </c>
      <c r="CQ35" s="270">
        <v>0</v>
      </c>
      <c r="CR35" s="270">
        <v>0</v>
      </c>
      <c r="CS35" s="270">
        <v>0</v>
      </c>
      <c r="CT35" s="270">
        <v>0</v>
      </c>
      <c r="CU35" s="270">
        <v>0</v>
      </c>
      <c r="CV35" s="273">
        <v>0</v>
      </c>
      <c r="CW35" s="274">
        <v>0</v>
      </c>
      <c r="CX35" s="269">
        <v>0</v>
      </c>
      <c r="CY35" s="270">
        <v>0</v>
      </c>
      <c r="CZ35" s="271">
        <v>0</v>
      </c>
      <c r="DA35" s="470">
        <v>0</v>
      </c>
      <c r="DB35" s="270">
        <v>0</v>
      </c>
      <c r="DC35" s="270">
        <v>0</v>
      </c>
      <c r="DD35" s="270">
        <v>0</v>
      </c>
      <c r="DE35" s="270">
        <v>0</v>
      </c>
      <c r="DF35" s="270">
        <v>0</v>
      </c>
      <c r="DG35" s="273">
        <v>0</v>
      </c>
      <c r="DH35" s="274">
        <v>0</v>
      </c>
      <c r="DI35" s="269">
        <v>0</v>
      </c>
      <c r="DJ35" s="270">
        <v>0</v>
      </c>
      <c r="DK35" s="271">
        <v>0</v>
      </c>
      <c r="DL35" s="272">
        <v>0</v>
      </c>
      <c r="DM35" s="270">
        <v>26722</v>
      </c>
      <c r="DN35" s="270">
        <v>2334</v>
      </c>
      <c r="DO35" s="270">
        <v>269608</v>
      </c>
      <c r="DP35" s="270">
        <v>488091</v>
      </c>
      <c r="DQ35" s="270">
        <v>227216</v>
      </c>
      <c r="DR35" s="273">
        <v>1013971</v>
      </c>
      <c r="DS35" s="275">
        <v>1013971</v>
      </c>
      <c r="DT35" s="269">
        <v>0</v>
      </c>
      <c r="DU35" s="270">
        <v>0</v>
      </c>
      <c r="DV35" s="271">
        <v>0</v>
      </c>
      <c r="DW35" s="470">
        <v>0</v>
      </c>
      <c r="DX35" s="270">
        <v>26505</v>
      </c>
      <c r="DY35" s="270">
        <v>0</v>
      </c>
      <c r="DZ35" s="270">
        <v>66836</v>
      </c>
      <c r="EA35" s="270">
        <v>382226</v>
      </c>
      <c r="EB35" s="270">
        <v>176638</v>
      </c>
      <c r="EC35" s="273">
        <v>652205</v>
      </c>
      <c r="ED35" s="274">
        <v>652205</v>
      </c>
      <c r="EE35" s="269">
        <v>0</v>
      </c>
      <c r="EF35" s="270">
        <v>0</v>
      </c>
      <c r="EG35" s="271">
        <v>0</v>
      </c>
      <c r="EH35" s="470">
        <v>0</v>
      </c>
      <c r="EI35" s="270">
        <v>217</v>
      </c>
      <c r="EJ35" s="270">
        <v>186</v>
      </c>
      <c r="EK35" s="270">
        <v>11935</v>
      </c>
      <c r="EL35" s="270">
        <v>48422</v>
      </c>
      <c r="EM35" s="270">
        <v>469</v>
      </c>
      <c r="EN35" s="273">
        <v>61229</v>
      </c>
      <c r="EO35" s="274">
        <v>61229</v>
      </c>
      <c r="EP35" s="269">
        <v>0</v>
      </c>
      <c r="EQ35" s="270">
        <v>0</v>
      </c>
      <c r="ER35" s="271">
        <v>0</v>
      </c>
      <c r="ES35" s="470">
        <v>0</v>
      </c>
      <c r="ET35" s="270">
        <v>0</v>
      </c>
      <c r="EU35" s="270">
        <v>0</v>
      </c>
      <c r="EV35" s="270">
        <v>0</v>
      </c>
      <c r="EW35" s="270">
        <v>0</v>
      </c>
      <c r="EX35" s="270">
        <v>0</v>
      </c>
      <c r="EY35" s="273">
        <v>0</v>
      </c>
      <c r="EZ35" s="274">
        <v>0</v>
      </c>
      <c r="FA35" s="269">
        <v>0</v>
      </c>
      <c r="FB35" s="270">
        <v>0</v>
      </c>
      <c r="FC35" s="271">
        <v>0</v>
      </c>
      <c r="FD35" s="470">
        <v>0</v>
      </c>
      <c r="FE35" s="270">
        <v>0</v>
      </c>
      <c r="FF35" s="270">
        <v>0</v>
      </c>
      <c r="FG35" s="270">
        <v>0</v>
      </c>
      <c r="FH35" s="270">
        <v>0</v>
      </c>
      <c r="FI35" s="270">
        <v>217</v>
      </c>
      <c r="FJ35" s="273">
        <v>217</v>
      </c>
      <c r="FK35" s="274">
        <v>217</v>
      </c>
      <c r="FL35" s="269">
        <v>0</v>
      </c>
      <c r="FM35" s="270">
        <v>0</v>
      </c>
      <c r="FN35" s="271">
        <v>0</v>
      </c>
      <c r="FO35" s="470">
        <v>0</v>
      </c>
      <c r="FP35" s="270">
        <v>0</v>
      </c>
      <c r="FQ35" s="270">
        <v>0</v>
      </c>
      <c r="FR35" s="270">
        <v>139624</v>
      </c>
      <c r="FS35" s="270">
        <v>57443</v>
      </c>
      <c r="FT35" s="270">
        <v>21762</v>
      </c>
      <c r="FU35" s="273">
        <v>218829</v>
      </c>
      <c r="FV35" s="274">
        <v>218829</v>
      </c>
      <c r="FW35" s="269">
        <v>0</v>
      </c>
      <c r="FX35" s="270">
        <v>0</v>
      </c>
      <c r="FY35" s="271">
        <v>0</v>
      </c>
      <c r="FZ35" s="272">
        <v>0</v>
      </c>
      <c r="GA35" s="270">
        <v>0</v>
      </c>
      <c r="GB35" s="270">
        <v>0</v>
      </c>
      <c r="GC35" s="270">
        <v>51213</v>
      </c>
      <c r="GD35" s="270">
        <v>0</v>
      </c>
      <c r="GE35" s="270">
        <v>28130</v>
      </c>
      <c r="GF35" s="273">
        <v>79343</v>
      </c>
      <c r="GG35" s="274">
        <v>79343</v>
      </c>
      <c r="GH35" s="269">
        <v>0</v>
      </c>
      <c r="GI35" s="270">
        <v>0</v>
      </c>
      <c r="GJ35" s="271">
        <v>0</v>
      </c>
      <c r="GK35" s="272">
        <v>0</v>
      </c>
      <c r="GL35" s="270">
        <v>0</v>
      </c>
      <c r="GM35" s="270">
        <v>2148</v>
      </c>
      <c r="GN35" s="270">
        <v>0</v>
      </c>
      <c r="GO35" s="270">
        <v>0</v>
      </c>
      <c r="GP35" s="270">
        <v>0</v>
      </c>
      <c r="GQ35" s="273">
        <v>2148</v>
      </c>
      <c r="GR35" s="274">
        <v>2148</v>
      </c>
      <c r="GS35" s="269">
        <v>0</v>
      </c>
      <c r="GT35" s="270">
        <v>0</v>
      </c>
      <c r="GU35" s="271">
        <v>0</v>
      </c>
      <c r="GV35" s="272">
        <v>0</v>
      </c>
      <c r="GW35" s="270">
        <v>0</v>
      </c>
      <c r="GX35" s="270">
        <v>0</v>
      </c>
      <c r="GY35" s="270">
        <v>0</v>
      </c>
      <c r="GZ35" s="270">
        <v>0</v>
      </c>
      <c r="HA35" s="270">
        <v>0</v>
      </c>
      <c r="HB35" s="273">
        <v>0</v>
      </c>
      <c r="HC35" s="274">
        <v>0</v>
      </c>
      <c r="HD35" s="269">
        <v>0</v>
      </c>
      <c r="HE35" s="270">
        <v>0</v>
      </c>
      <c r="HF35" s="271">
        <v>0</v>
      </c>
      <c r="HG35" s="470">
        <v>0</v>
      </c>
      <c r="HH35" s="270">
        <v>0</v>
      </c>
      <c r="HI35" s="270">
        <v>0</v>
      </c>
      <c r="HJ35" s="270">
        <v>0</v>
      </c>
      <c r="HK35" s="270">
        <v>0</v>
      </c>
      <c r="HL35" s="270">
        <v>0</v>
      </c>
      <c r="HM35" s="273">
        <v>0</v>
      </c>
      <c r="HN35" s="274">
        <v>0</v>
      </c>
      <c r="HO35" s="269">
        <v>0</v>
      </c>
      <c r="HP35" s="270">
        <v>0</v>
      </c>
      <c r="HQ35" s="271">
        <v>0</v>
      </c>
      <c r="HR35" s="272">
        <v>0</v>
      </c>
      <c r="HS35" s="270">
        <v>64852</v>
      </c>
      <c r="HT35" s="270">
        <v>35329</v>
      </c>
      <c r="HU35" s="270">
        <v>542908</v>
      </c>
      <c r="HV35" s="270">
        <v>954331</v>
      </c>
      <c r="HW35" s="270">
        <v>490931</v>
      </c>
      <c r="HX35" s="273">
        <v>2088351</v>
      </c>
      <c r="HY35" s="274">
        <v>2088351</v>
      </c>
    </row>
    <row r="36" spans="2:233" ht="21" customHeight="1" x14ac:dyDescent="0.2">
      <c r="B36" s="437" t="s">
        <v>33</v>
      </c>
      <c r="C36" s="269">
        <v>0</v>
      </c>
      <c r="D36" s="270">
        <v>0</v>
      </c>
      <c r="E36" s="271">
        <v>0</v>
      </c>
      <c r="F36" s="272">
        <v>0</v>
      </c>
      <c r="G36" s="270">
        <v>43815</v>
      </c>
      <c r="H36" s="270">
        <v>183705</v>
      </c>
      <c r="I36" s="270">
        <v>356280</v>
      </c>
      <c r="J36" s="270">
        <v>697695</v>
      </c>
      <c r="K36" s="270">
        <v>263105</v>
      </c>
      <c r="L36" s="273">
        <v>1544600</v>
      </c>
      <c r="M36" s="274">
        <v>1544600</v>
      </c>
      <c r="N36" s="269">
        <v>0</v>
      </c>
      <c r="O36" s="270">
        <v>0</v>
      </c>
      <c r="P36" s="271">
        <v>0</v>
      </c>
      <c r="Q36" s="470">
        <v>0</v>
      </c>
      <c r="R36" s="270">
        <v>0</v>
      </c>
      <c r="S36" s="270">
        <v>27280</v>
      </c>
      <c r="T36" s="270">
        <v>237275</v>
      </c>
      <c r="U36" s="270">
        <v>420010</v>
      </c>
      <c r="V36" s="270">
        <v>242350</v>
      </c>
      <c r="W36" s="273">
        <v>926915</v>
      </c>
      <c r="X36" s="274">
        <v>926915</v>
      </c>
      <c r="Y36" s="269">
        <v>0</v>
      </c>
      <c r="Z36" s="270">
        <v>0</v>
      </c>
      <c r="AA36" s="271">
        <v>0</v>
      </c>
      <c r="AB36" s="470">
        <v>0</v>
      </c>
      <c r="AC36" s="270">
        <v>37890</v>
      </c>
      <c r="AD36" s="270">
        <v>62775</v>
      </c>
      <c r="AE36" s="270">
        <v>10430</v>
      </c>
      <c r="AF36" s="270">
        <v>242190</v>
      </c>
      <c r="AG36" s="270">
        <v>5270</v>
      </c>
      <c r="AH36" s="273">
        <v>358555</v>
      </c>
      <c r="AI36" s="274">
        <v>358555</v>
      </c>
      <c r="AJ36" s="269">
        <v>0</v>
      </c>
      <c r="AK36" s="270">
        <v>0</v>
      </c>
      <c r="AL36" s="271">
        <v>0</v>
      </c>
      <c r="AM36" s="470">
        <v>0</v>
      </c>
      <c r="AN36" s="270">
        <v>0</v>
      </c>
      <c r="AO36" s="270">
        <v>0</v>
      </c>
      <c r="AP36" s="270">
        <v>0</v>
      </c>
      <c r="AQ36" s="270">
        <v>0</v>
      </c>
      <c r="AR36" s="270">
        <v>0</v>
      </c>
      <c r="AS36" s="273">
        <v>0</v>
      </c>
      <c r="AT36" s="274">
        <v>0</v>
      </c>
      <c r="AU36" s="269">
        <v>0</v>
      </c>
      <c r="AV36" s="270">
        <v>0</v>
      </c>
      <c r="AW36" s="271">
        <v>0</v>
      </c>
      <c r="AX36" s="470">
        <v>0</v>
      </c>
      <c r="AY36" s="270">
        <v>5725</v>
      </c>
      <c r="AZ36" s="270">
        <v>87420</v>
      </c>
      <c r="BA36" s="270">
        <v>73085</v>
      </c>
      <c r="BB36" s="270">
        <v>35495</v>
      </c>
      <c r="BC36" s="270">
        <v>2635</v>
      </c>
      <c r="BD36" s="273">
        <v>204360</v>
      </c>
      <c r="BE36" s="274">
        <v>204360</v>
      </c>
      <c r="BF36" s="269">
        <v>0</v>
      </c>
      <c r="BG36" s="270">
        <v>0</v>
      </c>
      <c r="BH36" s="271">
        <v>0</v>
      </c>
      <c r="BI36" s="470">
        <v>0</v>
      </c>
      <c r="BJ36" s="270">
        <v>0</v>
      </c>
      <c r="BK36" s="270">
        <v>0</v>
      </c>
      <c r="BL36" s="270">
        <v>0</v>
      </c>
      <c r="BM36" s="270">
        <v>0</v>
      </c>
      <c r="BN36" s="270">
        <v>0</v>
      </c>
      <c r="BO36" s="273">
        <v>0</v>
      </c>
      <c r="BP36" s="274">
        <v>0</v>
      </c>
      <c r="BQ36" s="269">
        <v>0</v>
      </c>
      <c r="BR36" s="270">
        <v>0</v>
      </c>
      <c r="BS36" s="271">
        <v>0</v>
      </c>
      <c r="BT36" s="272">
        <v>0</v>
      </c>
      <c r="BU36" s="270">
        <v>200</v>
      </c>
      <c r="BV36" s="270">
        <v>6230</v>
      </c>
      <c r="BW36" s="270">
        <v>35490</v>
      </c>
      <c r="BX36" s="270">
        <v>0</v>
      </c>
      <c r="BY36" s="270">
        <v>9470</v>
      </c>
      <c r="BZ36" s="273">
        <v>51390</v>
      </c>
      <c r="CA36" s="274">
        <v>51390</v>
      </c>
      <c r="CB36" s="269">
        <v>0</v>
      </c>
      <c r="CC36" s="270">
        <v>0</v>
      </c>
      <c r="CD36" s="271">
        <v>0</v>
      </c>
      <c r="CE36" s="272">
        <v>0</v>
      </c>
      <c r="CF36" s="270">
        <v>0</v>
      </c>
      <c r="CG36" s="270">
        <v>0</v>
      </c>
      <c r="CH36" s="270">
        <v>0</v>
      </c>
      <c r="CI36" s="270">
        <v>0</v>
      </c>
      <c r="CJ36" s="270">
        <v>3380</v>
      </c>
      <c r="CK36" s="273">
        <v>3380</v>
      </c>
      <c r="CL36" s="274">
        <v>3380</v>
      </c>
      <c r="CM36" s="269">
        <v>0</v>
      </c>
      <c r="CN36" s="270">
        <v>0</v>
      </c>
      <c r="CO36" s="271">
        <v>0</v>
      </c>
      <c r="CP36" s="272">
        <v>0</v>
      </c>
      <c r="CQ36" s="270">
        <v>0</v>
      </c>
      <c r="CR36" s="270">
        <v>0</v>
      </c>
      <c r="CS36" s="270">
        <v>0</v>
      </c>
      <c r="CT36" s="270">
        <v>0</v>
      </c>
      <c r="CU36" s="270">
        <v>0</v>
      </c>
      <c r="CV36" s="273">
        <v>0</v>
      </c>
      <c r="CW36" s="274">
        <v>0</v>
      </c>
      <c r="CX36" s="269">
        <v>0</v>
      </c>
      <c r="CY36" s="270">
        <v>0</v>
      </c>
      <c r="CZ36" s="271">
        <v>0</v>
      </c>
      <c r="DA36" s="470">
        <v>0</v>
      </c>
      <c r="DB36" s="270">
        <v>0</v>
      </c>
      <c r="DC36" s="270">
        <v>0</v>
      </c>
      <c r="DD36" s="270">
        <v>0</v>
      </c>
      <c r="DE36" s="270">
        <v>0</v>
      </c>
      <c r="DF36" s="270">
        <v>0</v>
      </c>
      <c r="DG36" s="273">
        <v>0</v>
      </c>
      <c r="DH36" s="274">
        <v>0</v>
      </c>
      <c r="DI36" s="269">
        <v>0</v>
      </c>
      <c r="DJ36" s="270">
        <v>0</v>
      </c>
      <c r="DK36" s="271">
        <v>0</v>
      </c>
      <c r="DL36" s="272">
        <v>0</v>
      </c>
      <c r="DM36" s="270">
        <v>3238</v>
      </c>
      <c r="DN36" s="270">
        <v>65205</v>
      </c>
      <c r="DO36" s="270">
        <v>412540</v>
      </c>
      <c r="DP36" s="270">
        <v>455543</v>
      </c>
      <c r="DQ36" s="270">
        <v>235450</v>
      </c>
      <c r="DR36" s="273">
        <v>1171976</v>
      </c>
      <c r="DS36" s="275">
        <v>1171976</v>
      </c>
      <c r="DT36" s="269">
        <v>0</v>
      </c>
      <c r="DU36" s="270">
        <v>0</v>
      </c>
      <c r="DV36" s="271">
        <v>0</v>
      </c>
      <c r="DW36" s="470">
        <v>0</v>
      </c>
      <c r="DX36" s="270">
        <v>0</v>
      </c>
      <c r="DY36" s="270">
        <v>36611</v>
      </c>
      <c r="DZ36" s="270">
        <v>369366</v>
      </c>
      <c r="EA36" s="270">
        <v>418893</v>
      </c>
      <c r="EB36" s="270">
        <v>228944</v>
      </c>
      <c r="EC36" s="273">
        <v>1053814</v>
      </c>
      <c r="ED36" s="274">
        <v>1053814</v>
      </c>
      <c r="EE36" s="269">
        <v>0</v>
      </c>
      <c r="EF36" s="270">
        <v>0</v>
      </c>
      <c r="EG36" s="271">
        <v>0</v>
      </c>
      <c r="EH36" s="470">
        <v>0</v>
      </c>
      <c r="EI36" s="270">
        <v>651</v>
      </c>
      <c r="EJ36" s="270">
        <v>12121</v>
      </c>
      <c r="EK36" s="270">
        <v>868</v>
      </c>
      <c r="EL36" s="270">
        <v>24963</v>
      </c>
      <c r="EM36" s="270">
        <v>434</v>
      </c>
      <c r="EN36" s="273">
        <v>39037</v>
      </c>
      <c r="EO36" s="274">
        <v>39037</v>
      </c>
      <c r="EP36" s="269">
        <v>0</v>
      </c>
      <c r="EQ36" s="270">
        <v>0</v>
      </c>
      <c r="ER36" s="271">
        <v>0</v>
      </c>
      <c r="ES36" s="470">
        <v>0</v>
      </c>
      <c r="ET36" s="270">
        <v>0</v>
      </c>
      <c r="EU36" s="270">
        <v>0</v>
      </c>
      <c r="EV36" s="270">
        <v>0</v>
      </c>
      <c r="EW36" s="270">
        <v>0</v>
      </c>
      <c r="EX36" s="270">
        <v>0</v>
      </c>
      <c r="EY36" s="273">
        <v>0</v>
      </c>
      <c r="EZ36" s="274">
        <v>0</v>
      </c>
      <c r="FA36" s="269">
        <v>0</v>
      </c>
      <c r="FB36" s="270">
        <v>0</v>
      </c>
      <c r="FC36" s="271">
        <v>0</v>
      </c>
      <c r="FD36" s="470">
        <v>0</v>
      </c>
      <c r="FE36" s="270">
        <v>1885</v>
      </c>
      <c r="FF36" s="270">
        <v>12338</v>
      </c>
      <c r="FG36" s="270">
        <v>12338</v>
      </c>
      <c r="FH36" s="270">
        <v>11687</v>
      </c>
      <c r="FI36" s="270">
        <v>217</v>
      </c>
      <c r="FJ36" s="273">
        <v>38465</v>
      </c>
      <c r="FK36" s="274">
        <v>38465</v>
      </c>
      <c r="FL36" s="269">
        <v>0</v>
      </c>
      <c r="FM36" s="270">
        <v>0</v>
      </c>
      <c r="FN36" s="271">
        <v>0</v>
      </c>
      <c r="FO36" s="470">
        <v>0</v>
      </c>
      <c r="FP36" s="270">
        <v>0</v>
      </c>
      <c r="FQ36" s="270">
        <v>0</v>
      </c>
      <c r="FR36" s="270">
        <v>0</v>
      </c>
      <c r="FS36" s="270">
        <v>0</v>
      </c>
      <c r="FT36" s="270">
        <v>0</v>
      </c>
      <c r="FU36" s="273">
        <v>0</v>
      </c>
      <c r="FV36" s="274">
        <v>0</v>
      </c>
      <c r="FW36" s="269">
        <v>0</v>
      </c>
      <c r="FX36" s="270">
        <v>0</v>
      </c>
      <c r="FY36" s="271">
        <v>0</v>
      </c>
      <c r="FZ36" s="272">
        <v>0</v>
      </c>
      <c r="GA36" s="270">
        <v>702</v>
      </c>
      <c r="GB36" s="270">
        <v>4135</v>
      </c>
      <c r="GC36" s="270">
        <v>29968</v>
      </c>
      <c r="GD36" s="270">
        <v>0</v>
      </c>
      <c r="GE36" s="270">
        <v>5820</v>
      </c>
      <c r="GF36" s="273">
        <v>40625</v>
      </c>
      <c r="GG36" s="274">
        <v>40625</v>
      </c>
      <c r="GH36" s="269">
        <v>0</v>
      </c>
      <c r="GI36" s="270">
        <v>0</v>
      </c>
      <c r="GJ36" s="271">
        <v>0</v>
      </c>
      <c r="GK36" s="272">
        <v>0</v>
      </c>
      <c r="GL36" s="270">
        <v>0</v>
      </c>
      <c r="GM36" s="270">
        <v>0</v>
      </c>
      <c r="GN36" s="270">
        <v>0</v>
      </c>
      <c r="GO36" s="270">
        <v>0</v>
      </c>
      <c r="GP36" s="270">
        <v>35</v>
      </c>
      <c r="GQ36" s="273">
        <v>35</v>
      </c>
      <c r="GR36" s="274">
        <v>35</v>
      </c>
      <c r="GS36" s="269">
        <v>0</v>
      </c>
      <c r="GT36" s="270">
        <v>0</v>
      </c>
      <c r="GU36" s="271">
        <v>0</v>
      </c>
      <c r="GV36" s="272">
        <v>0</v>
      </c>
      <c r="GW36" s="270">
        <v>0</v>
      </c>
      <c r="GX36" s="270">
        <v>0</v>
      </c>
      <c r="GY36" s="270">
        <v>0</v>
      </c>
      <c r="GZ36" s="270">
        <v>0</v>
      </c>
      <c r="HA36" s="270">
        <v>0</v>
      </c>
      <c r="HB36" s="273">
        <v>0</v>
      </c>
      <c r="HC36" s="274">
        <v>0</v>
      </c>
      <c r="HD36" s="269">
        <v>0</v>
      </c>
      <c r="HE36" s="270">
        <v>0</v>
      </c>
      <c r="HF36" s="271">
        <v>0</v>
      </c>
      <c r="HG36" s="470">
        <v>0</v>
      </c>
      <c r="HH36" s="270">
        <v>0</v>
      </c>
      <c r="HI36" s="270">
        <v>0</v>
      </c>
      <c r="HJ36" s="270">
        <v>0</v>
      </c>
      <c r="HK36" s="270">
        <v>0</v>
      </c>
      <c r="HL36" s="270">
        <v>0</v>
      </c>
      <c r="HM36" s="273">
        <v>0</v>
      </c>
      <c r="HN36" s="274">
        <v>0</v>
      </c>
      <c r="HO36" s="269">
        <v>0</v>
      </c>
      <c r="HP36" s="270">
        <v>0</v>
      </c>
      <c r="HQ36" s="271">
        <v>0</v>
      </c>
      <c r="HR36" s="272">
        <v>0</v>
      </c>
      <c r="HS36" s="270">
        <v>47053</v>
      </c>
      <c r="HT36" s="270">
        <v>248910</v>
      </c>
      <c r="HU36" s="270">
        <v>768820</v>
      </c>
      <c r="HV36" s="270">
        <v>1153238</v>
      </c>
      <c r="HW36" s="270">
        <v>498555</v>
      </c>
      <c r="HX36" s="273">
        <v>2716576</v>
      </c>
      <c r="HY36" s="274">
        <v>2716576</v>
      </c>
    </row>
    <row r="37" spans="2:233" ht="21" customHeight="1" x14ac:dyDescent="0.2">
      <c r="B37" s="437" t="s">
        <v>34</v>
      </c>
      <c r="C37" s="269">
        <v>0</v>
      </c>
      <c r="D37" s="270">
        <v>0</v>
      </c>
      <c r="E37" s="271">
        <v>0</v>
      </c>
      <c r="F37" s="272">
        <v>0</v>
      </c>
      <c r="G37" s="270">
        <v>118920</v>
      </c>
      <c r="H37" s="270">
        <v>60790</v>
      </c>
      <c r="I37" s="270">
        <v>128165</v>
      </c>
      <c r="J37" s="270">
        <v>277040</v>
      </c>
      <c r="K37" s="270">
        <v>188015</v>
      </c>
      <c r="L37" s="273">
        <v>772930</v>
      </c>
      <c r="M37" s="274">
        <v>772930</v>
      </c>
      <c r="N37" s="269">
        <v>0</v>
      </c>
      <c r="O37" s="270">
        <v>0</v>
      </c>
      <c r="P37" s="271">
        <v>0</v>
      </c>
      <c r="Q37" s="470">
        <v>0</v>
      </c>
      <c r="R37" s="270">
        <v>0</v>
      </c>
      <c r="S37" s="270">
        <v>0</v>
      </c>
      <c r="T37" s="270">
        <v>57195</v>
      </c>
      <c r="U37" s="270">
        <v>241700</v>
      </c>
      <c r="V37" s="270">
        <v>152675</v>
      </c>
      <c r="W37" s="273">
        <v>451570</v>
      </c>
      <c r="X37" s="274">
        <v>451570</v>
      </c>
      <c r="Y37" s="269">
        <v>0</v>
      </c>
      <c r="Z37" s="270">
        <v>0</v>
      </c>
      <c r="AA37" s="271">
        <v>0</v>
      </c>
      <c r="AB37" s="470">
        <v>0</v>
      </c>
      <c r="AC37" s="270">
        <v>118920</v>
      </c>
      <c r="AD37" s="270">
        <v>54560</v>
      </c>
      <c r="AE37" s="270">
        <v>70535</v>
      </c>
      <c r="AF37" s="270">
        <v>35340</v>
      </c>
      <c r="AG37" s="270">
        <v>2635</v>
      </c>
      <c r="AH37" s="273">
        <v>281990</v>
      </c>
      <c r="AI37" s="274">
        <v>281990</v>
      </c>
      <c r="AJ37" s="269">
        <v>0</v>
      </c>
      <c r="AK37" s="270">
        <v>0</v>
      </c>
      <c r="AL37" s="271">
        <v>0</v>
      </c>
      <c r="AM37" s="470">
        <v>0</v>
      </c>
      <c r="AN37" s="270">
        <v>0</v>
      </c>
      <c r="AO37" s="270">
        <v>0</v>
      </c>
      <c r="AP37" s="270">
        <v>0</v>
      </c>
      <c r="AQ37" s="270">
        <v>0</v>
      </c>
      <c r="AR37" s="270">
        <v>0</v>
      </c>
      <c r="AS37" s="273">
        <v>0</v>
      </c>
      <c r="AT37" s="274">
        <v>0</v>
      </c>
      <c r="AU37" s="269">
        <v>0</v>
      </c>
      <c r="AV37" s="270">
        <v>0</v>
      </c>
      <c r="AW37" s="271">
        <v>0</v>
      </c>
      <c r="AX37" s="470">
        <v>0</v>
      </c>
      <c r="AY37" s="270">
        <v>0</v>
      </c>
      <c r="AZ37" s="270">
        <v>0</v>
      </c>
      <c r="BA37" s="270">
        <v>0</v>
      </c>
      <c r="BB37" s="270">
        <v>0</v>
      </c>
      <c r="BC37" s="270">
        <v>32705</v>
      </c>
      <c r="BD37" s="273">
        <v>32705</v>
      </c>
      <c r="BE37" s="274">
        <v>32705</v>
      </c>
      <c r="BF37" s="269">
        <v>0</v>
      </c>
      <c r="BG37" s="270">
        <v>0</v>
      </c>
      <c r="BH37" s="271">
        <v>0</v>
      </c>
      <c r="BI37" s="470">
        <v>0</v>
      </c>
      <c r="BJ37" s="270">
        <v>0</v>
      </c>
      <c r="BK37" s="270">
        <v>0</v>
      </c>
      <c r="BL37" s="270">
        <v>0</v>
      </c>
      <c r="BM37" s="270">
        <v>0</v>
      </c>
      <c r="BN37" s="270">
        <v>0</v>
      </c>
      <c r="BO37" s="273">
        <v>0</v>
      </c>
      <c r="BP37" s="274">
        <v>0</v>
      </c>
      <c r="BQ37" s="269">
        <v>0</v>
      </c>
      <c r="BR37" s="270">
        <v>0</v>
      </c>
      <c r="BS37" s="271">
        <v>0</v>
      </c>
      <c r="BT37" s="272">
        <v>0</v>
      </c>
      <c r="BU37" s="270">
        <v>0</v>
      </c>
      <c r="BV37" s="270">
        <v>145</v>
      </c>
      <c r="BW37" s="270">
        <v>435</v>
      </c>
      <c r="BX37" s="270">
        <v>0</v>
      </c>
      <c r="BY37" s="270">
        <v>0</v>
      </c>
      <c r="BZ37" s="273">
        <v>580</v>
      </c>
      <c r="CA37" s="274">
        <v>580</v>
      </c>
      <c r="CB37" s="269">
        <v>0</v>
      </c>
      <c r="CC37" s="270">
        <v>0</v>
      </c>
      <c r="CD37" s="271">
        <v>0</v>
      </c>
      <c r="CE37" s="272">
        <v>0</v>
      </c>
      <c r="CF37" s="270">
        <v>0</v>
      </c>
      <c r="CG37" s="270">
        <v>6085</v>
      </c>
      <c r="CH37" s="270">
        <v>0</v>
      </c>
      <c r="CI37" s="270">
        <v>0</v>
      </c>
      <c r="CJ37" s="270">
        <v>0</v>
      </c>
      <c r="CK37" s="273">
        <v>6085</v>
      </c>
      <c r="CL37" s="274">
        <v>6085</v>
      </c>
      <c r="CM37" s="269">
        <v>0</v>
      </c>
      <c r="CN37" s="270">
        <v>0</v>
      </c>
      <c r="CO37" s="271">
        <v>0</v>
      </c>
      <c r="CP37" s="272">
        <v>0</v>
      </c>
      <c r="CQ37" s="270">
        <v>0</v>
      </c>
      <c r="CR37" s="270">
        <v>0</v>
      </c>
      <c r="CS37" s="270">
        <v>0</v>
      </c>
      <c r="CT37" s="270">
        <v>0</v>
      </c>
      <c r="CU37" s="270">
        <v>0</v>
      </c>
      <c r="CV37" s="273">
        <v>0</v>
      </c>
      <c r="CW37" s="274">
        <v>0</v>
      </c>
      <c r="CX37" s="269">
        <v>0</v>
      </c>
      <c r="CY37" s="270">
        <v>0</v>
      </c>
      <c r="CZ37" s="271">
        <v>0</v>
      </c>
      <c r="DA37" s="470">
        <v>0</v>
      </c>
      <c r="DB37" s="270">
        <v>0</v>
      </c>
      <c r="DC37" s="270">
        <v>0</v>
      </c>
      <c r="DD37" s="270">
        <v>0</v>
      </c>
      <c r="DE37" s="270">
        <v>0</v>
      </c>
      <c r="DF37" s="270">
        <v>0</v>
      </c>
      <c r="DG37" s="273">
        <v>0</v>
      </c>
      <c r="DH37" s="274">
        <v>0</v>
      </c>
      <c r="DI37" s="269">
        <v>0</v>
      </c>
      <c r="DJ37" s="270">
        <v>0</v>
      </c>
      <c r="DK37" s="271">
        <v>0</v>
      </c>
      <c r="DL37" s="272">
        <v>0</v>
      </c>
      <c r="DM37" s="270">
        <v>1012</v>
      </c>
      <c r="DN37" s="270">
        <v>1894</v>
      </c>
      <c r="DO37" s="270">
        <v>126046</v>
      </c>
      <c r="DP37" s="270">
        <v>306159</v>
      </c>
      <c r="DQ37" s="270">
        <v>140492</v>
      </c>
      <c r="DR37" s="273">
        <v>575603</v>
      </c>
      <c r="DS37" s="275">
        <v>575603</v>
      </c>
      <c r="DT37" s="269">
        <v>0</v>
      </c>
      <c r="DU37" s="270">
        <v>0</v>
      </c>
      <c r="DV37" s="271">
        <v>0</v>
      </c>
      <c r="DW37" s="470">
        <v>0</v>
      </c>
      <c r="DX37" s="270">
        <v>0</v>
      </c>
      <c r="DY37" s="270">
        <v>0</v>
      </c>
      <c r="DZ37" s="270">
        <v>101339</v>
      </c>
      <c r="EA37" s="270">
        <v>305029</v>
      </c>
      <c r="EB37" s="270">
        <v>140058</v>
      </c>
      <c r="EC37" s="273">
        <v>546426</v>
      </c>
      <c r="ED37" s="274">
        <v>546426</v>
      </c>
      <c r="EE37" s="269">
        <v>0</v>
      </c>
      <c r="EF37" s="270">
        <v>0</v>
      </c>
      <c r="EG37" s="271">
        <v>0</v>
      </c>
      <c r="EH37" s="470">
        <v>0</v>
      </c>
      <c r="EI37" s="270">
        <v>1012</v>
      </c>
      <c r="EJ37" s="270">
        <v>868</v>
      </c>
      <c r="EK37" s="270">
        <v>21923</v>
      </c>
      <c r="EL37" s="270">
        <v>434</v>
      </c>
      <c r="EM37" s="270">
        <v>217</v>
      </c>
      <c r="EN37" s="273">
        <v>24454</v>
      </c>
      <c r="EO37" s="274">
        <v>24454</v>
      </c>
      <c r="EP37" s="269">
        <v>0</v>
      </c>
      <c r="EQ37" s="270">
        <v>0</v>
      </c>
      <c r="ER37" s="271">
        <v>0</v>
      </c>
      <c r="ES37" s="470">
        <v>0</v>
      </c>
      <c r="ET37" s="270">
        <v>0</v>
      </c>
      <c r="EU37" s="270">
        <v>0</v>
      </c>
      <c r="EV37" s="270">
        <v>0</v>
      </c>
      <c r="EW37" s="270">
        <v>0</v>
      </c>
      <c r="EX37" s="270">
        <v>0</v>
      </c>
      <c r="EY37" s="273">
        <v>0</v>
      </c>
      <c r="EZ37" s="274">
        <v>0</v>
      </c>
      <c r="FA37" s="269">
        <v>0</v>
      </c>
      <c r="FB37" s="270">
        <v>0</v>
      </c>
      <c r="FC37" s="271">
        <v>0</v>
      </c>
      <c r="FD37" s="470">
        <v>0</v>
      </c>
      <c r="FE37" s="270">
        <v>0</v>
      </c>
      <c r="FF37" s="270">
        <v>0</v>
      </c>
      <c r="FG37" s="270">
        <v>0</v>
      </c>
      <c r="FH37" s="270">
        <v>0</v>
      </c>
      <c r="FI37" s="270">
        <v>217</v>
      </c>
      <c r="FJ37" s="273">
        <v>217</v>
      </c>
      <c r="FK37" s="274">
        <v>217</v>
      </c>
      <c r="FL37" s="269">
        <v>0</v>
      </c>
      <c r="FM37" s="270">
        <v>0</v>
      </c>
      <c r="FN37" s="271">
        <v>0</v>
      </c>
      <c r="FO37" s="470">
        <v>0</v>
      </c>
      <c r="FP37" s="270">
        <v>0</v>
      </c>
      <c r="FQ37" s="270">
        <v>0</v>
      </c>
      <c r="FR37" s="270">
        <v>0</v>
      </c>
      <c r="FS37" s="270">
        <v>0</v>
      </c>
      <c r="FT37" s="270">
        <v>0</v>
      </c>
      <c r="FU37" s="273">
        <v>0</v>
      </c>
      <c r="FV37" s="274">
        <v>0</v>
      </c>
      <c r="FW37" s="269">
        <v>0</v>
      </c>
      <c r="FX37" s="270">
        <v>0</v>
      </c>
      <c r="FY37" s="271">
        <v>0</v>
      </c>
      <c r="FZ37" s="272">
        <v>0</v>
      </c>
      <c r="GA37" s="270">
        <v>0</v>
      </c>
      <c r="GB37" s="270">
        <v>970</v>
      </c>
      <c r="GC37" s="270">
        <v>2784</v>
      </c>
      <c r="GD37" s="270">
        <v>696</v>
      </c>
      <c r="GE37" s="270">
        <v>0</v>
      </c>
      <c r="GF37" s="273">
        <v>4450</v>
      </c>
      <c r="GG37" s="274">
        <v>4450</v>
      </c>
      <c r="GH37" s="269">
        <v>0</v>
      </c>
      <c r="GI37" s="270">
        <v>0</v>
      </c>
      <c r="GJ37" s="271">
        <v>0</v>
      </c>
      <c r="GK37" s="272">
        <v>0</v>
      </c>
      <c r="GL37" s="270">
        <v>0</v>
      </c>
      <c r="GM37" s="270">
        <v>56</v>
      </c>
      <c r="GN37" s="270">
        <v>0</v>
      </c>
      <c r="GO37" s="270">
        <v>0</v>
      </c>
      <c r="GP37" s="270">
        <v>0</v>
      </c>
      <c r="GQ37" s="273">
        <v>56</v>
      </c>
      <c r="GR37" s="274">
        <v>56</v>
      </c>
      <c r="GS37" s="269">
        <v>0</v>
      </c>
      <c r="GT37" s="270">
        <v>0</v>
      </c>
      <c r="GU37" s="271">
        <v>0</v>
      </c>
      <c r="GV37" s="272">
        <v>0</v>
      </c>
      <c r="GW37" s="270">
        <v>0</v>
      </c>
      <c r="GX37" s="270">
        <v>0</v>
      </c>
      <c r="GY37" s="270">
        <v>0</v>
      </c>
      <c r="GZ37" s="270">
        <v>0</v>
      </c>
      <c r="HA37" s="270">
        <v>0</v>
      </c>
      <c r="HB37" s="273">
        <v>0</v>
      </c>
      <c r="HC37" s="274">
        <v>0</v>
      </c>
      <c r="HD37" s="269">
        <v>0</v>
      </c>
      <c r="HE37" s="270">
        <v>0</v>
      </c>
      <c r="HF37" s="271">
        <v>0</v>
      </c>
      <c r="HG37" s="470">
        <v>0</v>
      </c>
      <c r="HH37" s="270">
        <v>0</v>
      </c>
      <c r="HI37" s="270">
        <v>0</v>
      </c>
      <c r="HJ37" s="270">
        <v>0</v>
      </c>
      <c r="HK37" s="270">
        <v>0</v>
      </c>
      <c r="HL37" s="270">
        <v>0</v>
      </c>
      <c r="HM37" s="273">
        <v>0</v>
      </c>
      <c r="HN37" s="274">
        <v>0</v>
      </c>
      <c r="HO37" s="269">
        <v>0</v>
      </c>
      <c r="HP37" s="270">
        <v>0</v>
      </c>
      <c r="HQ37" s="271">
        <v>0</v>
      </c>
      <c r="HR37" s="272">
        <v>0</v>
      </c>
      <c r="HS37" s="270">
        <v>119932</v>
      </c>
      <c r="HT37" s="270">
        <v>62684</v>
      </c>
      <c r="HU37" s="270">
        <v>254211</v>
      </c>
      <c r="HV37" s="270">
        <v>583199</v>
      </c>
      <c r="HW37" s="270">
        <v>328507</v>
      </c>
      <c r="HX37" s="273">
        <v>1348533</v>
      </c>
      <c r="HY37" s="274">
        <v>1348533</v>
      </c>
    </row>
    <row r="38" spans="2:233" ht="21" customHeight="1" x14ac:dyDescent="0.2">
      <c r="B38" s="437" t="s">
        <v>35</v>
      </c>
      <c r="C38" s="269">
        <v>1885</v>
      </c>
      <c r="D38" s="270">
        <v>0</v>
      </c>
      <c r="E38" s="271">
        <v>1885</v>
      </c>
      <c r="F38" s="272">
        <v>0</v>
      </c>
      <c r="G38" s="270">
        <v>226706</v>
      </c>
      <c r="H38" s="270">
        <v>213109</v>
      </c>
      <c r="I38" s="270">
        <v>718415</v>
      </c>
      <c r="J38" s="270">
        <v>583371</v>
      </c>
      <c r="K38" s="270">
        <v>373330</v>
      </c>
      <c r="L38" s="273">
        <v>2114931</v>
      </c>
      <c r="M38" s="274">
        <v>2116816</v>
      </c>
      <c r="N38" s="269">
        <v>0</v>
      </c>
      <c r="O38" s="270">
        <v>0</v>
      </c>
      <c r="P38" s="271">
        <v>0</v>
      </c>
      <c r="Q38" s="470">
        <v>0</v>
      </c>
      <c r="R38" s="270">
        <v>2635</v>
      </c>
      <c r="S38" s="270">
        <v>24645</v>
      </c>
      <c r="T38" s="270">
        <v>294190</v>
      </c>
      <c r="U38" s="270">
        <v>348345</v>
      </c>
      <c r="V38" s="270">
        <v>238075</v>
      </c>
      <c r="W38" s="273">
        <v>907890</v>
      </c>
      <c r="X38" s="274">
        <v>907890</v>
      </c>
      <c r="Y38" s="269">
        <v>0</v>
      </c>
      <c r="Z38" s="270">
        <v>0</v>
      </c>
      <c r="AA38" s="271">
        <v>0</v>
      </c>
      <c r="AB38" s="470">
        <v>0</v>
      </c>
      <c r="AC38" s="270">
        <v>166005</v>
      </c>
      <c r="AD38" s="270">
        <v>185280</v>
      </c>
      <c r="AE38" s="270">
        <v>248000</v>
      </c>
      <c r="AF38" s="270">
        <v>68045</v>
      </c>
      <c r="AG38" s="270">
        <v>27280</v>
      </c>
      <c r="AH38" s="273">
        <v>694610</v>
      </c>
      <c r="AI38" s="274">
        <v>694610</v>
      </c>
      <c r="AJ38" s="269">
        <v>0</v>
      </c>
      <c r="AK38" s="270">
        <v>0</v>
      </c>
      <c r="AL38" s="271">
        <v>0</v>
      </c>
      <c r="AM38" s="470">
        <v>0</v>
      </c>
      <c r="AN38" s="270">
        <v>0</v>
      </c>
      <c r="AO38" s="270">
        <v>0</v>
      </c>
      <c r="AP38" s="270">
        <v>0</v>
      </c>
      <c r="AQ38" s="270">
        <v>0</v>
      </c>
      <c r="AR38" s="270">
        <v>0</v>
      </c>
      <c r="AS38" s="273">
        <v>0</v>
      </c>
      <c r="AT38" s="274">
        <v>0</v>
      </c>
      <c r="AU38" s="269">
        <v>0</v>
      </c>
      <c r="AV38" s="270">
        <v>0</v>
      </c>
      <c r="AW38" s="271">
        <v>0</v>
      </c>
      <c r="AX38" s="470">
        <v>0</v>
      </c>
      <c r="AY38" s="270">
        <v>32705</v>
      </c>
      <c r="AZ38" s="270">
        <v>0</v>
      </c>
      <c r="BA38" s="270">
        <v>141980</v>
      </c>
      <c r="BB38" s="270">
        <v>133765</v>
      </c>
      <c r="BC38" s="270">
        <v>107975</v>
      </c>
      <c r="BD38" s="273">
        <v>416425</v>
      </c>
      <c r="BE38" s="274">
        <v>416425</v>
      </c>
      <c r="BF38" s="269">
        <v>0</v>
      </c>
      <c r="BG38" s="270">
        <v>0</v>
      </c>
      <c r="BH38" s="271">
        <v>0</v>
      </c>
      <c r="BI38" s="470">
        <v>0</v>
      </c>
      <c r="BJ38" s="270">
        <v>0</v>
      </c>
      <c r="BK38" s="270">
        <v>0</v>
      </c>
      <c r="BL38" s="270">
        <v>0</v>
      </c>
      <c r="BM38" s="270">
        <v>0</v>
      </c>
      <c r="BN38" s="270">
        <v>0</v>
      </c>
      <c r="BO38" s="273">
        <v>0</v>
      </c>
      <c r="BP38" s="274">
        <v>0</v>
      </c>
      <c r="BQ38" s="269">
        <v>1885</v>
      </c>
      <c r="BR38" s="270">
        <v>0</v>
      </c>
      <c r="BS38" s="271">
        <v>1885</v>
      </c>
      <c r="BT38" s="272">
        <v>0</v>
      </c>
      <c r="BU38" s="270">
        <v>25361</v>
      </c>
      <c r="BV38" s="270">
        <v>3184</v>
      </c>
      <c r="BW38" s="270">
        <v>32995</v>
      </c>
      <c r="BX38" s="270">
        <v>33216</v>
      </c>
      <c r="BY38" s="270">
        <v>0</v>
      </c>
      <c r="BZ38" s="273">
        <v>94756</v>
      </c>
      <c r="CA38" s="274">
        <v>96641</v>
      </c>
      <c r="CB38" s="269">
        <v>0</v>
      </c>
      <c r="CC38" s="270">
        <v>0</v>
      </c>
      <c r="CD38" s="271">
        <v>0</v>
      </c>
      <c r="CE38" s="272">
        <v>0</v>
      </c>
      <c r="CF38" s="270">
        <v>0</v>
      </c>
      <c r="CG38" s="270">
        <v>0</v>
      </c>
      <c r="CH38" s="270">
        <v>1250</v>
      </c>
      <c r="CI38" s="270">
        <v>0</v>
      </c>
      <c r="CJ38" s="270">
        <v>0</v>
      </c>
      <c r="CK38" s="273">
        <v>1250</v>
      </c>
      <c r="CL38" s="274">
        <v>1250</v>
      </c>
      <c r="CM38" s="269">
        <v>0</v>
      </c>
      <c r="CN38" s="270">
        <v>0</v>
      </c>
      <c r="CO38" s="271">
        <v>0</v>
      </c>
      <c r="CP38" s="272">
        <v>0</v>
      </c>
      <c r="CQ38" s="270">
        <v>0</v>
      </c>
      <c r="CR38" s="270">
        <v>0</v>
      </c>
      <c r="CS38" s="270">
        <v>0</v>
      </c>
      <c r="CT38" s="270">
        <v>0</v>
      </c>
      <c r="CU38" s="270">
        <v>0</v>
      </c>
      <c r="CV38" s="273">
        <v>0</v>
      </c>
      <c r="CW38" s="274">
        <v>0</v>
      </c>
      <c r="CX38" s="269">
        <v>0</v>
      </c>
      <c r="CY38" s="270">
        <v>0</v>
      </c>
      <c r="CZ38" s="271">
        <v>0</v>
      </c>
      <c r="DA38" s="470">
        <v>0</v>
      </c>
      <c r="DB38" s="270">
        <v>0</v>
      </c>
      <c r="DC38" s="270">
        <v>0</v>
      </c>
      <c r="DD38" s="270">
        <v>0</v>
      </c>
      <c r="DE38" s="270">
        <v>0</v>
      </c>
      <c r="DF38" s="270">
        <v>0</v>
      </c>
      <c r="DG38" s="273">
        <v>0</v>
      </c>
      <c r="DH38" s="274">
        <v>0</v>
      </c>
      <c r="DI38" s="269">
        <v>1410</v>
      </c>
      <c r="DJ38" s="270">
        <v>0</v>
      </c>
      <c r="DK38" s="271">
        <v>1410</v>
      </c>
      <c r="DL38" s="272">
        <v>0</v>
      </c>
      <c r="DM38" s="270">
        <v>68118</v>
      </c>
      <c r="DN38" s="270">
        <v>51447</v>
      </c>
      <c r="DO38" s="270">
        <v>402123</v>
      </c>
      <c r="DP38" s="270">
        <v>491113</v>
      </c>
      <c r="DQ38" s="270">
        <v>322145</v>
      </c>
      <c r="DR38" s="273">
        <v>1334946</v>
      </c>
      <c r="DS38" s="275">
        <v>1336356</v>
      </c>
      <c r="DT38" s="269">
        <v>0</v>
      </c>
      <c r="DU38" s="270">
        <v>0</v>
      </c>
      <c r="DV38" s="271">
        <v>0</v>
      </c>
      <c r="DW38" s="470">
        <v>0</v>
      </c>
      <c r="DX38" s="270">
        <v>15035</v>
      </c>
      <c r="DY38" s="270">
        <v>21576</v>
      </c>
      <c r="DZ38" s="270">
        <v>287299</v>
      </c>
      <c r="EA38" s="270">
        <v>428858</v>
      </c>
      <c r="EB38" s="270">
        <v>286810</v>
      </c>
      <c r="EC38" s="273">
        <v>1039578</v>
      </c>
      <c r="ED38" s="274">
        <v>1039578</v>
      </c>
      <c r="EE38" s="269">
        <v>0</v>
      </c>
      <c r="EF38" s="270">
        <v>0</v>
      </c>
      <c r="EG38" s="271">
        <v>0</v>
      </c>
      <c r="EH38" s="470">
        <v>0</v>
      </c>
      <c r="EI38" s="270">
        <v>23281</v>
      </c>
      <c r="EJ38" s="270">
        <v>24373</v>
      </c>
      <c r="EK38" s="270">
        <v>2738</v>
      </c>
      <c r="EL38" s="270">
        <v>651</v>
      </c>
      <c r="EM38" s="270">
        <v>434</v>
      </c>
      <c r="EN38" s="273">
        <v>51477</v>
      </c>
      <c r="EO38" s="274">
        <v>51477</v>
      </c>
      <c r="EP38" s="269">
        <v>0</v>
      </c>
      <c r="EQ38" s="270">
        <v>0</v>
      </c>
      <c r="ER38" s="271">
        <v>0</v>
      </c>
      <c r="ES38" s="470">
        <v>0</v>
      </c>
      <c r="ET38" s="270">
        <v>0</v>
      </c>
      <c r="EU38" s="270">
        <v>0</v>
      </c>
      <c r="EV38" s="270">
        <v>0</v>
      </c>
      <c r="EW38" s="270">
        <v>0</v>
      </c>
      <c r="EX38" s="270">
        <v>0</v>
      </c>
      <c r="EY38" s="273">
        <v>0</v>
      </c>
      <c r="EZ38" s="274">
        <v>0</v>
      </c>
      <c r="FA38" s="269">
        <v>0</v>
      </c>
      <c r="FB38" s="270">
        <v>0</v>
      </c>
      <c r="FC38" s="271">
        <v>0</v>
      </c>
      <c r="FD38" s="470">
        <v>0</v>
      </c>
      <c r="FE38" s="270">
        <v>217</v>
      </c>
      <c r="FF38" s="270">
        <v>0</v>
      </c>
      <c r="FG38" s="270">
        <v>46748</v>
      </c>
      <c r="FH38" s="270">
        <v>35495</v>
      </c>
      <c r="FI38" s="270">
        <v>34901</v>
      </c>
      <c r="FJ38" s="273">
        <v>117361</v>
      </c>
      <c r="FK38" s="274">
        <v>117361</v>
      </c>
      <c r="FL38" s="269">
        <v>0</v>
      </c>
      <c r="FM38" s="270">
        <v>0</v>
      </c>
      <c r="FN38" s="271">
        <v>0</v>
      </c>
      <c r="FO38" s="470">
        <v>0</v>
      </c>
      <c r="FP38" s="270">
        <v>0</v>
      </c>
      <c r="FQ38" s="270">
        <v>0</v>
      </c>
      <c r="FR38" s="270">
        <v>0</v>
      </c>
      <c r="FS38" s="270">
        <v>0</v>
      </c>
      <c r="FT38" s="270">
        <v>0</v>
      </c>
      <c r="FU38" s="273">
        <v>0</v>
      </c>
      <c r="FV38" s="274">
        <v>0</v>
      </c>
      <c r="FW38" s="269">
        <v>1410</v>
      </c>
      <c r="FX38" s="270">
        <v>0</v>
      </c>
      <c r="FY38" s="271">
        <v>1410</v>
      </c>
      <c r="FZ38" s="272">
        <v>0</v>
      </c>
      <c r="GA38" s="270">
        <v>29585</v>
      </c>
      <c r="GB38" s="270">
        <v>5498</v>
      </c>
      <c r="GC38" s="270">
        <v>65310</v>
      </c>
      <c r="GD38" s="270">
        <v>26109</v>
      </c>
      <c r="GE38" s="270">
        <v>0</v>
      </c>
      <c r="GF38" s="273">
        <v>126502</v>
      </c>
      <c r="GG38" s="274">
        <v>127912</v>
      </c>
      <c r="GH38" s="269">
        <v>0</v>
      </c>
      <c r="GI38" s="270">
        <v>0</v>
      </c>
      <c r="GJ38" s="271">
        <v>0</v>
      </c>
      <c r="GK38" s="272">
        <v>0</v>
      </c>
      <c r="GL38" s="270">
        <v>0</v>
      </c>
      <c r="GM38" s="270">
        <v>0</v>
      </c>
      <c r="GN38" s="270">
        <v>28</v>
      </c>
      <c r="GO38" s="270">
        <v>0</v>
      </c>
      <c r="GP38" s="270">
        <v>0</v>
      </c>
      <c r="GQ38" s="273">
        <v>28</v>
      </c>
      <c r="GR38" s="274">
        <v>28</v>
      </c>
      <c r="GS38" s="269">
        <v>0</v>
      </c>
      <c r="GT38" s="270">
        <v>0</v>
      </c>
      <c r="GU38" s="271">
        <v>0</v>
      </c>
      <c r="GV38" s="272">
        <v>0</v>
      </c>
      <c r="GW38" s="270">
        <v>0</v>
      </c>
      <c r="GX38" s="270">
        <v>0</v>
      </c>
      <c r="GY38" s="270">
        <v>0</v>
      </c>
      <c r="GZ38" s="270">
        <v>0</v>
      </c>
      <c r="HA38" s="270">
        <v>0</v>
      </c>
      <c r="HB38" s="273">
        <v>0</v>
      </c>
      <c r="HC38" s="274">
        <v>0</v>
      </c>
      <c r="HD38" s="269">
        <v>0</v>
      </c>
      <c r="HE38" s="270">
        <v>0</v>
      </c>
      <c r="HF38" s="271">
        <v>0</v>
      </c>
      <c r="HG38" s="470">
        <v>0</v>
      </c>
      <c r="HH38" s="270">
        <v>0</v>
      </c>
      <c r="HI38" s="270">
        <v>0</v>
      </c>
      <c r="HJ38" s="270">
        <v>0</v>
      </c>
      <c r="HK38" s="270">
        <v>0</v>
      </c>
      <c r="HL38" s="270">
        <v>0</v>
      </c>
      <c r="HM38" s="273">
        <v>0</v>
      </c>
      <c r="HN38" s="274">
        <v>0</v>
      </c>
      <c r="HO38" s="269">
        <v>3295</v>
      </c>
      <c r="HP38" s="270">
        <v>0</v>
      </c>
      <c r="HQ38" s="271">
        <v>3295</v>
      </c>
      <c r="HR38" s="272">
        <v>0</v>
      </c>
      <c r="HS38" s="270">
        <v>294824</v>
      </c>
      <c r="HT38" s="270">
        <v>264556</v>
      </c>
      <c r="HU38" s="270">
        <v>1120538</v>
      </c>
      <c r="HV38" s="270">
        <v>1074484</v>
      </c>
      <c r="HW38" s="270">
        <v>695475</v>
      </c>
      <c r="HX38" s="273">
        <v>3449877</v>
      </c>
      <c r="HY38" s="274">
        <v>3453172</v>
      </c>
    </row>
    <row r="39" spans="2:233" ht="21" customHeight="1" x14ac:dyDescent="0.2">
      <c r="B39" s="437" t="s">
        <v>36</v>
      </c>
      <c r="C39" s="269">
        <v>0</v>
      </c>
      <c r="D39" s="270">
        <v>0</v>
      </c>
      <c r="E39" s="271">
        <v>0</v>
      </c>
      <c r="F39" s="272">
        <v>0</v>
      </c>
      <c r="G39" s="270">
        <v>130765</v>
      </c>
      <c r="H39" s="270">
        <v>175441</v>
      </c>
      <c r="I39" s="270">
        <v>861845</v>
      </c>
      <c r="J39" s="270">
        <v>1002100</v>
      </c>
      <c r="K39" s="270">
        <v>653321</v>
      </c>
      <c r="L39" s="273">
        <v>2823472</v>
      </c>
      <c r="M39" s="274">
        <v>2823472</v>
      </c>
      <c r="N39" s="269">
        <v>0</v>
      </c>
      <c r="O39" s="270">
        <v>0</v>
      </c>
      <c r="P39" s="271">
        <v>0</v>
      </c>
      <c r="Q39" s="470">
        <v>0</v>
      </c>
      <c r="R39" s="270">
        <v>0</v>
      </c>
      <c r="S39" s="270">
        <v>32705</v>
      </c>
      <c r="T39" s="270">
        <v>527970</v>
      </c>
      <c r="U39" s="270">
        <v>709465</v>
      </c>
      <c r="V39" s="270">
        <v>384780</v>
      </c>
      <c r="W39" s="273">
        <v>1654920</v>
      </c>
      <c r="X39" s="274">
        <v>1654920</v>
      </c>
      <c r="Y39" s="269">
        <v>0</v>
      </c>
      <c r="Z39" s="270">
        <v>0</v>
      </c>
      <c r="AA39" s="271">
        <v>0</v>
      </c>
      <c r="AB39" s="470">
        <v>0</v>
      </c>
      <c r="AC39" s="270">
        <v>114980</v>
      </c>
      <c r="AD39" s="270">
        <v>85835</v>
      </c>
      <c r="AE39" s="270">
        <v>318060</v>
      </c>
      <c r="AF39" s="270">
        <v>160697</v>
      </c>
      <c r="AG39" s="270">
        <v>201810</v>
      </c>
      <c r="AH39" s="273">
        <v>881382</v>
      </c>
      <c r="AI39" s="274">
        <v>881382</v>
      </c>
      <c r="AJ39" s="269">
        <v>0</v>
      </c>
      <c r="AK39" s="270">
        <v>0</v>
      </c>
      <c r="AL39" s="271">
        <v>0</v>
      </c>
      <c r="AM39" s="470">
        <v>0</v>
      </c>
      <c r="AN39" s="270">
        <v>0</v>
      </c>
      <c r="AO39" s="270">
        <v>0</v>
      </c>
      <c r="AP39" s="270">
        <v>0</v>
      </c>
      <c r="AQ39" s="270">
        <v>2635</v>
      </c>
      <c r="AR39" s="270">
        <v>2635</v>
      </c>
      <c r="AS39" s="273">
        <v>5270</v>
      </c>
      <c r="AT39" s="274">
        <v>5270</v>
      </c>
      <c r="AU39" s="269">
        <v>0</v>
      </c>
      <c r="AV39" s="270">
        <v>0</v>
      </c>
      <c r="AW39" s="271">
        <v>0</v>
      </c>
      <c r="AX39" s="470">
        <v>0</v>
      </c>
      <c r="AY39" s="270">
        <v>0</v>
      </c>
      <c r="AZ39" s="270">
        <v>0</v>
      </c>
      <c r="BA39" s="270">
        <v>0</v>
      </c>
      <c r="BB39" s="270">
        <v>122760</v>
      </c>
      <c r="BC39" s="270">
        <v>2635</v>
      </c>
      <c r="BD39" s="273">
        <v>125395</v>
      </c>
      <c r="BE39" s="274">
        <v>125395</v>
      </c>
      <c r="BF39" s="269">
        <v>0</v>
      </c>
      <c r="BG39" s="270">
        <v>0</v>
      </c>
      <c r="BH39" s="271">
        <v>0</v>
      </c>
      <c r="BI39" s="470">
        <v>0</v>
      </c>
      <c r="BJ39" s="270">
        <v>0</v>
      </c>
      <c r="BK39" s="270">
        <v>0</v>
      </c>
      <c r="BL39" s="270">
        <v>0</v>
      </c>
      <c r="BM39" s="270">
        <v>0</v>
      </c>
      <c r="BN39" s="270">
        <v>0</v>
      </c>
      <c r="BO39" s="273">
        <v>0</v>
      </c>
      <c r="BP39" s="274">
        <v>0</v>
      </c>
      <c r="BQ39" s="269">
        <v>0</v>
      </c>
      <c r="BR39" s="270">
        <v>0</v>
      </c>
      <c r="BS39" s="271">
        <v>0</v>
      </c>
      <c r="BT39" s="272">
        <v>0</v>
      </c>
      <c r="BU39" s="270">
        <v>13250</v>
      </c>
      <c r="BV39" s="270">
        <v>56901</v>
      </c>
      <c r="BW39" s="270">
        <v>15815</v>
      </c>
      <c r="BX39" s="270">
        <v>6543</v>
      </c>
      <c r="BY39" s="270">
        <v>61461</v>
      </c>
      <c r="BZ39" s="273">
        <v>153970</v>
      </c>
      <c r="CA39" s="274">
        <v>153970</v>
      </c>
      <c r="CB39" s="269">
        <v>0</v>
      </c>
      <c r="CC39" s="270">
        <v>0</v>
      </c>
      <c r="CD39" s="271">
        <v>0</v>
      </c>
      <c r="CE39" s="272">
        <v>0</v>
      </c>
      <c r="CF39" s="270">
        <v>2535</v>
      </c>
      <c r="CG39" s="270">
        <v>0</v>
      </c>
      <c r="CH39" s="270">
        <v>0</v>
      </c>
      <c r="CI39" s="270">
        <v>0</v>
      </c>
      <c r="CJ39" s="270">
        <v>0</v>
      </c>
      <c r="CK39" s="273">
        <v>2535</v>
      </c>
      <c r="CL39" s="274">
        <v>2535</v>
      </c>
      <c r="CM39" s="269">
        <v>0</v>
      </c>
      <c r="CN39" s="270">
        <v>0</v>
      </c>
      <c r="CO39" s="271">
        <v>0</v>
      </c>
      <c r="CP39" s="272">
        <v>0</v>
      </c>
      <c r="CQ39" s="270">
        <v>0</v>
      </c>
      <c r="CR39" s="270">
        <v>0</v>
      </c>
      <c r="CS39" s="270">
        <v>0</v>
      </c>
      <c r="CT39" s="270">
        <v>0</v>
      </c>
      <c r="CU39" s="270">
        <v>0</v>
      </c>
      <c r="CV39" s="273">
        <v>0</v>
      </c>
      <c r="CW39" s="274">
        <v>0</v>
      </c>
      <c r="CX39" s="269">
        <v>0</v>
      </c>
      <c r="CY39" s="270">
        <v>0</v>
      </c>
      <c r="CZ39" s="271">
        <v>0</v>
      </c>
      <c r="DA39" s="470">
        <v>0</v>
      </c>
      <c r="DB39" s="270">
        <v>0</v>
      </c>
      <c r="DC39" s="270">
        <v>0</v>
      </c>
      <c r="DD39" s="270">
        <v>0</v>
      </c>
      <c r="DE39" s="270">
        <v>0</v>
      </c>
      <c r="DF39" s="270">
        <v>0</v>
      </c>
      <c r="DG39" s="273">
        <v>0</v>
      </c>
      <c r="DH39" s="274">
        <v>0</v>
      </c>
      <c r="DI39" s="269">
        <v>0</v>
      </c>
      <c r="DJ39" s="270">
        <v>0</v>
      </c>
      <c r="DK39" s="271">
        <v>0</v>
      </c>
      <c r="DL39" s="272">
        <v>0</v>
      </c>
      <c r="DM39" s="270">
        <v>10690</v>
      </c>
      <c r="DN39" s="270">
        <v>96560</v>
      </c>
      <c r="DO39" s="270">
        <v>682682</v>
      </c>
      <c r="DP39" s="270">
        <v>914839</v>
      </c>
      <c r="DQ39" s="270">
        <v>748561</v>
      </c>
      <c r="DR39" s="273">
        <v>2453332</v>
      </c>
      <c r="DS39" s="275">
        <v>2453332</v>
      </c>
      <c r="DT39" s="269">
        <v>0</v>
      </c>
      <c r="DU39" s="270">
        <v>0</v>
      </c>
      <c r="DV39" s="271">
        <v>0</v>
      </c>
      <c r="DW39" s="470">
        <v>0</v>
      </c>
      <c r="DX39" s="270">
        <v>0</v>
      </c>
      <c r="DY39" s="270">
        <v>15035</v>
      </c>
      <c r="DZ39" s="270">
        <v>634396</v>
      </c>
      <c r="EA39" s="270">
        <v>859968</v>
      </c>
      <c r="EB39" s="270">
        <v>674779</v>
      </c>
      <c r="EC39" s="273">
        <v>2184178</v>
      </c>
      <c r="ED39" s="274">
        <v>2184178</v>
      </c>
      <c r="EE39" s="269">
        <v>0</v>
      </c>
      <c r="EF39" s="270">
        <v>0</v>
      </c>
      <c r="EG39" s="271">
        <v>0</v>
      </c>
      <c r="EH39" s="470">
        <v>0</v>
      </c>
      <c r="EI39" s="270">
        <v>1799</v>
      </c>
      <c r="EJ39" s="270">
        <v>1631</v>
      </c>
      <c r="EK39" s="270">
        <v>15810</v>
      </c>
      <c r="EL39" s="270">
        <v>23995</v>
      </c>
      <c r="EM39" s="270">
        <v>2604</v>
      </c>
      <c r="EN39" s="273">
        <v>45839</v>
      </c>
      <c r="EO39" s="274">
        <v>45839</v>
      </c>
      <c r="EP39" s="269">
        <v>0</v>
      </c>
      <c r="EQ39" s="270">
        <v>0</v>
      </c>
      <c r="ER39" s="271">
        <v>0</v>
      </c>
      <c r="ES39" s="470">
        <v>0</v>
      </c>
      <c r="ET39" s="270">
        <v>0</v>
      </c>
      <c r="EU39" s="270">
        <v>0</v>
      </c>
      <c r="EV39" s="270">
        <v>0</v>
      </c>
      <c r="EW39" s="270">
        <v>0</v>
      </c>
      <c r="EX39" s="270">
        <v>0</v>
      </c>
      <c r="EY39" s="273">
        <v>0</v>
      </c>
      <c r="EZ39" s="274">
        <v>0</v>
      </c>
      <c r="FA39" s="269">
        <v>0</v>
      </c>
      <c r="FB39" s="270">
        <v>0</v>
      </c>
      <c r="FC39" s="271">
        <v>0</v>
      </c>
      <c r="FD39" s="470">
        <v>0</v>
      </c>
      <c r="FE39" s="270">
        <v>0</v>
      </c>
      <c r="FF39" s="270">
        <v>0</v>
      </c>
      <c r="FG39" s="270">
        <v>0</v>
      </c>
      <c r="FH39" s="270">
        <v>12772</v>
      </c>
      <c r="FI39" s="270">
        <v>217</v>
      </c>
      <c r="FJ39" s="273">
        <v>12989</v>
      </c>
      <c r="FK39" s="274">
        <v>12989</v>
      </c>
      <c r="FL39" s="269">
        <v>0</v>
      </c>
      <c r="FM39" s="270">
        <v>0</v>
      </c>
      <c r="FN39" s="271">
        <v>0</v>
      </c>
      <c r="FO39" s="470">
        <v>0</v>
      </c>
      <c r="FP39" s="270">
        <v>0</v>
      </c>
      <c r="FQ39" s="270">
        <v>0</v>
      </c>
      <c r="FR39" s="270">
        <v>0</v>
      </c>
      <c r="FS39" s="270">
        <v>0</v>
      </c>
      <c r="FT39" s="270">
        <v>0</v>
      </c>
      <c r="FU39" s="273">
        <v>0</v>
      </c>
      <c r="FV39" s="274">
        <v>0</v>
      </c>
      <c r="FW39" s="269">
        <v>0</v>
      </c>
      <c r="FX39" s="270">
        <v>0</v>
      </c>
      <c r="FY39" s="271">
        <v>0</v>
      </c>
      <c r="FZ39" s="272">
        <v>0</v>
      </c>
      <c r="GA39" s="270">
        <v>8870</v>
      </c>
      <c r="GB39" s="270">
        <v>79894</v>
      </c>
      <c r="GC39" s="270">
        <v>32476</v>
      </c>
      <c r="GD39" s="270">
        <v>18104</v>
      </c>
      <c r="GE39" s="270">
        <v>70961</v>
      </c>
      <c r="GF39" s="273">
        <v>210305</v>
      </c>
      <c r="GG39" s="274">
        <v>210305</v>
      </c>
      <c r="GH39" s="269">
        <v>0</v>
      </c>
      <c r="GI39" s="270">
        <v>0</v>
      </c>
      <c r="GJ39" s="271">
        <v>0</v>
      </c>
      <c r="GK39" s="272">
        <v>0</v>
      </c>
      <c r="GL39" s="270">
        <v>21</v>
      </c>
      <c r="GM39" s="270">
        <v>0</v>
      </c>
      <c r="GN39" s="270">
        <v>0</v>
      </c>
      <c r="GO39" s="270">
        <v>0</v>
      </c>
      <c r="GP39" s="270">
        <v>0</v>
      </c>
      <c r="GQ39" s="273">
        <v>21</v>
      </c>
      <c r="GR39" s="274">
        <v>21</v>
      </c>
      <c r="GS39" s="269">
        <v>0</v>
      </c>
      <c r="GT39" s="270">
        <v>0</v>
      </c>
      <c r="GU39" s="271">
        <v>0</v>
      </c>
      <c r="GV39" s="272">
        <v>0</v>
      </c>
      <c r="GW39" s="270">
        <v>0</v>
      </c>
      <c r="GX39" s="270">
        <v>0</v>
      </c>
      <c r="GY39" s="270">
        <v>0</v>
      </c>
      <c r="GZ39" s="270">
        <v>0</v>
      </c>
      <c r="HA39" s="270">
        <v>0</v>
      </c>
      <c r="HB39" s="273">
        <v>0</v>
      </c>
      <c r="HC39" s="274">
        <v>0</v>
      </c>
      <c r="HD39" s="269">
        <v>0</v>
      </c>
      <c r="HE39" s="270">
        <v>0</v>
      </c>
      <c r="HF39" s="271">
        <v>0</v>
      </c>
      <c r="HG39" s="470">
        <v>0</v>
      </c>
      <c r="HH39" s="270">
        <v>0</v>
      </c>
      <c r="HI39" s="270">
        <v>0</v>
      </c>
      <c r="HJ39" s="270">
        <v>0</v>
      </c>
      <c r="HK39" s="270">
        <v>0</v>
      </c>
      <c r="HL39" s="270">
        <v>0</v>
      </c>
      <c r="HM39" s="273">
        <v>0</v>
      </c>
      <c r="HN39" s="274">
        <v>0</v>
      </c>
      <c r="HO39" s="269">
        <v>0</v>
      </c>
      <c r="HP39" s="270">
        <v>0</v>
      </c>
      <c r="HQ39" s="271">
        <v>0</v>
      </c>
      <c r="HR39" s="272">
        <v>0</v>
      </c>
      <c r="HS39" s="270">
        <v>141455</v>
      </c>
      <c r="HT39" s="270">
        <v>272001</v>
      </c>
      <c r="HU39" s="270">
        <v>1544527</v>
      </c>
      <c r="HV39" s="270">
        <v>1916939</v>
      </c>
      <c r="HW39" s="270">
        <v>1401882</v>
      </c>
      <c r="HX39" s="273">
        <v>5276804</v>
      </c>
      <c r="HY39" s="274">
        <v>5276804</v>
      </c>
    </row>
    <row r="40" spans="2:233" ht="21" customHeight="1" thickBot="1" x14ac:dyDescent="0.25">
      <c r="B40" s="438" t="s">
        <v>37</v>
      </c>
      <c r="C40" s="276">
        <v>0</v>
      </c>
      <c r="D40" s="277">
        <v>0</v>
      </c>
      <c r="E40" s="278">
        <v>0</v>
      </c>
      <c r="F40" s="279">
        <v>0</v>
      </c>
      <c r="G40" s="277">
        <v>0</v>
      </c>
      <c r="H40" s="277">
        <v>57350</v>
      </c>
      <c r="I40" s="277">
        <v>112890</v>
      </c>
      <c r="J40" s="277">
        <v>65255</v>
      </c>
      <c r="K40" s="277">
        <v>65255</v>
      </c>
      <c r="L40" s="280">
        <v>300750</v>
      </c>
      <c r="M40" s="281">
        <v>300750</v>
      </c>
      <c r="N40" s="276">
        <v>0</v>
      </c>
      <c r="O40" s="277">
        <v>0</v>
      </c>
      <c r="P40" s="278">
        <v>0</v>
      </c>
      <c r="Q40" s="471">
        <v>0</v>
      </c>
      <c r="R40" s="277">
        <v>0</v>
      </c>
      <c r="S40" s="277">
        <v>0</v>
      </c>
      <c r="T40" s="277">
        <v>37975</v>
      </c>
      <c r="U40" s="277">
        <v>32550</v>
      </c>
      <c r="V40" s="277">
        <v>40610</v>
      </c>
      <c r="W40" s="280">
        <v>111135</v>
      </c>
      <c r="X40" s="281">
        <v>111135</v>
      </c>
      <c r="Y40" s="276">
        <v>0</v>
      </c>
      <c r="Z40" s="277">
        <v>0</v>
      </c>
      <c r="AA40" s="278">
        <v>0</v>
      </c>
      <c r="AB40" s="471">
        <v>0</v>
      </c>
      <c r="AC40" s="277">
        <v>0</v>
      </c>
      <c r="AD40" s="277">
        <v>57350</v>
      </c>
      <c r="AE40" s="277">
        <v>68045</v>
      </c>
      <c r="AF40" s="277">
        <v>32705</v>
      </c>
      <c r="AG40" s="277">
        <v>24645</v>
      </c>
      <c r="AH40" s="280">
        <v>182745</v>
      </c>
      <c r="AI40" s="281">
        <v>182745</v>
      </c>
      <c r="AJ40" s="276">
        <v>0</v>
      </c>
      <c r="AK40" s="277">
        <v>0</v>
      </c>
      <c r="AL40" s="278">
        <v>0</v>
      </c>
      <c r="AM40" s="471">
        <v>0</v>
      </c>
      <c r="AN40" s="277">
        <v>0</v>
      </c>
      <c r="AO40" s="277">
        <v>0</v>
      </c>
      <c r="AP40" s="277">
        <v>0</v>
      </c>
      <c r="AQ40" s="277">
        <v>0</v>
      </c>
      <c r="AR40" s="277">
        <v>0</v>
      </c>
      <c r="AS40" s="280">
        <v>0</v>
      </c>
      <c r="AT40" s="281">
        <v>0</v>
      </c>
      <c r="AU40" s="276">
        <v>0</v>
      </c>
      <c r="AV40" s="277">
        <v>0</v>
      </c>
      <c r="AW40" s="278">
        <v>0</v>
      </c>
      <c r="AX40" s="471">
        <v>0</v>
      </c>
      <c r="AY40" s="277">
        <v>0</v>
      </c>
      <c r="AZ40" s="277">
        <v>0</v>
      </c>
      <c r="BA40" s="277">
        <v>0</v>
      </c>
      <c r="BB40" s="277">
        <v>0</v>
      </c>
      <c r="BC40" s="277">
        <v>0</v>
      </c>
      <c r="BD40" s="280">
        <v>0</v>
      </c>
      <c r="BE40" s="281">
        <v>0</v>
      </c>
      <c r="BF40" s="276">
        <v>0</v>
      </c>
      <c r="BG40" s="277">
        <v>0</v>
      </c>
      <c r="BH40" s="278">
        <v>0</v>
      </c>
      <c r="BI40" s="471">
        <v>0</v>
      </c>
      <c r="BJ40" s="277">
        <v>0</v>
      </c>
      <c r="BK40" s="277">
        <v>0</v>
      </c>
      <c r="BL40" s="277">
        <v>0</v>
      </c>
      <c r="BM40" s="277">
        <v>0</v>
      </c>
      <c r="BN40" s="277">
        <v>0</v>
      </c>
      <c r="BO40" s="280">
        <v>0</v>
      </c>
      <c r="BP40" s="281">
        <v>0</v>
      </c>
      <c r="BQ40" s="276">
        <v>0</v>
      </c>
      <c r="BR40" s="277">
        <v>0</v>
      </c>
      <c r="BS40" s="278">
        <v>0</v>
      </c>
      <c r="BT40" s="279">
        <v>0</v>
      </c>
      <c r="BU40" s="277">
        <v>0</v>
      </c>
      <c r="BV40" s="277">
        <v>0</v>
      </c>
      <c r="BW40" s="277">
        <v>6870</v>
      </c>
      <c r="BX40" s="277">
        <v>0</v>
      </c>
      <c r="BY40" s="277">
        <v>0</v>
      </c>
      <c r="BZ40" s="280">
        <v>6870</v>
      </c>
      <c r="CA40" s="281">
        <v>6870</v>
      </c>
      <c r="CB40" s="276">
        <v>0</v>
      </c>
      <c r="CC40" s="277">
        <v>0</v>
      </c>
      <c r="CD40" s="278">
        <v>0</v>
      </c>
      <c r="CE40" s="279">
        <v>0</v>
      </c>
      <c r="CF40" s="277">
        <v>0</v>
      </c>
      <c r="CG40" s="277">
        <v>0</v>
      </c>
      <c r="CH40" s="277">
        <v>0</v>
      </c>
      <c r="CI40" s="277">
        <v>0</v>
      </c>
      <c r="CJ40" s="277">
        <v>0</v>
      </c>
      <c r="CK40" s="280">
        <v>0</v>
      </c>
      <c r="CL40" s="281">
        <v>0</v>
      </c>
      <c r="CM40" s="276">
        <v>0</v>
      </c>
      <c r="CN40" s="277">
        <v>0</v>
      </c>
      <c r="CO40" s="278">
        <v>0</v>
      </c>
      <c r="CP40" s="279">
        <v>0</v>
      </c>
      <c r="CQ40" s="277">
        <v>0</v>
      </c>
      <c r="CR40" s="277">
        <v>0</v>
      </c>
      <c r="CS40" s="277">
        <v>0</v>
      </c>
      <c r="CT40" s="277">
        <v>0</v>
      </c>
      <c r="CU40" s="277">
        <v>0</v>
      </c>
      <c r="CV40" s="280">
        <v>0</v>
      </c>
      <c r="CW40" s="281">
        <v>0</v>
      </c>
      <c r="CX40" s="276">
        <v>0</v>
      </c>
      <c r="CY40" s="277">
        <v>0</v>
      </c>
      <c r="CZ40" s="278">
        <v>0</v>
      </c>
      <c r="DA40" s="471">
        <v>0</v>
      </c>
      <c r="DB40" s="277">
        <v>0</v>
      </c>
      <c r="DC40" s="277">
        <v>0</v>
      </c>
      <c r="DD40" s="277">
        <v>0</v>
      </c>
      <c r="DE40" s="277">
        <v>0</v>
      </c>
      <c r="DF40" s="277">
        <v>0</v>
      </c>
      <c r="DG40" s="280">
        <v>0</v>
      </c>
      <c r="DH40" s="281">
        <v>0</v>
      </c>
      <c r="DI40" s="276">
        <v>0</v>
      </c>
      <c r="DJ40" s="277">
        <v>0</v>
      </c>
      <c r="DK40" s="278">
        <v>0</v>
      </c>
      <c r="DL40" s="279">
        <v>0</v>
      </c>
      <c r="DM40" s="277">
        <v>0</v>
      </c>
      <c r="DN40" s="277">
        <v>434</v>
      </c>
      <c r="DO40" s="277">
        <v>63278</v>
      </c>
      <c r="DP40" s="277">
        <v>66898</v>
      </c>
      <c r="DQ40" s="277">
        <v>66898</v>
      </c>
      <c r="DR40" s="280">
        <v>197508</v>
      </c>
      <c r="DS40" s="282">
        <v>197508</v>
      </c>
      <c r="DT40" s="276">
        <v>0</v>
      </c>
      <c r="DU40" s="277">
        <v>0</v>
      </c>
      <c r="DV40" s="278">
        <v>0</v>
      </c>
      <c r="DW40" s="471">
        <v>0</v>
      </c>
      <c r="DX40" s="277">
        <v>0</v>
      </c>
      <c r="DY40" s="277">
        <v>0</v>
      </c>
      <c r="DZ40" s="277">
        <v>58187</v>
      </c>
      <c r="EA40" s="277">
        <v>66681</v>
      </c>
      <c r="EB40" s="277">
        <v>66681</v>
      </c>
      <c r="EC40" s="280">
        <v>191549</v>
      </c>
      <c r="ED40" s="281">
        <v>191549</v>
      </c>
      <c r="EE40" s="276">
        <v>0</v>
      </c>
      <c r="EF40" s="277">
        <v>0</v>
      </c>
      <c r="EG40" s="278">
        <v>0</v>
      </c>
      <c r="EH40" s="471">
        <v>0</v>
      </c>
      <c r="EI40" s="277">
        <v>0</v>
      </c>
      <c r="EJ40" s="277">
        <v>434</v>
      </c>
      <c r="EK40" s="277">
        <v>651</v>
      </c>
      <c r="EL40" s="277">
        <v>217</v>
      </c>
      <c r="EM40" s="277">
        <v>217</v>
      </c>
      <c r="EN40" s="280">
        <v>1519</v>
      </c>
      <c r="EO40" s="281">
        <v>1519</v>
      </c>
      <c r="EP40" s="276">
        <v>0</v>
      </c>
      <c r="EQ40" s="277">
        <v>0</v>
      </c>
      <c r="ER40" s="278">
        <v>0</v>
      </c>
      <c r="ES40" s="471">
        <v>0</v>
      </c>
      <c r="ET40" s="277">
        <v>0</v>
      </c>
      <c r="EU40" s="277">
        <v>0</v>
      </c>
      <c r="EV40" s="277">
        <v>0</v>
      </c>
      <c r="EW40" s="277">
        <v>0</v>
      </c>
      <c r="EX40" s="277">
        <v>0</v>
      </c>
      <c r="EY40" s="280">
        <v>0</v>
      </c>
      <c r="EZ40" s="281">
        <v>0</v>
      </c>
      <c r="FA40" s="276">
        <v>0</v>
      </c>
      <c r="FB40" s="277">
        <v>0</v>
      </c>
      <c r="FC40" s="278">
        <v>0</v>
      </c>
      <c r="FD40" s="471">
        <v>0</v>
      </c>
      <c r="FE40" s="277">
        <v>0</v>
      </c>
      <c r="FF40" s="277">
        <v>0</v>
      </c>
      <c r="FG40" s="277">
        <v>0</v>
      </c>
      <c r="FH40" s="277">
        <v>0</v>
      </c>
      <c r="FI40" s="277">
        <v>0</v>
      </c>
      <c r="FJ40" s="280">
        <v>0</v>
      </c>
      <c r="FK40" s="281">
        <v>0</v>
      </c>
      <c r="FL40" s="276">
        <v>0</v>
      </c>
      <c r="FM40" s="277">
        <v>0</v>
      </c>
      <c r="FN40" s="278">
        <v>0</v>
      </c>
      <c r="FO40" s="471">
        <v>0</v>
      </c>
      <c r="FP40" s="277">
        <v>0</v>
      </c>
      <c r="FQ40" s="277">
        <v>0</v>
      </c>
      <c r="FR40" s="277">
        <v>0</v>
      </c>
      <c r="FS40" s="277">
        <v>0</v>
      </c>
      <c r="FT40" s="277">
        <v>0</v>
      </c>
      <c r="FU40" s="280">
        <v>0</v>
      </c>
      <c r="FV40" s="281">
        <v>0</v>
      </c>
      <c r="FW40" s="276">
        <v>0</v>
      </c>
      <c r="FX40" s="277">
        <v>0</v>
      </c>
      <c r="FY40" s="278">
        <v>0</v>
      </c>
      <c r="FZ40" s="279">
        <v>0</v>
      </c>
      <c r="GA40" s="277">
        <v>0</v>
      </c>
      <c r="GB40" s="277">
        <v>0</v>
      </c>
      <c r="GC40" s="277">
        <v>4440</v>
      </c>
      <c r="GD40" s="277">
        <v>0</v>
      </c>
      <c r="GE40" s="277">
        <v>0</v>
      </c>
      <c r="GF40" s="280">
        <v>4440</v>
      </c>
      <c r="GG40" s="281">
        <v>4440</v>
      </c>
      <c r="GH40" s="276">
        <v>0</v>
      </c>
      <c r="GI40" s="277">
        <v>0</v>
      </c>
      <c r="GJ40" s="278">
        <v>0</v>
      </c>
      <c r="GK40" s="279">
        <v>0</v>
      </c>
      <c r="GL40" s="277">
        <v>0</v>
      </c>
      <c r="GM40" s="277">
        <v>0</v>
      </c>
      <c r="GN40" s="277">
        <v>0</v>
      </c>
      <c r="GO40" s="277">
        <v>0</v>
      </c>
      <c r="GP40" s="277">
        <v>0</v>
      </c>
      <c r="GQ40" s="280">
        <v>0</v>
      </c>
      <c r="GR40" s="281">
        <v>0</v>
      </c>
      <c r="GS40" s="276">
        <v>0</v>
      </c>
      <c r="GT40" s="277">
        <v>0</v>
      </c>
      <c r="GU40" s="278">
        <v>0</v>
      </c>
      <c r="GV40" s="279">
        <v>0</v>
      </c>
      <c r="GW40" s="277">
        <v>0</v>
      </c>
      <c r="GX40" s="277">
        <v>0</v>
      </c>
      <c r="GY40" s="277">
        <v>0</v>
      </c>
      <c r="GZ40" s="277">
        <v>0</v>
      </c>
      <c r="HA40" s="277">
        <v>0</v>
      </c>
      <c r="HB40" s="280">
        <v>0</v>
      </c>
      <c r="HC40" s="281">
        <v>0</v>
      </c>
      <c r="HD40" s="276">
        <v>0</v>
      </c>
      <c r="HE40" s="277">
        <v>0</v>
      </c>
      <c r="HF40" s="278">
        <v>0</v>
      </c>
      <c r="HG40" s="471">
        <v>0</v>
      </c>
      <c r="HH40" s="277">
        <v>0</v>
      </c>
      <c r="HI40" s="277">
        <v>0</v>
      </c>
      <c r="HJ40" s="277">
        <v>0</v>
      </c>
      <c r="HK40" s="277">
        <v>0</v>
      </c>
      <c r="HL40" s="277">
        <v>0</v>
      </c>
      <c r="HM40" s="280">
        <v>0</v>
      </c>
      <c r="HN40" s="281">
        <v>0</v>
      </c>
      <c r="HO40" s="276">
        <v>0</v>
      </c>
      <c r="HP40" s="277">
        <v>0</v>
      </c>
      <c r="HQ40" s="278">
        <v>0</v>
      </c>
      <c r="HR40" s="279">
        <v>0</v>
      </c>
      <c r="HS40" s="277">
        <v>0</v>
      </c>
      <c r="HT40" s="277">
        <v>57784</v>
      </c>
      <c r="HU40" s="277">
        <v>176168</v>
      </c>
      <c r="HV40" s="277">
        <v>132153</v>
      </c>
      <c r="HW40" s="277">
        <v>132153</v>
      </c>
      <c r="HX40" s="280">
        <v>498258</v>
      </c>
      <c r="HY40" s="281">
        <v>498258</v>
      </c>
    </row>
    <row r="41" spans="2:233" x14ac:dyDescent="0.2">
      <c r="B41" s="1" t="s">
        <v>84</v>
      </c>
    </row>
  </sheetData>
  <mergeCells count="88">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0</v>
      </c>
      <c r="F1" s="495">
        <f>第１表!F2</f>
        <v>6</v>
      </c>
      <c r="G1" s="495"/>
      <c r="H1" s="231">
        <f>第１表!G2</f>
        <v>2</v>
      </c>
      <c r="I1" s="494">
        <f>H1</f>
        <v>2</v>
      </c>
      <c r="J1" s="494"/>
    </row>
    <row r="2" spans="2:299" ht="24" customHeight="1" thickBot="1" x14ac:dyDescent="0.25">
      <c r="B2" s="15" t="s">
        <v>130</v>
      </c>
    </row>
    <row r="3" spans="2:299" ht="21" customHeight="1" thickBot="1" x14ac:dyDescent="0.25">
      <c r="B3" s="481" t="s">
        <v>38</v>
      </c>
      <c r="C3" s="476" t="s">
        <v>96</v>
      </c>
      <c r="D3" s="476"/>
      <c r="E3" s="476"/>
      <c r="F3" s="476"/>
      <c r="G3" s="476"/>
      <c r="H3" s="476"/>
      <c r="I3" s="476"/>
      <c r="J3" s="476"/>
      <c r="K3" s="476"/>
      <c r="L3" s="476"/>
      <c r="M3" s="476"/>
      <c r="N3" s="476"/>
      <c r="O3" s="476"/>
      <c r="P3" s="476"/>
      <c r="Q3" s="476"/>
      <c r="R3" s="476"/>
      <c r="S3" s="476"/>
      <c r="T3" s="476"/>
      <c r="U3" s="476"/>
      <c r="V3" s="476"/>
      <c r="W3" s="476"/>
      <c r="X3" s="476"/>
      <c r="Y3" s="476"/>
      <c r="Z3" s="476"/>
      <c r="AA3" s="476"/>
      <c r="AB3" s="476"/>
      <c r="AC3" s="476"/>
      <c r="AD3" s="476"/>
      <c r="AE3" s="476"/>
      <c r="AF3" s="476"/>
      <c r="AG3" s="476"/>
      <c r="AH3" s="476"/>
      <c r="AI3" s="476"/>
      <c r="AJ3" s="476"/>
      <c r="AK3" s="476"/>
      <c r="AL3" s="476"/>
      <c r="AM3" s="476"/>
      <c r="AN3" s="476"/>
      <c r="AO3" s="476"/>
      <c r="AP3" s="476"/>
      <c r="AQ3" s="476"/>
      <c r="AR3" s="476"/>
      <c r="AS3" s="476"/>
      <c r="AT3" s="476"/>
      <c r="AU3" s="476"/>
      <c r="AV3" s="476"/>
      <c r="AW3" s="476"/>
      <c r="AX3" s="476"/>
      <c r="AY3" s="476"/>
      <c r="AZ3" s="476"/>
      <c r="BA3" s="476"/>
      <c r="BB3" s="476"/>
      <c r="BC3" s="476"/>
      <c r="BD3" s="476"/>
      <c r="BE3" s="476"/>
      <c r="BF3" s="476"/>
      <c r="BG3" s="476"/>
      <c r="BH3" s="476"/>
      <c r="BI3" s="476"/>
      <c r="BJ3" s="476"/>
      <c r="BK3" s="476"/>
      <c r="BL3" s="476"/>
      <c r="BM3" s="476"/>
      <c r="BN3" s="476"/>
      <c r="BO3" s="476"/>
      <c r="BP3" s="476"/>
      <c r="BQ3" s="476"/>
      <c r="BR3" s="476"/>
      <c r="BS3" s="476"/>
      <c r="BT3" s="476"/>
      <c r="BU3" s="476"/>
      <c r="BV3" s="476"/>
      <c r="BW3" s="476"/>
      <c r="BX3" s="476"/>
      <c r="BY3" s="476"/>
      <c r="BZ3" s="476"/>
      <c r="CA3" s="476"/>
      <c r="CB3" s="476"/>
      <c r="CC3" s="476"/>
      <c r="CD3" s="476"/>
      <c r="CE3" s="476"/>
      <c r="CF3" s="476"/>
      <c r="CG3" s="476"/>
      <c r="CH3" s="476"/>
      <c r="CI3" s="476"/>
      <c r="CJ3" s="476"/>
      <c r="CK3" s="476"/>
      <c r="CL3" s="476"/>
      <c r="CM3" s="476"/>
      <c r="CN3" s="476"/>
      <c r="CO3" s="476"/>
      <c r="CP3" s="476"/>
      <c r="CQ3" s="476"/>
      <c r="CR3" s="476"/>
      <c r="CS3" s="476"/>
      <c r="CT3" s="476"/>
      <c r="CU3" s="476"/>
      <c r="CV3" s="476"/>
      <c r="CW3" s="477"/>
      <c r="CX3" s="476" t="s">
        <v>103</v>
      </c>
      <c r="CY3" s="476"/>
      <c r="CZ3" s="476"/>
      <c r="DA3" s="476"/>
      <c r="DB3" s="476"/>
      <c r="DC3" s="476"/>
      <c r="DD3" s="476"/>
      <c r="DE3" s="476"/>
      <c r="DF3" s="476"/>
      <c r="DG3" s="476"/>
      <c r="DH3" s="476"/>
      <c r="DI3" s="476"/>
      <c r="DJ3" s="476"/>
      <c r="DK3" s="476"/>
      <c r="DL3" s="476"/>
      <c r="DM3" s="476"/>
      <c r="DN3" s="476"/>
      <c r="DO3" s="476"/>
      <c r="DP3" s="476"/>
      <c r="DQ3" s="476"/>
      <c r="DR3" s="476"/>
      <c r="DS3" s="476"/>
      <c r="DT3" s="476"/>
      <c r="DU3" s="476"/>
      <c r="DV3" s="476"/>
      <c r="DW3" s="476"/>
      <c r="DX3" s="476"/>
      <c r="DY3" s="476"/>
      <c r="DZ3" s="476"/>
      <c r="EA3" s="476"/>
      <c r="EB3" s="476"/>
      <c r="EC3" s="476"/>
      <c r="ED3" s="476"/>
      <c r="EE3" s="476"/>
      <c r="EF3" s="476"/>
      <c r="EG3" s="476"/>
      <c r="EH3" s="476"/>
      <c r="EI3" s="476"/>
      <c r="EJ3" s="476"/>
      <c r="EK3" s="476"/>
      <c r="EL3" s="476"/>
      <c r="EM3" s="476"/>
      <c r="EN3" s="476"/>
      <c r="EO3" s="476"/>
      <c r="EP3" s="476"/>
      <c r="EQ3" s="476"/>
      <c r="ER3" s="476"/>
      <c r="ES3" s="476"/>
      <c r="ET3" s="476"/>
      <c r="EU3" s="476"/>
      <c r="EV3" s="476"/>
      <c r="EW3" s="476"/>
      <c r="EX3" s="476"/>
      <c r="EY3" s="476"/>
      <c r="EZ3" s="476"/>
      <c r="FA3" s="476"/>
      <c r="FB3" s="476"/>
      <c r="FC3" s="476"/>
      <c r="FD3" s="476"/>
      <c r="FE3" s="476"/>
      <c r="FF3" s="476"/>
      <c r="FG3" s="476"/>
      <c r="FH3" s="476"/>
      <c r="FI3" s="476"/>
      <c r="FJ3" s="476"/>
      <c r="FK3" s="476"/>
      <c r="FL3" s="476"/>
      <c r="FM3" s="476"/>
      <c r="FN3" s="476"/>
      <c r="FO3" s="476"/>
      <c r="FP3" s="476"/>
      <c r="FQ3" s="476"/>
      <c r="FR3" s="476"/>
      <c r="FS3" s="476"/>
      <c r="FT3" s="476"/>
      <c r="FU3" s="476"/>
      <c r="FV3" s="476"/>
      <c r="FW3" s="476"/>
      <c r="FX3" s="476"/>
      <c r="FY3" s="476"/>
      <c r="FZ3" s="476"/>
      <c r="GA3" s="476"/>
      <c r="GB3" s="476"/>
      <c r="GC3" s="476"/>
      <c r="GD3" s="476"/>
      <c r="GE3" s="476"/>
      <c r="GF3" s="476"/>
      <c r="GG3" s="476"/>
      <c r="GH3" s="476"/>
      <c r="GI3" s="476"/>
      <c r="GJ3" s="476"/>
      <c r="GK3" s="476"/>
      <c r="GL3" s="476"/>
      <c r="GM3" s="476"/>
      <c r="GN3" s="476"/>
      <c r="GO3" s="476"/>
      <c r="GP3" s="476"/>
      <c r="GQ3" s="476"/>
      <c r="GR3" s="477"/>
      <c r="GS3" s="476" t="s">
        <v>104</v>
      </c>
      <c r="GT3" s="476"/>
      <c r="GU3" s="476"/>
      <c r="GV3" s="476"/>
      <c r="GW3" s="476"/>
      <c r="GX3" s="476"/>
      <c r="GY3" s="476"/>
      <c r="GZ3" s="476"/>
      <c r="HA3" s="476"/>
      <c r="HB3" s="476"/>
      <c r="HC3" s="476"/>
      <c r="HD3" s="476"/>
      <c r="HE3" s="476"/>
      <c r="HF3" s="476"/>
      <c r="HG3" s="476"/>
      <c r="HH3" s="476"/>
      <c r="HI3" s="476"/>
      <c r="HJ3" s="476"/>
      <c r="HK3" s="476"/>
      <c r="HL3" s="476"/>
      <c r="HM3" s="476"/>
      <c r="HN3" s="476"/>
      <c r="HO3" s="476"/>
      <c r="HP3" s="476"/>
      <c r="HQ3" s="476"/>
      <c r="HR3" s="476"/>
      <c r="HS3" s="476"/>
      <c r="HT3" s="476"/>
      <c r="HU3" s="476"/>
      <c r="HV3" s="476"/>
      <c r="HW3" s="476"/>
      <c r="HX3" s="476"/>
      <c r="HY3" s="476"/>
      <c r="HZ3" s="476"/>
      <c r="IA3" s="476"/>
      <c r="IB3" s="476"/>
      <c r="IC3" s="476"/>
      <c r="ID3" s="476"/>
      <c r="IE3" s="476"/>
      <c r="IF3" s="476"/>
      <c r="IG3" s="476"/>
      <c r="IH3" s="476"/>
      <c r="II3" s="476"/>
      <c r="IJ3" s="476"/>
      <c r="IK3" s="476"/>
      <c r="IL3" s="476"/>
      <c r="IM3" s="476"/>
      <c r="IN3" s="476"/>
      <c r="IO3" s="476"/>
      <c r="IP3" s="476"/>
      <c r="IQ3" s="476"/>
      <c r="IR3" s="476"/>
      <c r="IS3" s="476"/>
      <c r="IT3" s="476"/>
      <c r="IU3" s="476"/>
      <c r="IV3" s="476"/>
      <c r="IW3" s="476"/>
      <c r="IX3" s="476"/>
      <c r="IY3" s="476"/>
      <c r="IZ3" s="476"/>
      <c r="JA3" s="476"/>
      <c r="JB3" s="476"/>
      <c r="JC3" s="476"/>
      <c r="JD3" s="476"/>
      <c r="JE3" s="476"/>
      <c r="JF3" s="476"/>
      <c r="JG3" s="476"/>
      <c r="JH3" s="476"/>
      <c r="JI3" s="476"/>
      <c r="JJ3" s="476"/>
      <c r="JK3" s="476"/>
      <c r="JL3" s="476"/>
      <c r="JM3" s="476"/>
      <c r="JN3" s="476"/>
      <c r="JO3" s="476"/>
      <c r="JP3" s="476"/>
      <c r="JQ3" s="476"/>
      <c r="JR3" s="476"/>
      <c r="JS3" s="476"/>
      <c r="JT3" s="476"/>
      <c r="JU3" s="476"/>
      <c r="JV3" s="476"/>
      <c r="JW3" s="476"/>
      <c r="JX3" s="476"/>
      <c r="JY3" s="476"/>
      <c r="JZ3" s="476"/>
      <c r="KA3" s="476"/>
      <c r="KB3" s="476"/>
      <c r="KC3" s="476"/>
      <c r="KD3" s="476"/>
      <c r="KE3" s="476"/>
      <c r="KF3" s="476"/>
      <c r="KG3" s="476"/>
      <c r="KH3" s="476"/>
      <c r="KI3" s="476"/>
      <c r="KJ3" s="476"/>
      <c r="KK3" s="476"/>
      <c r="KL3" s="476"/>
      <c r="KM3" s="477"/>
    </row>
    <row r="4" spans="2:299" ht="21" customHeight="1" thickBot="1" x14ac:dyDescent="0.25">
      <c r="B4" s="493"/>
      <c r="C4" s="478" t="s">
        <v>39</v>
      </c>
      <c r="D4" s="479"/>
      <c r="E4" s="479"/>
      <c r="F4" s="479"/>
      <c r="G4" s="479"/>
      <c r="H4" s="479"/>
      <c r="I4" s="479"/>
      <c r="J4" s="479"/>
      <c r="K4" s="479"/>
      <c r="L4" s="479"/>
      <c r="M4" s="479"/>
      <c r="N4" s="479"/>
      <c r="O4" s="479"/>
      <c r="P4" s="479"/>
      <c r="Q4" s="479"/>
      <c r="R4" s="479"/>
      <c r="S4" s="479"/>
      <c r="T4" s="479"/>
      <c r="U4" s="479"/>
      <c r="V4" s="479"/>
      <c r="W4" s="479"/>
      <c r="X4" s="479"/>
      <c r="Y4" s="479"/>
      <c r="Z4" s="479"/>
      <c r="AA4" s="479"/>
      <c r="AB4" s="479"/>
      <c r="AC4" s="479"/>
      <c r="AD4" s="479"/>
      <c r="AE4" s="479"/>
      <c r="AF4" s="479"/>
      <c r="AG4" s="479"/>
      <c r="AH4" s="479"/>
      <c r="AI4" s="479"/>
      <c r="AJ4" s="479"/>
      <c r="AK4" s="479"/>
      <c r="AL4" s="479"/>
      <c r="AM4" s="479"/>
      <c r="AN4" s="479"/>
      <c r="AO4" s="479"/>
      <c r="AP4" s="479"/>
      <c r="AQ4" s="479"/>
      <c r="AR4" s="479"/>
      <c r="AS4" s="479"/>
      <c r="AT4" s="479"/>
      <c r="AU4" s="479"/>
      <c r="AV4" s="479"/>
      <c r="AW4" s="479"/>
      <c r="AX4" s="479"/>
      <c r="AY4" s="479"/>
      <c r="AZ4" s="479"/>
      <c r="BA4" s="479"/>
      <c r="BB4" s="479"/>
      <c r="BC4" s="479"/>
      <c r="BD4" s="479"/>
      <c r="BE4" s="479"/>
      <c r="BF4" s="479"/>
      <c r="BG4" s="479"/>
      <c r="BH4" s="479"/>
      <c r="BI4" s="479"/>
      <c r="BJ4" s="479"/>
      <c r="BK4" s="479"/>
      <c r="BL4" s="479"/>
      <c r="BM4" s="479"/>
      <c r="BN4" s="479"/>
      <c r="BO4" s="479"/>
      <c r="BP4" s="479"/>
      <c r="BQ4" s="479"/>
      <c r="BR4" s="479"/>
      <c r="BS4" s="479"/>
      <c r="BT4" s="479"/>
      <c r="BU4" s="479"/>
      <c r="BV4" s="479"/>
      <c r="BW4" s="479"/>
      <c r="BX4" s="479"/>
      <c r="BY4" s="479"/>
      <c r="BZ4" s="479"/>
      <c r="CA4" s="480"/>
      <c r="CB4" s="481" t="s">
        <v>40</v>
      </c>
      <c r="CC4" s="482"/>
      <c r="CD4" s="482"/>
      <c r="CE4" s="482"/>
      <c r="CF4" s="482"/>
      <c r="CG4" s="482"/>
      <c r="CH4" s="482"/>
      <c r="CI4" s="482"/>
      <c r="CJ4" s="482"/>
      <c r="CK4" s="482"/>
      <c r="CL4" s="483"/>
      <c r="CM4" s="481" t="s">
        <v>41</v>
      </c>
      <c r="CN4" s="482"/>
      <c r="CO4" s="482"/>
      <c r="CP4" s="482"/>
      <c r="CQ4" s="482"/>
      <c r="CR4" s="482"/>
      <c r="CS4" s="482"/>
      <c r="CT4" s="482"/>
      <c r="CU4" s="482"/>
      <c r="CV4" s="482"/>
      <c r="CW4" s="483"/>
      <c r="CX4" s="478" t="s">
        <v>39</v>
      </c>
      <c r="CY4" s="479"/>
      <c r="CZ4" s="479"/>
      <c r="DA4" s="479"/>
      <c r="DB4" s="479"/>
      <c r="DC4" s="479"/>
      <c r="DD4" s="479"/>
      <c r="DE4" s="479"/>
      <c r="DF4" s="479"/>
      <c r="DG4" s="479"/>
      <c r="DH4" s="479"/>
      <c r="DI4" s="479"/>
      <c r="DJ4" s="479"/>
      <c r="DK4" s="479"/>
      <c r="DL4" s="479"/>
      <c r="DM4" s="479"/>
      <c r="DN4" s="479"/>
      <c r="DO4" s="479"/>
      <c r="DP4" s="479"/>
      <c r="DQ4" s="479"/>
      <c r="DR4" s="479"/>
      <c r="DS4" s="479"/>
      <c r="DT4" s="479"/>
      <c r="DU4" s="479"/>
      <c r="DV4" s="479"/>
      <c r="DW4" s="479"/>
      <c r="DX4" s="479"/>
      <c r="DY4" s="479"/>
      <c r="DZ4" s="479"/>
      <c r="EA4" s="479"/>
      <c r="EB4" s="479"/>
      <c r="EC4" s="479"/>
      <c r="ED4" s="479"/>
      <c r="EE4" s="479"/>
      <c r="EF4" s="479"/>
      <c r="EG4" s="479"/>
      <c r="EH4" s="479"/>
      <c r="EI4" s="479"/>
      <c r="EJ4" s="479"/>
      <c r="EK4" s="479"/>
      <c r="EL4" s="479"/>
      <c r="EM4" s="479"/>
      <c r="EN4" s="479"/>
      <c r="EO4" s="479"/>
      <c r="EP4" s="479"/>
      <c r="EQ4" s="479"/>
      <c r="ER4" s="479"/>
      <c r="ES4" s="479"/>
      <c r="ET4" s="479"/>
      <c r="EU4" s="479"/>
      <c r="EV4" s="479"/>
      <c r="EW4" s="479"/>
      <c r="EX4" s="479"/>
      <c r="EY4" s="479"/>
      <c r="EZ4" s="479"/>
      <c r="FA4" s="479"/>
      <c r="FB4" s="479"/>
      <c r="FC4" s="479"/>
      <c r="FD4" s="479"/>
      <c r="FE4" s="479"/>
      <c r="FF4" s="479"/>
      <c r="FG4" s="479"/>
      <c r="FH4" s="479"/>
      <c r="FI4" s="479"/>
      <c r="FJ4" s="479"/>
      <c r="FK4" s="479"/>
      <c r="FL4" s="479"/>
      <c r="FM4" s="479"/>
      <c r="FN4" s="479"/>
      <c r="FO4" s="479"/>
      <c r="FP4" s="479"/>
      <c r="FQ4" s="479"/>
      <c r="FR4" s="479"/>
      <c r="FS4" s="479"/>
      <c r="FT4" s="479"/>
      <c r="FU4" s="479"/>
      <c r="FV4" s="480"/>
      <c r="FW4" s="481" t="s">
        <v>40</v>
      </c>
      <c r="FX4" s="482"/>
      <c r="FY4" s="482"/>
      <c r="FZ4" s="482"/>
      <c r="GA4" s="482"/>
      <c r="GB4" s="482"/>
      <c r="GC4" s="482"/>
      <c r="GD4" s="482"/>
      <c r="GE4" s="482"/>
      <c r="GF4" s="482"/>
      <c r="GG4" s="483"/>
      <c r="GH4" s="481" t="s">
        <v>41</v>
      </c>
      <c r="GI4" s="482"/>
      <c r="GJ4" s="482"/>
      <c r="GK4" s="482"/>
      <c r="GL4" s="482"/>
      <c r="GM4" s="482"/>
      <c r="GN4" s="482"/>
      <c r="GO4" s="482"/>
      <c r="GP4" s="482"/>
      <c r="GQ4" s="482"/>
      <c r="GR4" s="483"/>
      <c r="GS4" s="478" t="s">
        <v>39</v>
      </c>
      <c r="GT4" s="479"/>
      <c r="GU4" s="479"/>
      <c r="GV4" s="479"/>
      <c r="GW4" s="479"/>
      <c r="GX4" s="479"/>
      <c r="GY4" s="479"/>
      <c r="GZ4" s="479"/>
      <c r="HA4" s="479"/>
      <c r="HB4" s="479"/>
      <c r="HC4" s="479"/>
      <c r="HD4" s="479"/>
      <c r="HE4" s="479"/>
      <c r="HF4" s="479"/>
      <c r="HG4" s="479"/>
      <c r="HH4" s="479"/>
      <c r="HI4" s="479"/>
      <c r="HJ4" s="479"/>
      <c r="HK4" s="479"/>
      <c r="HL4" s="479"/>
      <c r="HM4" s="479"/>
      <c r="HN4" s="479"/>
      <c r="HO4" s="479"/>
      <c r="HP4" s="479"/>
      <c r="HQ4" s="479"/>
      <c r="HR4" s="479"/>
      <c r="HS4" s="479"/>
      <c r="HT4" s="479"/>
      <c r="HU4" s="479"/>
      <c r="HV4" s="479"/>
      <c r="HW4" s="479"/>
      <c r="HX4" s="479"/>
      <c r="HY4" s="479"/>
      <c r="HZ4" s="479"/>
      <c r="IA4" s="479"/>
      <c r="IB4" s="479"/>
      <c r="IC4" s="479"/>
      <c r="ID4" s="479"/>
      <c r="IE4" s="479"/>
      <c r="IF4" s="479"/>
      <c r="IG4" s="479"/>
      <c r="IH4" s="479"/>
      <c r="II4" s="479"/>
      <c r="IJ4" s="479"/>
      <c r="IK4" s="479"/>
      <c r="IL4" s="479"/>
      <c r="IM4" s="479"/>
      <c r="IN4" s="479"/>
      <c r="IO4" s="479"/>
      <c r="IP4" s="479"/>
      <c r="IQ4" s="479"/>
      <c r="IR4" s="479"/>
      <c r="IS4" s="479"/>
      <c r="IT4" s="479"/>
      <c r="IU4" s="479"/>
      <c r="IV4" s="479"/>
      <c r="IW4" s="479"/>
      <c r="IX4" s="479"/>
      <c r="IY4" s="479"/>
      <c r="IZ4" s="479"/>
      <c r="JA4" s="479"/>
      <c r="JB4" s="479"/>
      <c r="JC4" s="479"/>
      <c r="JD4" s="479"/>
      <c r="JE4" s="479"/>
      <c r="JF4" s="479"/>
      <c r="JG4" s="479"/>
      <c r="JH4" s="479"/>
      <c r="JI4" s="479"/>
      <c r="JJ4" s="479"/>
      <c r="JK4" s="479"/>
      <c r="JL4" s="479"/>
      <c r="JM4" s="479"/>
      <c r="JN4" s="479"/>
      <c r="JO4" s="479"/>
      <c r="JP4" s="479"/>
      <c r="JQ4" s="480"/>
      <c r="JR4" s="481" t="s">
        <v>40</v>
      </c>
      <c r="JS4" s="482"/>
      <c r="JT4" s="482"/>
      <c r="JU4" s="482"/>
      <c r="JV4" s="482"/>
      <c r="JW4" s="482"/>
      <c r="JX4" s="482"/>
      <c r="JY4" s="482"/>
      <c r="JZ4" s="482"/>
      <c r="KA4" s="482"/>
      <c r="KB4" s="483"/>
      <c r="KC4" s="481" t="s">
        <v>41</v>
      </c>
      <c r="KD4" s="482"/>
      <c r="KE4" s="482"/>
      <c r="KF4" s="482"/>
      <c r="KG4" s="482"/>
      <c r="KH4" s="482"/>
      <c r="KI4" s="482"/>
      <c r="KJ4" s="482"/>
      <c r="KK4" s="482"/>
      <c r="KL4" s="482"/>
      <c r="KM4" s="483"/>
    </row>
    <row r="5" spans="2:299" ht="21" customHeight="1" thickBot="1" x14ac:dyDescent="0.25">
      <c r="B5" s="487"/>
      <c r="C5" s="487"/>
      <c r="D5" s="488"/>
      <c r="E5" s="488"/>
      <c r="F5" s="488"/>
      <c r="G5" s="488"/>
      <c r="H5" s="488"/>
      <c r="I5" s="488"/>
      <c r="J5" s="488"/>
      <c r="K5" s="488"/>
      <c r="L5" s="488"/>
      <c r="M5" s="489"/>
      <c r="N5" s="490" t="s">
        <v>97</v>
      </c>
      <c r="O5" s="491"/>
      <c r="P5" s="491"/>
      <c r="Q5" s="491"/>
      <c r="R5" s="491"/>
      <c r="S5" s="491"/>
      <c r="T5" s="491"/>
      <c r="U5" s="491"/>
      <c r="V5" s="491"/>
      <c r="W5" s="491"/>
      <c r="X5" s="492"/>
      <c r="Y5" s="490" t="s">
        <v>98</v>
      </c>
      <c r="Z5" s="491"/>
      <c r="AA5" s="491"/>
      <c r="AB5" s="491"/>
      <c r="AC5" s="491"/>
      <c r="AD5" s="491"/>
      <c r="AE5" s="491"/>
      <c r="AF5" s="491"/>
      <c r="AG5" s="491"/>
      <c r="AH5" s="491"/>
      <c r="AI5" s="492"/>
      <c r="AJ5" s="490" t="s">
        <v>99</v>
      </c>
      <c r="AK5" s="491"/>
      <c r="AL5" s="491"/>
      <c r="AM5" s="491"/>
      <c r="AN5" s="491"/>
      <c r="AO5" s="491"/>
      <c r="AP5" s="491"/>
      <c r="AQ5" s="491"/>
      <c r="AR5" s="491"/>
      <c r="AS5" s="491"/>
      <c r="AT5" s="492"/>
      <c r="AU5" s="490" t="s">
        <v>100</v>
      </c>
      <c r="AV5" s="491"/>
      <c r="AW5" s="491"/>
      <c r="AX5" s="491"/>
      <c r="AY5" s="491"/>
      <c r="AZ5" s="491"/>
      <c r="BA5" s="491"/>
      <c r="BB5" s="491"/>
      <c r="BC5" s="491"/>
      <c r="BD5" s="491"/>
      <c r="BE5" s="492"/>
      <c r="BF5" s="490" t="s">
        <v>101</v>
      </c>
      <c r="BG5" s="491"/>
      <c r="BH5" s="491"/>
      <c r="BI5" s="491"/>
      <c r="BJ5" s="491"/>
      <c r="BK5" s="491"/>
      <c r="BL5" s="491"/>
      <c r="BM5" s="491"/>
      <c r="BN5" s="491"/>
      <c r="BO5" s="491"/>
      <c r="BP5" s="492"/>
      <c r="BQ5" s="490" t="s">
        <v>102</v>
      </c>
      <c r="BR5" s="491"/>
      <c r="BS5" s="491"/>
      <c r="BT5" s="491"/>
      <c r="BU5" s="491"/>
      <c r="BV5" s="491"/>
      <c r="BW5" s="491"/>
      <c r="BX5" s="491"/>
      <c r="BY5" s="491"/>
      <c r="BZ5" s="491"/>
      <c r="CA5" s="492"/>
      <c r="CB5" s="484"/>
      <c r="CC5" s="485"/>
      <c r="CD5" s="485"/>
      <c r="CE5" s="485"/>
      <c r="CF5" s="485"/>
      <c r="CG5" s="485"/>
      <c r="CH5" s="485"/>
      <c r="CI5" s="485"/>
      <c r="CJ5" s="485"/>
      <c r="CK5" s="485"/>
      <c r="CL5" s="486"/>
      <c r="CM5" s="484"/>
      <c r="CN5" s="485"/>
      <c r="CO5" s="485"/>
      <c r="CP5" s="485"/>
      <c r="CQ5" s="485"/>
      <c r="CR5" s="485"/>
      <c r="CS5" s="485"/>
      <c r="CT5" s="485"/>
      <c r="CU5" s="485"/>
      <c r="CV5" s="485"/>
      <c r="CW5" s="486"/>
      <c r="CX5" s="487"/>
      <c r="CY5" s="488"/>
      <c r="CZ5" s="488"/>
      <c r="DA5" s="488"/>
      <c r="DB5" s="488"/>
      <c r="DC5" s="488"/>
      <c r="DD5" s="488"/>
      <c r="DE5" s="488"/>
      <c r="DF5" s="488"/>
      <c r="DG5" s="488"/>
      <c r="DH5" s="489"/>
      <c r="DI5" s="490" t="s">
        <v>97</v>
      </c>
      <c r="DJ5" s="491"/>
      <c r="DK5" s="491"/>
      <c r="DL5" s="491"/>
      <c r="DM5" s="491"/>
      <c r="DN5" s="491"/>
      <c r="DO5" s="491"/>
      <c r="DP5" s="491"/>
      <c r="DQ5" s="491"/>
      <c r="DR5" s="491"/>
      <c r="DS5" s="492"/>
      <c r="DT5" s="490" t="s">
        <v>98</v>
      </c>
      <c r="DU5" s="491"/>
      <c r="DV5" s="491"/>
      <c r="DW5" s="491"/>
      <c r="DX5" s="491"/>
      <c r="DY5" s="491"/>
      <c r="DZ5" s="491"/>
      <c r="EA5" s="491"/>
      <c r="EB5" s="491"/>
      <c r="EC5" s="491"/>
      <c r="ED5" s="492"/>
      <c r="EE5" s="490" t="s">
        <v>99</v>
      </c>
      <c r="EF5" s="491"/>
      <c r="EG5" s="491"/>
      <c r="EH5" s="491"/>
      <c r="EI5" s="491"/>
      <c r="EJ5" s="491"/>
      <c r="EK5" s="491"/>
      <c r="EL5" s="491"/>
      <c r="EM5" s="491"/>
      <c r="EN5" s="491"/>
      <c r="EO5" s="492"/>
      <c r="EP5" s="490" t="s">
        <v>100</v>
      </c>
      <c r="EQ5" s="491"/>
      <c r="ER5" s="491"/>
      <c r="ES5" s="491"/>
      <c r="ET5" s="491"/>
      <c r="EU5" s="491"/>
      <c r="EV5" s="491"/>
      <c r="EW5" s="491"/>
      <c r="EX5" s="491"/>
      <c r="EY5" s="491"/>
      <c r="EZ5" s="492"/>
      <c r="FA5" s="490" t="s">
        <v>101</v>
      </c>
      <c r="FB5" s="491"/>
      <c r="FC5" s="491"/>
      <c r="FD5" s="491"/>
      <c r="FE5" s="491"/>
      <c r="FF5" s="491"/>
      <c r="FG5" s="491"/>
      <c r="FH5" s="491"/>
      <c r="FI5" s="491"/>
      <c r="FJ5" s="491"/>
      <c r="FK5" s="492"/>
      <c r="FL5" s="490" t="s">
        <v>102</v>
      </c>
      <c r="FM5" s="491"/>
      <c r="FN5" s="491"/>
      <c r="FO5" s="491"/>
      <c r="FP5" s="491"/>
      <c r="FQ5" s="491"/>
      <c r="FR5" s="491"/>
      <c r="FS5" s="491"/>
      <c r="FT5" s="491"/>
      <c r="FU5" s="491"/>
      <c r="FV5" s="492"/>
      <c r="FW5" s="484"/>
      <c r="FX5" s="485"/>
      <c r="FY5" s="485"/>
      <c r="FZ5" s="485"/>
      <c r="GA5" s="485"/>
      <c r="GB5" s="485"/>
      <c r="GC5" s="485"/>
      <c r="GD5" s="485"/>
      <c r="GE5" s="485"/>
      <c r="GF5" s="485"/>
      <c r="GG5" s="486"/>
      <c r="GH5" s="484"/>
      <c r="GI5" s="485"/>
      <c r="GJ5" s="485"/>
      <c r="GK5" s="485"/>
      <c r="GL5" s="485"/>
      <c r="GM5" s="485"/>
      <c r="GN5" s="485"/>
      <c r="GO5" s="485"/>
      <c r="GP5" s="485"/>
      <c r="GQ5" s="485"/>
      <c r="GR5" s="486"/>
      <c r="GS5" s="487"/>
      <c r="GT5" s="488"/>
      <c r="GU5" s="488"/>
      <c r="GV5" s="488"/>
      <c r="GW5" s="488"/>
      <c r="GX5" s="488"/>
      <c r="GY5" s="488"/>
      <c r="GZ5" s="488"/>
      <c r="HA5" s="488"/>
      <c r="HB5" s="488"/>
      <c r="HC5" s="489"/>
      <c r="HD5" s="490" t="s">
        <v>97</v>
      </c>
      <c r="HE5" s="491"/>
      <c r="HF5" s="491"/>
      <c r="HG5" s="491"/>
      <c r="HH5" s="491"/>
      <c r="HI5" s="491"/>
      <c r="HJ5" s="491"/>
      <c r="HK5" s="491"/>
      <c r="HL5" s="491"/>
      <c r="HM5" s="491"/>
      <c r="HN5" s="492"/>
      <c r="HO5" s="490" t="s">
        <v>98</v>
      </c>
      <c r="HP5" s="491"/>
      <c r="HQ5" s="491"/>
      <c r="HR5" s="491"/>
      <c r="HS5" s="491"/>
      <c r="HT5" s="491"/>
      <c r="HU5" s="491"/>
      <c r="HV5" s="491"/>
      <c r="HW5" s="491"/>
      <c r="HX5" s="491"/>
      <c r="HY5" s="492"/>
      <c r="HZ5" s="490" t="s">
        <v>99</v>
      </c>
      <c r="IA5" s="491"/>
      <c r="IB5" s="491"/>
      <c r="IC5" s="491"/>
      <c r="ID5" s="491"/>
      <c r="IE5" s="491"/>
      <c r="IF5" s="491"/>
      <c r="IG5" s="491"/>
      <c r="IH5" s="491"/>
      <c r="II5" s="491"/>
      <c r="IJ5" s="492"/>
      <c r="IK5" s="490" t="s">
        <v>100</v>
      </c>
      <c r="IL5" s="491"/>
      <c r="IM5" s="491"/>
      <c r="IN5" s="491"/>
      <c r="IO5" s="491"/>
      <c r="IP5" s="491"/>
      <c r="IQ5" s="491"/>
      <c r="IR5" s="491"/>
      <c r="IS5" s="491"/>
      <c r="IT5" s="491"/>
      <c r="IU5" s="492"/>
      <c r="IV5" s="490" t="s">
        <v>101</v>
      </c>
      <c r="IW5" s="491"/>
      <c r="IX5" s="491"/>
      <c r="IY5" s="491"/>
      <c r="IZ5" s="491"/>
      <c r="JA5" s="491"/>
      <c r="JB5" s="491"/>
      <c r="JC5" s="491"/>
      <c r="JD5" s="491"/>
      <c r="JE5" s="491"/>
      <c r="JF5" s="492"/>
      <c r="JG5" s="490" t="s">
        <v>102</v>
      </c>
      <c r="JH5" s="491"/>
      <c r="JI5" s="491"/>
      <c r="JJ5" s="491"/>
      <c r="JK5" s="491"/>
      <c r="JL5" s="491"/>
      <c r="JM5" s="491"/>
      <c r="JN5" s="491"/>
      <c r="JO5" s="491"/>
      <c r="JP5" s="491"/>
      <c r="JQ5" s="492"/>
      <c r="JR5" s="484"/>
      <c r="JS5" s="485"/>
      <c r="JT5" s="485"/>
      <c r="JU5" s="485"/>
      <c r="JV5" s="485"/>
      <c r="JW5" s="485"/>
      <c r="JX5" s="485"/>
      <c r="JY5" s="485"/>
      <c r="JZ5" s="485"/>
      <c r="KA5" s="485"/>
      <c r="KB5" s="486"/>
      <c r="KC5" s="484"/>
      <c r="KD5" s="485"/>
      <c r="KE5" s="485"/>
      <c r="KF5" s="485"/>
      <c r="KG5" s="485"/>
      <c r="KH5" s="485"/>
      <c r="KI5" s="485"/>
      <c r="KJ5" s="485"/>
      <c r="KK5" s="485"/>
      <c r="KL5" s="485"/>
      <c r="KM5" s="486"/>
    </row>
    <row r="6" spans="2:299" ht="30" customHeight="1" thickBot="1" x14ac:dyDescent="0.25">
      <c r="B6" s="289" t="s">
        <v>42</v>
      </c>
      <c r="C6" s="43" t="s">
        <v>43</v>
      </c>
      <c r="D6" s="41" t="s">
        <v>44</v>
      </c>
      <c r="E6" s="42" t="s">
        <v>45</v>
      </c>
      <c r="F6" s="44" t="s">
        <v>46</v>
      </c>
      <c r="G6" s="41" t="s">
        <v>47</v>
      </c>
      <c r="H6" s="41" t="s">
        <v>48</v>
      </c>
      <c r="I6" s="41" t="s">
        <v>49</v>
      </c>
      <c r="J6" s="41" t="s">
        <v>50</v>
      </c>
      <c r="K6" s="41" t="s">
        <v>51</v>
      </c>
      <c r="L6" s="42" t="s">
        <v>45</v>
      </c>
      <c r="M6" s="45" t="s">
        <v>52</v>
      </c>
      <c r="N6" s="314" t="s">
        <v>43</v>
      </c>
      <c r="O6" s="315" t="s">
        <v>44</v>
      </c>
      <c r="P6" s="316" t="s">
        <v>45</v>
      </c>
      <c r="Q6" s="317" t="s">
        <v>46</v>
      </c>
      <c r="R6" s="315" t="s">
        <v>47</v>
      </c>
      <c r="S6" s="315" t="s">
        <v>48</v>
      </c>
      <c r="T6" s="315" t="s">
        <v>49</v>
      </c>
      <c r="U6" s="315" t="s">
        <v>50</v>
      </c>
      <c r="V6" s="315" t="s">
        <v>51</v>
      </c>
      <c r="W6" s="316" t="s">
        <v>45</v>
      </c>
      <c r="X6" s="313" t="s">
        <v>52</v>
      </c>
      <c r="Y6" s="314" t="s">
        <v>43</v>
      </c>
      <c r="Z6" s="315" t="s">
        <v>44</v>
      </c>
      <c r="AA6" s="316" t="s">
        <v>45</v>
      </c>
      <c r="AB6" s="317" t="s">
        <v>46</v>
      </c>
      <c r="AC6" s="315" t="s">
        <v>47</v>
      </c>
      <c r="AD6" s="315" t="s">
        <v>48</v>
      </c>
      <c r="AE6" s="315" t="s">
        <v>49</v>
      </c>
      <c r="AF6" s="315" t="s">
        <v>50</v>
      </c>
      <c r="AG6" s="315" t="s">
        <v>51</v>
      </c>
      <c r="AH6" s="316" t="s">
        <v>45</v>
      </c>
      <c r="AI6" s="318" t="s">
        <v>52</v>
      </c>
      <c r="AJ6" s="314" t="s">
        <v>43</v>
      </c>
      <c r="AK6" s="315" t="s">
        <v>44</v>
      </c>
      <c r="AL6" s="316" t="s">
        <v>45</v>
      </c>
      <c r="AM6" s="317" t="s">
        <v>46</v>
      </c>
      <c r="AN6" s="315" t="s">
        <v>47</v>
      </c>
      <c r="AO6" s="315" t="s">
        <v>48</v>
      </c>
      <c r="AP6" s="315" t="s">
        <v>49</v>
      </c>
      <c r="AQ6" s="315" t="s">
        <v>50</v>
      </c>
      <c r="AR6" s="315" t="s">
        <v>51</v>
      </c>
      <c r="AS6" s="316" t="s">
        <v>45</v>
      </c>
      <c r="AT6" s="318" t="s">
        <v>52</v>
      </c>
      <c r="AU6" s="314" t="s">
        <v>43</v>
      </c>
      <c r="AV6" s="315" t="s">
        <v>44</v>
      </c>
      <c r="AW6" s="316" t="s">
        <v>45</v>
      </c>
      <c r="AX6" s="317" t="s">
        <v>46</v>
      </c>
      <c r="AY6" s="315" t="s">
        <v>47</v>
      </c>
      <c r="AZ6" s="315" t="s">
        <v>48</v>
      </c>
      <c r="BA6" s="315" t="s">
        <v>49</v>
      </c>
      <c r="BB6" s="315" t="s">
        <v>50</v>
      </c>
      <c r="BC6" s="315" t="s">
        <v>51</v>
      </c>
      <c r="BD6" s="316" t="s">
        <v>45</v>
      </c>
      <c r="BE6" s="318" t="s">
        <v>52</v>
      </c>
      <c r="BF6" s="314" t="s">
        <v>43</v>
      </c>
      <c r="BG6" s="315" t="s">
        <v>44</v>
      </c>
      <c r="BH6" s="316" t="s">
        <v>45</v>
      </c>
      <c r="BI6" s="317" t="s">
        <v>46</v>
      </c>
      <c r="BJ6" s="315" t="s">
        <v>47</v>
      </c>
      <c r="BK6" s="315" t="s">
        <v>48</v>
      </c>
      <c r="BL6" s="315" t="s">
        <v>49</v>
      </c>
      <c r="BM6" s="315" t="s">
        <v>50</v>
      </c>
      <c r="BN6" s="315" t="s">
        <v>51</v>
      </c>
      <c r="BO6" s="316" t="s">
        <v>45</v>
      </c>
      <c r="BP6" s="318" t="s">
        <v>52</v>
      </c>
      <c r="BQ6" s="314" t="s">
        <v>43</v>
      </c>
      <c r="BR6" s="315" t="s">
        <v>44</v>
      </c>
      <c r="BS6" s="316" t="s">
        <v>45</v>
      </c>
      <c r="BT6" s="317" t="s">
        <v>46</v>
      </c>
      <c r="BU6" s="315" t="s">
        <v>47</v>
      </c>
      <c r="BV6" s="315" t="s">
        <v>48</v>
      </c>
      <c r="BW6" s="315" t="s">
        <v>49</v>
      </c>
      <c r="BX6" s="315" t="s">
        <v>50</v>
      </c>
      <c r="BY6" s="315" t="s">
        <v>51</v>
      </c>
      <c r="BZ6" s="316" t="s">
        <v>45</v>
      </c>
      <c r="CA6" s="318" t="s">
        <v>52</v>
      </c>
      <c r="CB6" s="314" t="s">
        <v>43</v>
      </c>
      <c r="CC6" s="315" t="s">
        <v>44</v>
      </c>
      <c r="CD6" s="316" t="s">
        <v>45</v>
      </c>
      <c r="CE6" s="317" t="s">
        <v>46</v>
      </c>
      <c r="CF6" s="315" t="s">
        <v>47</v>
      </c>
      <c r="CG6" s="315" t="s">
        <v>48</v>
      </c>
      <c r="CH6" s="315" t="s">
        <v>49</v>
      </c>
      <c r="CI6" s="315" t="s">
        <v>50</v>
      </c>
      <c r="CJ6" s="315" t="s">
        <v>51</v>
      </c>
      <c r="CK6" s="316" t="s">
        <v>45</v>
      </c>
      <c r="CL6" s="318" t="s">
        <v>52</v>
      </c>
      <c r="CM6" s="314" t="s">
        <v>43</v>
      </c>
      <c r="CN6" s="315" t="s">
        <v>44</v>
      </c>
      <c r="CO6" s="316" t="s">
        <v>45</v>
      </c>
      <c r="CP6" s="317" t="s">
        <v>46</v>
      </c>
      <c r="CQ6" s="315" t="s">
        <v>47</v>
      </c>
      <c r="CR6" s="315" t="s">
        <v>48</v>
      </c>
      <c r="CS6" s="315" t="s">
        <v>49</v>
      </c>
      <c r="CT6" s="315" t="s">
        <v>50</v>
      </c>
      <c r="CU6" s="315" t="s">
        <v>51</v>
      </c>
      <c r="CV6" s="316" t="s">
        <v>45</v>
      </c>
      <c r="CW6" s="318" t="s">
        <v>52</v>
      </c>
      <c r="CX6" s="43" t="s">
        <v>43</v>
      </c>
      <c r="CY6" s="41" t="s">
        <v>44</v>
      </c>
      <c r="CZ6" s="42" t="s">
        <v>45</v>
      </c>
      <c r="DA6" s="44" t="s">
        <v>46</v>
      </c>
      <c r="DB6" s="41" t="s">
        <v>47</v>
      </c>
      <c r="DC6" s="41" t="s">
        <v>48</v>
      </c>
      <c r="DD6" s="41" t="s">
        <v>49</v>
      </c>
      <c r="DE6" s="41" t="s">
        <v>50</v>
      </c>
      <c r="DF6" s="41" t="s">
        <v>51</v>
      </c>
      <c r="DG6" s="42" t="s">
        <v>45</v>
      </c>
      <c r="DH6" s="45" t="s">
        <v>52</v>
      </c>
      <c r="DI6" s="314" t="s">
        <v>43</v>
      </c>
      <c r="DJ6" s="315" t="s">
        <v>44</v>
      </c>
      <c r="DK6" s="316" t="s">
        <v>45</v>
      </c>
      <c r="DL6" s="317" t="s">
        <v>46</v>
      </c>
      <c r="DM6" s="315" t="s">
        <v>47</v>
      </c>
      <c r="DN6" s="315" t="s">
        <v>48</v>
      </c>
      <c r="DO6" s="315" t="s">
        <v>49</v>
      </c>
      <c r="DP6" s="315" t="s">
        <v>50</v>
      </c>
      <c r="DQ6" s="315" t="s">
        <v>51</v>
      </c>
      <c r="DR6" s="316" t="s">
        <v>45</v>
      </c>
      <c r="DS6" s="318" t="s">
        <v>52</v>
      </c>
      <c r="DT6" s="314" t="s">
        <v>43</v>
      </c>
      <c r="DU6" s="315" t="s">
        <v>44</v>
      </c>
      <c r="DV6" s="316" t="s">
        <v>45</v>
      </c>
      <c r="DW6" s="317" t="s">
        <v>46</v>
      </c>
      <c r="DX6" s="315" t="s">
        <v>47</v>
      </c>
      <c r="DY6" s="315" t="s">
        <v>48</v>
      </c>
      <c r="DZ6" s="315" t="s">
        <v>49</v>
      </c>
      <c r="EA6" s="315" t="s">
        <v>50</v>
      </c>
      <c r="EB6" s="315" t="s">
        <v>51</v>
      </c>
      <c r="EC6" s="316" t="s">
        <v>45</v>
      </c>
      <c r="ED6" s="318" t="s">
        <v>52</v>
      </c>
      <c r="EE6" s="314" t="s">
        <v>43</v>
      </c>
      <c r="EF6" s="315" t="s">
        <v>44</v>
      </c>
      <c r="EG6" s="316" t="s">
        <v>45</v>
      </c>
      <c r="EH6" s="317" t="s">
        <v>46</v>
      </c>
      <c r="EI6" s="315" t="s">
        <v>47</v>
      </c>
      <c r="EJ6" s="315" t="s">
        <v>48</v>
      </c>
      <c r="EK6" s="315" t="s">
        <v>49</v>
      </c>
      <c r="EL6" s="315" t="s">
        <v>50</v>
      </c>
      <c r="EM6" s="315" t="s">
        <v>51</v>
      </c>
      <c r="EN6" s="316" t="s">
        <v>45</v>
      </c>
      <c r="EO6" s="318" t="s">
        <v>52</v>
      </c>
      <c r="EP6" s="314" t="s">
        <v>43</v>
      </c>
      <c r="EQ6" s="315" t="s">
        <v>44</v>
      </c>
      <c r="ER6" s="316" t="s">
        <v>45</v>
      </c>
      <c r="ES6" s="317" t="s">
        <v>46</v>
      </c>
      <c r="ET6" s="315" t="s">
        <v>47</v>
      </c>
      <c r="EU6" s="315" t="s">
        <v>48</v>
      </c>
      <c r="EV6" s="315" t="s">
        <v>49</v>
      </c>
      <c r="EW6" s="315" t="s">
        <v>50</v>
      </c>
      <c r="EX6" s="315" t="s">
        <v>51</v>
      </c>
      <c r="EY6" s="316" t="s">
        <v>45</v>
      </c>
      <c r="EZ6" s="318" t="s">
        <v>52</v>
      </c>
      <c r="FA6" s="314" t="s">
        <v>43</v>
      </c>
      <c r="FB6" s="315" t="s">
        <v>44</v>
      </c>
      <c r="FC6" s="316" t="s">
        <v>45</v>
      </c>
      <c r="FD6" s="317" t="s">
        <v>46</v>
      </c>
      <c r="FE6" s="315" t="s">
        <v>47</v>
      </c>
      <c r="FF6" s="315" t="s">
        <v>48</v>
      </c>
      <c r="FG6" s="315" t="s">
        <v>49</v>
      </c>
      <c r="FH6" s="315" t="s">
        <v>50</v>
      </c>
      <c r="FI6" s="315" t="s">
        <v>51</v>
      </c>
      <c r="FJ6" s="316" t="s">
        <v>45</v>
      </c>
      <c r="FK6" s="318" t="s">
        <v>52</v>
      </c>
      <c r="FL6" s="314" t="s">
        <v>43</v>
      </c>
      <c r="FM6" s="315" t="s">
        <v>44</v>
      </c>
      <c r="FN6" s="316" t="s">
        <v>45</v>
      </c>
      <c r="FO6" s="317" t="s">
        <v>46</v>
      </c>
      <c r="FP6" s="315" t="s">
        <v>47</v>
      </c>
      <c r="FQ6" s="315" t="s">
        <v>48</v>
      </c>
      <c r="FR6" s="315" t="s">
        <v>49</v>
      </c>
      <c r="FS6" s="315" t="s">
        <v>50</v>
      </c>
      <c r="FT6" s="315" t="s">
        <v>51</v>
      </c>
      <c r="FU6" s="316" t="s">
        <v>45</v>
      </c>
      <c r="FV6" s="318" t="s">
        <v>52</v>
      </c>
      <c r="FW6" s="314" t="s">
        <v>43</v>
      </c>
      <c r="FX6" s="315" t="s">
        <v>44</v>
      </c>
      <c r="FY6" s="316" t="s">
        <v>45</v>
      </c>
      <c r="FZ6" s="317" t="s">
        <v>46</v>
      </c>
      <c r="GA6" s="315" t="s">
        <v>47</v>
      </c>
      <c r="GB6" s="315" t="s">
        <v>48</v>
      </c>
      <c r="GC6" s="315" t="s">
        <v>49</v>
      </c>
      <c r="GD6" s="315" t="s">
        <v>50</v>
      </c>
      <c r="GE6" s="315" t="s">
        <v>51</v>
      </c>
      <c r="GF6" s="316" t="s">
        <v>45</v>
      </c>
      <c r="GG6" s="318" t="s">
        <v>52</v>
      </c>
      <c r="GH6" s="314" t="s">
        <v>43</v>
      </c>
      <c r="GI6" s="315" t="s">
        <v>44</v>
      </c>
      <c r="GJ6" s="316" t="s">
        <v>45</v>
      </c>
      <c r="GK6" s="317" t="s">
        <v>46</v>
      </c>
      <c r="GL6" s="315" t="s">
        <v>47</v>
      </c>
      <c r="GM6" s="315" t="s">
        <v>48</v>
      </c>
      <c r="GN6" s="315" t="s">
        <v>49</v>
      </c>
      <c r="GO6" s="315" t="s">
        <v>50</v>
      </c>
      <c r="GP6" s="315" t="s">
        <v>51</v>
      </c>
      <c r="GQ6" s="316" t="s">
        <v>45</v>
      </c>
      <c r="GR6" s="318" t="s">
        <v>52</v>
      </c>
      <c r="GS6" s="43" t="s">
        <v>43</v>
      </c>
      <c r="GT6" s="41" t="s">
        <v>44</v>
      </c>
      <c r="GU6" s="42" t="s">
        <v>45</v>
      </c>
      <c r="GV6" s="44" t="s">
        <v>46</v>
      </c>
      <c r="GW6" s="41" t="s">
        <v>47</v>
      </c>
      <c r="GX6" s="41" t="s">
        <v>48</v>
      </c>
      <c r="GY6" s="41" t="s">
        <v>49</v>
      </c>
      <c r="GZ6" s="41" t="s">
        <v>50</v>
      </c>
      <c r="HA6" s="41" t="s">
        <v>51</v>
      </c>
      <c r="HB6" s="42" t="s">
        <v>45</v>
      </c>
      <c r="HC6" s="45" t="s">
        <v>52</v>
      </c>
      <c r="HD6" s="314" t="s">
        <v>43</v>
      </c>
      <c r="HE6" s="315" t="s">
        <v>44</v>
      </c>
      <c r="HF6" s="316" t="s">
        <v>45</v>
      </c>
      <c r="HG6" s="317" t="s">
        <v>46</v>
      </c>
      <c r="HH6" s="315" t="s">
        <v>47</v>
      </c>
      <c r="HI6" s="315" t="s">
        <v>48</v>
      </c>
      <c r="HJ6" s="315" t="s">
        <v>49</v>
      </c>
      <c r="HK6" s="315" t="s">
        <v>50</v>
      </c>
      <c r="HL6" s="315" t="s">
        <v>51</v>
      </c>
      <c r="HM6" s="316" t="s">
        <v>45</v>
      </c>
      <c r="HN6" s="318" t="s">
        <v>52</v>
      </c>
      <c r="HO6" s="314" t="s">
        <v>43</v>
      </c>
      <c r="HP6" s="315" t="s">
        <v>44</v>
      </c>
      <c r="HQ6" s="316" t="s">
        <v>45</v>
      </c>
      <c r="HR6" s="317" t="s">
        <v>46</v>
      </c>
      <c r="HS6" s="315" t="s">
        <v>47</v>
      </c>
      <c r="HT6" s="315" t="s">
        <v>48</v>
      </c>
      <c r="HU6" s="315" t="s">
        <v>49</v>
      </c>
      <c r="HV6" s="315" t="s">
        <v>50</v>
      </c>
      <c r="HW6" s="315" t="s">
        <v>51</v>
      </c>
      <c r="HX6" s="316" t="s">
        <v>45</v>
      </c>
      <c r="HY6" s="318" t="s">
        <v>52</v>
      </c>
      <c r="HZ6" s="314" t="s">
        <v>43</v>
      </c>
      <c r="IA6" s="315" t="s">
        <v>44</v>
      </c>
      <c r="IB6" s="316" t="s">
        <v>45</v>
      </c>
      <c r="IC6" s="317" t="s">
        <v>46</v>
      </c>
      <c r="ID6" s="315" t="s">
        <v>47</v>
      </c>
      <c r="IE6" s="315" t="s">
        <v>48</v>
      </c>
      <c r="IF6" s="315" t="s">
        <v>49</v>
      </c>
      <c r="IG6" s="315" t="s">
        <v>50</v>
      </c>
      <c r="IH6" s="315" t="s">
        <v>51</v>
      </c>
      <c r="II6" s="316" t="s">
        <v>45</v>
      </c>
      <c r="IJ6" s="318" t="s">
        <v>52</v>
      </c>
      <c r="IK6" s="314" t="s">
        <v>43</v>
      </c>
      <c r="IL6" s="315" t="s">
        <v>44</v>
      </c>
      <c r="IM6" s="316" t="s">
        <v>45</v>
      </c>
      <c r="IN6" s="317" t="s">
        <v>46</v>
      </c>
      <c r="IO6" s="315" t="s">
        <v>47</v>
      </c>
      <c r="IP6" s="315" t="s">
        <v>48</v>
      </c>
      <c r="IQ6" s="315" t="s">
        <v>49</v>
      </c>
      <c r="IR6" s="315" t="s">
        <v>50</v>
      </c>
      <c r="IS6" s="315" t="s">
        <v>51</v>
      </c>
      <c r="IT6" s="316" t="s">
        <v>45</v>
      </c>
      <c r="IU6" s="318" t="s">
        <v>52</v>
      </c>
      <c r="IV6" s="314" t="s">
        <v>43</v>
      </c>
      <c r="IW6" s="315" t="s">
        <v>44</v>
      </c>
      <c r="IX6" s="316" t="s">
        <v>45</v>
      </c>
      <c r="IY6" s="317" t="s">
        <v>46</v>
      </c>
      <c r="IZ6" s="315" t="s">
        <v>47</v>
      </c>
      <c r="JA6" s="315" t="s">
        <v>48</v>
      </c>
      <c r="JB6" s="315" t="s">
        <v>49</v>
      </c>
      <c r="JC6" s="315" t="s">
        <v>50</v>
      </c>
      <c r="JD6" s="315" t="s">
        <v>51</v>
      </c>
      <c r="JE6" s="316" t="s">
        <v>45</v>
      </c>
      <c r="JF6" s="318" t="s">
        <v>52</v>
      </c>
      <c r="JG6" s="314" t="s">
        <v>43</v>
      </c>
      <c r="JH6" s="315" t="s">
        <v>44</v>
      </c>
      <c r="JI6" s="316" t="s">
        <v>45</v>
      </c>
      <c r="JJ6" s="317" t="s">
        <v>46</v>
      </c>
      <c r="JK6" s="315" t="s">
        <v>47</v>
      </c>
      <c r="JL6" s="315" t="s">
        <v>48</v>
      </c>
      <c r="JM6" s="315" t="s">
        <v>49</v>
      </c>
      <c r="JN6" s="315" t="s">
        <v>50</v>
      </c>
      <c r="JO6" s="315" t="s">
        <v>51</v>
      </c>
      <c r="JP6" s="316" t="s">
        <v>45</v>
      </c>
      <c r="JQ6" s="318" t="s">
        <v>52</v>
      </c>
      <c r="JR6" s="314" t="s">
        <v>43</v>
      </c>
      <c r="JS6" s="315" t="s">
        <v>44</v>
      </c>
      <c r="JT6" s="316" t="s">
        <v>45</v>
      </c>
      <c r="JU6" s="317" t="s">
        <v>46</v>
      </c>
      <c r="JV6" s="315" t="s">
        <v>47</v>
      </c>
      <c r="JW6" s="315" t="s">
        <v>48</v>
      </c>
      <c r="JX6" s="315" t="s">
        <v>49</v>
      </c>
      <c r="JY6" s="315" t="s">
        <v>50</v>
      </c>
      <c r="JZ6" s="315" t="s">
        <v>51</v>
      </c>
      <c r="KA6" s="316" t="s">
        <v>45</v>
      </c>
      <c r="KB6" s="318" t="s">
        <v>52</v>
      </c>
      <c r="KC6" s="314" t="s">
        <v>43</v>
      </c>
      <c r="KD6" s="315" t="s">
        <v>44</v>
      </c>
      <c r="KE6" s="316" t="s">
        <v>45</v>
      </c>
      <c r="KF6" s="317" t="s">
        <v>46</v>
      </c>
      <c r="KG6" s="315" t="s">
        <v>47</v>
      </c>
      <c r="KH6" s="315" t="s">
        <v>48</v>
      </c>
      <c r="KI6" s="315" t="s">
        <v>49</v>
      </c>
      <c r="KJ6" s="315" t="s">
        <v>50</v>
      </c>
      <c r="KK6" s="315" t="s">
        <v>51</v>
      </c>
      <c r="KL6" s="316" t="s">
        <v>45</v>
      </c>
      <c r="KM6" s="318" t="s">
        <v>52</v>
      </c>
    </row>
    <row r="7" spans="2:299" ht="21" customHeight="1" x14ac:dyDescent="0.2">
      <c r="B7" s="435" t="s">
        <v>4</v>
      </c>
      <c r="C7" s="286">
        <v>4198</v>
      </c>
      <c r="D7" s="68">
        <v>4077</v>
      </c>
      <c r="E7" s="69">
        <v>8275</v>
      </c>
      <c r="F7" s="442">
        <v>0</v>
      </c>
      <c r="G7" s="68">
        <v>5760</v>
      </c>
      <c r="H7" s="68">
        <v>5195</v>
      </c>
      <c r="I7" s="68">
        <v>3348</v>
      </c>
      <c r="J7" s="68">
        <v>2741</v>
      </c>
      <c r="K7" s="68">
        <v>1554</v>
      </c>
      <c r="L7" s="70">
        <v>18598</v>
      </c>
      <c r="M7" s="71">
        <v>26873</v>
      </c>
      <c r="N7" s="56">
        <v>56</v>
      </c>
      <c r="O7" s="57">
        <v>55</v>
      </c>
      <c r="P7" s="58">
        <v>111</v>
      </c>
      <c r="Q7" s="442">
        <v>0</v>
      </c>
      <c r="R7" s="57">
        <v>85</v>
      </c>
      <c r="S7" s="57">
        <v>90</v>
      </c>
      <c r="T7" s="57">
        <v>57</v>
      </c>
      <c r="U7" s="57">
        <v>48</v>
      </c>
      <c r="V7" s="57">
        <v>38</v>
      </c>
      <c r="W7" s="58">
        <v>318</v>
      </c>
      <c r="X7" s="59">
        <v>429</v>
      </c>
      <c r="Y7" s="56">
        <v>156</v>
      </c>
      <c r="Z7" s="57">
        <v>168</v>
      </c>
      <c r="AA7" s="58">
        <v>324</v>
      </c>
      <c r="AB7" s="442">
        <v>0</v>
      </c>
      <c r="AC7" s="57">
        <v>219</v>
      </c>
      <c r="AD7" s="57">
        <v>225</v>
      </c>
      <c r="AE7" s="57">
        <v>141</v>
      </c>
      <c r="AF7" s="57">
        <v>123</v>
      </c>
      <c r="AG7" s="57">
        <v>103</v>
      </c>
      <c r="AH7" s="58">
        <v>811</v>
      </c>
      <c r="AI7" s="59">
        <v>1135</v>
      </c>
      <c r="AJ7" s="56">
        <v>311</v>
      </c>
      <c r="AK7" s="57">
        <v>353</v>
      </c>
      <c r="AL7" s="58">
        <v>664</v>
      </c>
      <c r="AM7" s="442">
        <v>0</v>
      </c>
      <c r="AN7" s="57">
        <v>442</v>
      </c>
      <c r="AO7" s="57">
        <v>399</v>
      </c>
      <c r="AP7" s="57">
        <v>255</v>
      </c>
      <c r="AQ7" s="57">
        <v>231</v>
      </c>
      <c r="AR7" s="57">
        <v>127</v>
      </c>
      <c r="AS7" s="58">
        <v>1454</v>
      </c>
      <c r="AT7" s="59">
        <v>2118</v>
      </c>
      <c r="AU7" s="56">
        <v>827</v>
      </c>
      <c r="AV7" s="57">
        <v>775</v>
      </c>
      <c r="AW7" s="58">
        <v>1602</v>
      </c>
      <c r="AX7" s="442">
        <v>0</v>
      </c>
      <c r="AY7" s="57">
        <v>1076</v>
      </c>
      <c r="AZ7" s="57">
        <v>946</v>
      </c>
      <c r="BA7" s="57">
        <v>567</v>
      </c>
      <c r="BB7" s="57">
        <v>422</v>
      </c>
      <c r="BC7" s="57">
        <v>288</v>
      </c>
      <c r="BD7" s="58">
        <v>3299</v>
      </c>
      <c r="BE7" s="59">
        <v>4901</v>
      </c>
      <c r="BF7" s="56">
        <v>1530</v>
      </c>
      <c r="BG7" s="57">
        <v>1349</v>
      </c>
      <c r="BH7" s="58">
        <v>2879</v>
      </c>
      <c r="BI7" s="442">
        <v>0</v>
      </c>
      <c r="BJ7" s="57">
        <v>1899</v>
      </c>
      <c r="BK7" s="57">
        <v>1524</v>
      </c>
      <c r="BL7" s="57">
        <v>940</v>
      </c>
      <c r="BM7" s="57">
        <v>782</v>
      </c>
      <c r="BN7" s="57">
        <v>436</v>
      </c>
      <c r="BO7" s="58">
        <v>5581</v>
      </c>
      <c r="BP7" s="59">
        <v>8460</v>
      </c>
      <c r="BQ7" s="56">
        <v>1318</v>
      </c>
      <c r="BR7" s="57">
        <v>1377</v>
      </c>
      <c r="BS7" s="58">
        <v>2695</v>
      </c>
      <c r="BT7" s="442">
        <v>0</v>
      </c>
      <c r="BU7" s="57">
        <v>2039</v>
      </c>
      <c r="BV7" s="57">
        <v>2011</v>
      </c>
      <c r="BW7" s="57">
        <v>1388</v>
      </c>
      <c r="BX7" s="57">
        <v>1135</v>
      </c>
      <c r="BY7" s="57">
        <v>562</v>
      </c>
      <c r="BZ7" s="58">
        <v>7135</v>
      </c>
      <c r="CA7" s="59">
        <v>9830</v>
      </c>
      <c r="CB7" s="56">
        <v>0</v>
      </c>
      <c r="CC7" s="57">
        <v>0</v>
      </c>
      <c r="CD7" s="58">
        <v>0</v>
      </c>
      <c r="CE7" s="442">
        <v>0</v>
      </c>
      <c r="CF7" s="57">
        <v>0</v>
      </c>
      <c r="CG7" s="57">
        <v>0</v>
      </c>
      <c r="CH7" s="57">
        <v>0</v>
      </c>
      <c r="CI7" s="57">
        <v>0</v>
      </c>
      <c r="CJ7" s="57">
        <v>0</v>
      </c>
      <c r="CK7" s="58">
        <v>0</v>
      </c>
      <c r="CL7" s="59">
        <v>0</v>
      </c>
      <c r="CM7" s="56">
        <v>4198</v>
      </c>
      <c r="CN7" s="57">
        <v>4077</v>
      </c>
      <c r="CO7" s="58">
        <v>8275</v>
      </c>
      <c r="CP7" s="442">
        <v>0</v>
      </c>
      <c r="CQ7" s="57">
        <v>5760</v>
      </c>
      <c r="CR7" s="57">
        <v>5195</v>
      </c>
      <c r="CS7" s="57">
        <v>3348</v>
      </c>
      <c r="CT7" s="57">
        <v>2741</v>
      </c>
      <c r="CU7" s="57">
        <v>1554</v>
      </c>
      <c r="CV7" s="58">
        <v>18598</v>
      </c>
      <c r="CW7" s="59">
        <v>26873</v>
      </c>
      <c r="CX7" s="112">
        <v>585</v>
      </c>
      <c r="CY7" s="68">
        <v>738</v>
      </c>
      <c r="CZ7" s="69">
        <v>1323</v>
      </c>
      <c r="DA7" s="442">
        <v>0</v>
      </c>
      <c r="DB7" s="68">
        <v>840</v>
      </c>
      <c r="DC7" s="68">
        <v>745</v>
      </c>
      <c r="DD7" s="68">
        <v>511</v>
      </c>
      <c r="DE7" s="68">
        <v>530</v>
      </c>
      <c r="DF7" s="68">
        <v>339</v>
      </c>
      <c r="DG7" s="70">
        <v>2965</v>
      </c>
      <c r="DH7" s="71">
        <v>4288</v>
      </c>
      <c r="DI7" s="56">
        <v>12</v>
      </c>
      <c r="DJ7" s="57">
        <v>21</v>
      </c>
      <c r="DK7" s="58">
        <v>33</v>
      </c>
      <c r="DL7" s="442">
        <v>0</v>
      </c>
      <c r="DM7" s="57">
        <v>13</v>
      </c>
      <c r="DN7" s="57">
        <v>12</v>
      </c>
      <c r="DO7" s="57">
        <v>8</v>
      </c>
      <c r="DP7" s="57">
        <v>6</v>
      </c>
      <c r="DQ7" s="57">
        <v>4</v>
      </c>
      <c r="DR7" s="58">
        <v>43</v>
      </c>
      <c r="DS7" s="59">
        <v>76</v>
      </c>
      <c r="DT7" s="56">
        <v>40</v>
      </c>
      <c r="DU7" s="57">
        <v>53</v>
      </c>
      <c r="DV7" s="58">
        <v>93</v>
      </c>
      <c r="DW7" s="442">
        <v>0</v>
      </c>
      <c r="DX7" s="57">
        <v>23</v>
      </c>
      <c r="DY7" s="57">
        <v>28</v>
      </c>
      <c r="DZ7" s="57">
        <v>25</v>
      </c>
      <c r="EA7" s="57">
        <v>19</v>
      </c>
      <c r="EB7" s="57">
        <v>9</v>
      </c>
      <c r="EC7" s="58">
        <v>104</v>
      </c>
      <c r="ED7" s="59">
        <v>197</v>
      </c>
      <c r="EE7" s="56">
        <v>79</v>
      </c>
      <c r="EF7" s="57">
        <v>86</v>
      </c>
      <c r="EG7" s="58">
        <v>165</v>
      </c>
      <c r="EH7" s="442">
        <v>0</v>
      </c>
      <c r="EI7" s="57">
        <v>83</v>
      </c>
      <c r="EJ7" s="57">
        <v>52</v>
      </c>
      <c r="EK7" s="57">
        <v>29</v>
      </c>
      <c r="EL7" s="57">
        <v>25</v>
      </c>
      <c r="EM7" s="57">
        <v>27</v>
      </c>
      <c r="EN7" s="58">
        <v>216</v>
      </c>
      <c r="EO7" s="59">
        <v>381</v>
      </c>
      <c r="EP7" s="56">
        <v>155</v>
      </c>
      <c r="EQ7" s="57">
        <v>166</v>
      </c>
      <c r="ER7" s="58">
        <v>321</v>
      </c>
      <c r="ES7" s="442">
        <v>0</v>
      </c>
      <c r="ET7" s="57">
        <v>180</v>
      </c>
      <c r="EU7" s="57">
        <v>104</v>
      </c>
      <c r="EV7" s="57">
        <v>64</v>
      </c>
      <c r="EW7" s="57">
        <v>54</v>
      </c>
      <c r="EX7" s="57">
        <v>36</v>
      </c>
      <c r="EY7" s="58">
        <v>438</v>
      </c>
      <c r="EZ7" s="59">
        <v>759</v>
      </c>
      <c r="FA7" s="56">
        <v>179</v>
      </c>
      <c r="FB7" s="57">
        <v>224</v>
      </c>
      <c r="FC7" s="58">
        <v>403</v>
      </c>
      <c r="FD7" s="442">
        <v>0</v>
      </c>
      <c r="FE7" s="57">
        <v>246</v>
      </c>
      <c r="FF7" s="57">
        <v>226</v>
      </c>
      <c r="FG7" s="57">
        <v>121</v>
      </c>
      <c r="FH7" s="57">
        <v>120</v>
      </c>
      <c r="FI7" s="57">
        <v>87</v>
      </c>
      <c r="FJ7" s="58">
        <v>800</v>
      </c>
      <c r="FK7" s="59">
        <v>1203</v>
      </c>
      <c r="FL7" s="56">
        <v>120</v>
      </c>
      <c r="FM7" s="57">
        <v>188</v>
      </c>
      <c r="FN7" s="58">
        <v>308</v>
      </c>
      <c r="FO7" s="442">
        <v>0</v>
      </c>
      <c r="FP7" s="57">
        <v>295</v>
      </c>
      <c r="FQ7" s="57">
        <v>323</v>
      </c>
      <c r="FR7" s="57">
        <v>264</v>
      </c>
      <c r="FS7" s="57">
        <v>306</v>
      </c>
      <c r="FT7" s="57">
        <v>176</v>
      </c>
      <c r="FU7" s="58">
        <v>1364</v>
      </c>
      <c r="FV7" s="59">
        <v>1672</v>
      </c>
      <c r="FW7" s="56">
        <v>0</v>
      </c>
      <c r="FX7" s="57">
        <v>0</v>
      </c>
      <c r="FY7" s="58">
        <v>0</v>
      </c>
      <c r="FZ7" s="442">
        <v>0</v>
      </c>
      <c r="GA7" s="57">
        <v>0</v>
      </c>
      <c r="GB7" s="57">
        <v>0</v>
      </c>
      <c r="GC7" s="57">
        <v>0</v>
      </c>
      <c r="GD7" s="57">
        <v>0</v>
      </c>
      <c r="GE7" s="57">
        <v>0</v>
      </c>
      <c r="GF7" s="58">
        <v>0</v>
      </c>
      <c r="GG7" s="59">
        <v>0</v>
      </c>
      <c r="GH7" s="56">
        <v>585</v>
      </c>
      <c r="GI7" s="57">
        <v>738</v>
      </c>
      <c r="GJ7" s="58">
        <v>1323</v>
      </c>
      <c r="GK7" s="442">
        <v>0</v>
      </c>
      <c r="GL7" s="57">
        <v>840</v>
      </c>
      <c r="GM7" s="57">
        <v>745</v>
      </c>
      <c r="GN7" s="57">
        <v>511</v>
      </c>
      <c r="GO7" s="57">
        <v>530</v>
      </c>
      <c r="GP7" s="57">
        <v>339</v>
      </c>
      <c r="GQ7" s="58">
        <v>2965</v>
      </c>
      <c r="GR7" s="59">
        <v>4288</v>
      </c>
      <c r="GS7" s="112">
        <v>4783</v>
      </c>
      <c r="GT7" s="68">
        <v>4815</v>
      </c>
      <c r="GU7" s="69">
        <v>9598</v>
      </c>
      <c r="GV7" s="442">
        <v>0</v>
      </c>
      <c r="GW7" s="68">
        <v>6600</v>
      </c>
      <c r="GX7" s="68">
        <v>5940</v>
      </c>
      <c r="GY7" s="68">
        <v>3859</v>
      </c>
      <c r="GZ7" s="68">
        <v>3271</v>
      </c>
      <c r="HA7" s="68">
        <v>1893</v>
      </c>
      <c r="HB7" s="70">
        <v>21563</v>
      </c>
      <c r="HC7" s="71">
        <v>31161</v>
      </c>
      <c r="HD7" s="56">
        <v>68</v>
      </c>
      <c r="HE7" s="57">
        <v>76</v>
      </c>
      <c r="HF7" s="58">
        <v>144</v>
      </c>
      <c r="HG7" s="442">
        <v>0</v>
      </c>
      <c r="HH7" s="57">
        <v>98</v>
      </c>
      <c r="HI7" s="57">
        <v>102</v>
      </c>
      <c r="HJ7" s="57">
        <v>65</v>
      </c>
      <c r="HK7" s="57">
        <v>54</v>
      </c>
      <c r="HL7" s="57">
        <v>42</v>
      </c>
      <c r="HM7" s="58">
        <v>361</v>
      </c>
      <c r="HN7" s="59">
        <v>505</v>
      </c>
      <c r="HO7" s="56">
        <v>196</v>
      </c>
      <c r="HP7" s="57">
        <v>221</v>
      </c>
      <c r="HQ7" s="58">
        <v>417</v>
      </c>
      <c r="HR7" s="442">
        <v>0</v>
      </c>
      <c r="HS7" s="57">
        <v>242</v>
      </c>
      <c r="HT7" s="57">
        <v>253</v>
      </c>
      <c r="HU7" s="57">
        <v>166</v>
      </c>
      <c r="HV7" s="57">
        <v>142</v>
      </c>
      <c r="HW7" s="57">
        <v>112</v>
      </c>
      <c r="HX7" s="58">
        <v>915</v>
      </c>
      <c r="HY7" s="59">
        <v>1332</v>
      </c>
      <c r="HZ7" s="56">
        <v>390</v>
      </c>
      <c r="IA7" s="57">
        <v>439</v>
      </c>
      <c r="IB7" s="58">
        <v>829</v>
      </c>
      <c r="IC7" s="442">
        <v>0</v>
      </c>
      <c r="ID7" s="57">
        <v>525</v>
      </c>
      <c r="IE7" s="57">
        <v>451</v>
      </c>
      <c r="IF7" s="57">
        <v>284</v>
      </c>
      <c r="IG7" s="57">
        <v>256</v>
      </c>
      <c r="IH7" s="57">
        <v>154</v>
      </c>
      <c r="II7" s="58">
        <v>1670</v>
      </c>
      <c r="IJ7" s="59">
        <v>2499</v>
      </c>
      <c r="IK7" s="56">
        <v>982</v>
      </c>
      <c r="IL7" s="57">
        <v>941</v>
      </c>
      <c r="IM7" s="58">
        <v>1923</v>
      </c>
      <c r="IN7" s="442">
        <v>0</v>
      </c>
      <c r="IO7" s="57">
        <v>1256</v>
      </c>
      <c r="IP7" s="57">
        <v>1050</v>
      </c>
      <c r="IQ7" s="57">
        <v>631</v>
      </c>
      <c r="IR7" s="57">
        <v>476</v>
      </c>
      <c r="IS7" s="57">
        <v>324</v>
      </c>
      <c r="IT7" s="58">
        <v>3737</v>
      </c>
      <c r="IU7" s="59">
        <v>5660</v>
      </c>
      <c r="IV7" s="56">
        <v>1709</v>
      </c>
      <c r="IW7" s="57">
        <v>1573</v>
      </c>
      <c r="IX7" s="58">
        <v>3282</v>
      </c>
      <c r="IY7" s="442">
        <v>0</v>
      </c>
      <c r="IZ7" s="57">
        <v>2145</v>
      </c>
      <c r="JA7" s="57">
        <v>1750</v>
      </c>
      <c r="JB7" s="57">
        <v>1061</v>
      </c>
      <c r="JC7" s="57">
        <v>902</v>
      </c>
      <c r="JD7" s="57">
        <v>523</v>
      </c>
      <c r="JE7" s="58">
        <v>6381</v>
      </c>
      <c r="JF7" s="59">
        <v>9663</v>
      </c>
      <c r="JG7" s="56">
        <v>1438</v>
      </c>
      <c r="JH7" s="57">
        <v>1565</v>
      </c>
      <c r="JI7" s="58">
        <v>3003</v>
      </c>
      <c r="JJ7" s="442">
        <v>0</v>
      </c>
      <c r="JK7" s="57">
        <v>2334</v>
      </c>
      <c r="JL7" s="57">
        <v>2334</v>
      </c>
      <c r="JM7" s="57">
        <v>1652</v>
      </c>
      <c r="JN7" s="57">
        <v>1441</v>
      </c>
      <c r="JO7" s="57">
        <v>738</v>
      </c>
      <c r="JP7" s="58">
        <v>8499</v>
      </c>
      <c r="JQ7" s="59">
        <v>11502</v>
      </c>
      <c r="JR7" s="56">
        <v>0</v>
      </c>
      <c r="JS7" s="57">
        <v>0</v>
      </c>
      <c r="JT7" s="58">
        <v>0</v>
      </c>
      <c r="JU7" s="442">
        <v>0</v>
      </c>
      <c r="JV7" s="57">
        <v>0</v>
      </c>
      <c r="JW7" s="57">
        <v>0</v>
      </c>
      <c r="JX7" s="57">
        <v>0</v>
      </c>
      <c r="JY7" s="57">
        <v>0</v>
      </c>
      <c r="JZ7" s="57">
        <v>0</v>
      </c>
      <c r="KA7" s="58">
        <v>0</v>
      </c>
      <c r="KB7" s="59">
        <v>0</v>
      </c>
      <c r="KC7" s="56">
        <v>4783</v>
      </c>
      <c r="KD7" s="57">
        <v>4815</v>
      </c>
      <c r="KE7" s="58">
        <v>9598</v>
      </c>
      <c r="KF7" s="442">
        <v>0</v>
      </c>
      <c r="KG7" s="57">
        <v>6600</v>
      </c>
      <c r="KH7" s="57">
        <v>5940</v>
      </c>
      <c r="KI7" s="57">
        <v>3859</v>
      </c>
      <c r="KJ7" s="57">
        <v>3271</v>
      </c>
      <c r="KK7" s="57">
        <v>1893</v>
      </c>
      <c r="KL7" s="58">
        <v>21563</v>
      </c>
      <c r="KM7" s="59">
        <v>31161</v>
      </c>
    </row>
    <row r="8" spans="2:299" ht="21" customHeight="1" x14ac:dyDescent="0.2">
      <c r="B8" s="436" t="s">
        <v>5</v>
      </c>
      <c r="C8" s="287">
        <v>1782</v>
      </c>
      <c r="D8" s="72">
        <v>2082</v>
      </c>
      <c r="E8" s="73">
        <v>3864</v>
      </c>
      <c r="F8" s="443">
        <v>0</v>
      </c>
      <c r="G8" s="72">
        <v>2100</v>
      </c>
      <c r="H8" s="72">
        <v>2450</v>
      </c>
      <c r="I8" s="72">
        <v>1523</v>
      </c>
      <c r="J8" s="72">
        <v>1205</v>
      </c>
      <c r="K8" s="72">
        <v>667</v>
      </c>
      <c r="L8" s="74">
        <v>7945</v>
      </c>
      <c r="M8" s="75">
        <v>11809</v>
      </c>
      <c r="N8" s="60">
        <v>18</v>
      </c>
      <c r="O8" s="61">
        <v>28</v>
      </c>
      <c r="P8" s="62">
        <v>46</v>
      </c>
      <c r="Q8" s="443">
        <v>0</v>
      </c>
      <c r="R8" s="61">
        <v>29</v>
      </c>
      <c r="S8" s="61">
        <v>46</v>
      </c>
      <c r="T8" s="61">
        <v>24</v>
      </c>
      <c r="U8" s="61">
        <v>19</v>
      </c>
      <c r="V8" s="61">
        <v>20</v>
      </c>
      <c r="W8" s="62">
        <v>138</v>
      </c>
      <c r="X8" s="63">
        <v>184</v>
      </c>
      <c r="Y8" s="60">
        <v>60</v>
      </c>
      <c r="Z8" s="61">
        <v>96</v>
      </c>
      <c r="AA8" s="62">
        <v>156</v>
      </c>
      <c r="AB8" s="443">
        <v>0</v>
      </c>
      <c r="AC8" s="61">
        <v>63</v>
      </c>
      <c r="AD8" s="61">
        <v>115</v>
      </c>
      <c r="AE8" s="61">
        <v>64</v>
      </c>
      <c r="AF8" s="61">
        <v>54</v>
      </c>
      <c r="AG8" s="61">
        <v>33</v>
      </c>
      <c r="AH8" s="62">
        <v>329</v>
      </c>
      <c r="AI8" s="63">
        <v>485</v>
      </c>
      <c r="AJ8" s="60">
        <v>127</v>
      </c>
      <c r="AK8" s="61">
        <v>172</v>
      </c>
      <c r="AL8" s="62">
        <v>299</v>
      </c>
      <c r="AM8" s="443">
        <v>0</v>
      </c>
      <c r="AN8" s="61">
        <v>149</v>
      </c>
      <c r="AO8" s="61">
        <v>174</v>
      </c>
      <c r="AP8" s="61">
        <v>111</v>
      </c>
      <c r="AQ8" s="61">
        <v>92</v>
      </c>
      <c r="AR8" s="61">
        <v>57</v>
      </c>
      <c r="AS8" s="62">
        <v>583</v>
      </c>
      <c r="AT8" s="63">
        <v>882</v>
      </c>
      <c r="AU8" s="60">
        <v>332</v>
      </c>
      <c r="AV8" s="61">
        <v>378</v>
      </c>
      <c r="AW8" s="62">
        <v>710</v>
      </c>
      <c r="AX8" s="443">
        <v>0</v>
      </c>
      <c r="AY8" s="61">
        <v>358</v>
      </c>
      <c r="AZ8" s="61">
        <v>407</v>
      </c>
      <c r="BA8" s="61">
        <v>237</v>
      </c>
      <c r="BB8" s="61">
        <v>185</v>
      </c>
      <c r="BC8" s="61">
        <v>123</v>
      </c>
      <c r="BD8" s="62">
        <v>1310</v>
      </c>
      <c r="BE8" s="63">
        <v>2020</v>
      </c>
      <c r="BF8" s="60">
        <v>674</v>
      </c>
      <c r="BG8" s="61">
        <v>667</v>
      </c>
      <c r="BH8" s="62">
        <v>1341</v>
      </c>
      <c r="BI8" s="443">
        <v>0</v>
      </c>
      <c r="BJ8" s="61">
        <v>703</v>
      </c>
      <c r="BK8" s="61">
        <v>726</v>
      </c>
      <c r="BL8" s="61">
        <v>423</v>
      </c>
      <c r="BM8" s="61">
        <v>344</v>
      </c>
      <c r="BN8" s="61">
        <v>184</v>
      </c>
      <c r="BO8" s="62">
        <v>2380</v>
      </c>
      <c r="BP8" s="63">
        <v>3721</v>
      </c>
      <c r="BQ8" s="60">
        <v>571</v>
      </c>
      <c r="BR8" s="61">
        <v>741</v>
      </c>
      <c r="BS8" s="62">
        <v>1312</v>
      </c>
      <c r="BT8" s="443">
        <v>0</v>
      </c>
      <c r="BU8" s="61">
        <v>798</v>
      </c>
      <c r="BV8" s="61">
        <v>982</v>
      </c>
      <c r="BW8" s="61">
        <v>664</v>
      </c>
      <c r="BX8" s="61">
        <v>511</v>
      </c>
      <c r="BY8" s="61">
        <v>250</v>
      </c>
      <c r="BZ8" s="62">
        <v>3205</v>
      </c>
      <c r="CA8" s="63">
        <v>4517</v>
      </c>
      <c r="CB8" s="60">
        <v>0</v>
      </c>
      <c r="CC8" s="61">
        <v>0</v>
      </c>
      <c r="CD8" s="62">
        <v>0</v>
      </c>
      <c r="CE8" s="443">
        <v>0</v>
      </c>
      <c r="CF8" s="61">
        <v>0</v>
      </c>
      <c r="CG8" s="61">
        <v>0</v>
      </c>
      <c r="CH8" s="61">
        <v>0</v>
      </c>
      <c r="CI8" s="61">
        <v>0</v>
      </c>
      <c r="CJ8" s="61">
        <v>0</v>
      </c>
      <c r="CK8" s="62">
        <v>0</v>
      </c>
      <c r="CL8" s="63">
        <v>0</v>
      </c>
      <c r="CM8" s="60">
        <v>1782</v>
      </c>
      <c r="CN8" s="61">
        <v>2082</v>
      </c>
      <c r="CO8" s="62">
        <v>3864</v>
      </c>
      <c r="CP8" s="443">
        <v>0</v>
      </c>
      <c r="CQ8" s="61">
        <v>2100</v>
      </c>
      <c r="CR8" s="61">
        <v>2450</v>
      </c>
      <c r="CS8" s="61">
        <v>1523</v>
      </c>
      <c r="CT8" s="61">
        <v>1205</v>
      </c>
      <c r="CU8" s="61">
        <v>667</v>
      </c>
      <c r="CV8" s="62">
        <v>7945</v>
      </c>
      <c r="CW8" s="63">
        <v>11809</v>
      </c>
      <c r="CX8" s="113">
        <v>240</v>
      </c>
      <c r="CY8" s="72">
        <v>363</v>
      </c>
      <c r="CZ8" s="73">
        <v>603</v>
      </c>
      <c r="DA8" s="443">
        <v>0</v>
      </c>
      <c r="DB8" s="72">
        <v>308</v>
      </c>
      <c r="DC8" s="72">
        <v>350</v>
      </c>
      <c r="DD8" s="72">
        <v>228</v>
      </c>
      <c r="DE8" s="72">
        <v>239</v>
      </c>
      <c r="DF8" s="72">
        <v>154</v>
      </c>
      <c r="DG8" s="74">
        <v>1279</v>
      </c>
      <c r="DH8" s="75">
        <v>1882</v>
      </c>
      <c r="DI8" s="60">
        <v>4</v>
      </c>
      <c r="DJ8" s="61">
        <v>12</v>
      </c>
      <c r="DK8" s="62">
        <v>16</v>
      </c>
      <c r="DL8" s="443">
        <v>0</v>
      </c>
      <c r="DM8" s="61">
        <v>2</v>
      </c>
      <c r="DN8" s="61">
        <v>4</v>
      </c>
      <c r="DO8" s="61">
        <v>2</v>
      </c>
      <c r="DP8" s="61">
        <v>1</v>
      </c>
      <c r="DQ8" s="61">
        <v>2</v>
      </c>
      <c r="DR8" s="62">
        <v>11</v>
      </c>
      <c r="DS8" s="63">
        <v>27</v>
      </c>
      <c r="DT8" s="60">
        <v>12</v>
      </c>
      <c r="DU8" s="61">
        <v>25</v>
      </c>
      <c r="DV8" s="62">
        <v>37</v>
      </c>
      <c r="DW8" s="443">
        <v>0</v>
      </c>
      <c r="DX8" s="61">
        <v>10</v>
      </c>
      <c r="DY8" s="61">
        <v>12</v>
      </c>
      <c r="DZ8" s="61">
        <v>14</v>
      </c>
      <c r="EA8" s="61">
        <v>9</v>
      </c>
      <c r="EB8" s="61">
        <v>6</v>
      </c>
      <c r="EC8" s="62">
        <v>51</v>
      </c>
      <c r="ED8" s="63">
        <v>88</v>
      </c>
      <c r="EE8" s="60">
        <v>26</v>
      </c>
      <c r="EF8" s="61">
        <v>49</v>
      </c>
      <c r="EG8" s="62">
        <v>75</v>
      </c>
      <c r="EH8" s="443">
        <v>0</v>
      </c>
      <c r="EI8" s="61">
        <v>32</v>
      </c>
      <c r="EJ8" s="61">
        <v>24</v>
      </c>
      <c r="EK8" s="61">
        <v>13</v>
      </c>
      <c r="EL8" s="61">
        <v>12</v>
      </c>
      <c r="EM8" s="61">
        <v>14</v>
      </c>
      <c r="EN8" s="62">
        <v>95</v>
      </c>
      <c r="EO8" s="63">
        <v>170</v>
      </c>
      <c r="EP8" s="60">
        <v>62</v>
      </c>
      <c r="EQ8" s="61">
        <v>87</v>
      </c>
      <c r="ER8" s="62">
        <v>149</v>
      </c>
      <c r="ES8" s="443">
        <v>0</v>
      </c>
      <c r="ET8" s="61">
        <v>68</v>
      </c>
      <c r="EU8" s="61">
        <v>44</v>
      </c>
      <c r="EV8" s="61">
        <v>21</v>
      </c>
      <c r="EW8" s="61">
        <v>34</v>
      </c>
      <c r="EX8" s="61">
        <v>16</v>
      </c>
      <c r="EY8" s="62">
        <v>183</v>
      </c>
      <c r="EZ8" s="63">
        <v>332</v>
      </c>
      <c r="FA8" s="60">
        <v>85</v>
      </c>
      <c r="FB8" s="61">
        <v>106</v>
      </c>
      <c r="FC8" s="62">
        <v>191</v>
      </c>
      <c r="FD8" s="443">
        <v>0</v>
      </c>
      <c r="FE8" s="61">
        <v>97</v>
      </c>
      <c r="FF8" s="61">
        <v>110</v>
      </c>
      <c r="FG8" s="61">
        <v>54</v>
      </c>
      <c r="FH8" s="61">
        <v>60</v>
      </c>
      <c r="FI8" s="61">
        <v>28</v>
      </c>
      <c r="FJ8" s="62">
        <v>349</v>
      </c>
      <c r="FK8" s="63">
        <v>540</v>
      </c>
      <c r="FL8" s="60">
        <v>51</v>
      </c>
      <c r="FM8" s="61">
        <v>84</v>
      </c>
      <c r="FN8" s="62">
        <v>135</v>
      </c>
      <c r="FO8" s="443">
        <v>0</v>
      </c>
      <c r="FP8" s="61">
        <v>99</v>
      </c>
      <c r="FQ8" s="61">
        <v>156</v>
      </c>
      <c r="FR8" s="61">
        <v>124</v>
      </c>
      <c r="FS8" s="61">
        <v>123</v>
      </c>
      <c r="FT8" s="61">
        <v>88</v>
      </c>
      <c r="FU8" s="62">
        <v>590</v>
      </c>
      <c r="FV8" s="63">
        <v>725</v>
      </c>
      <c r="FW8" s="60">
        <v>0</v>
      </c>
      <c r="FX8" s="61">
        <v>0</v>
      </c>
      <c r="FY8" s="62">
        <v>0</v>
      </c>
      <c r="FZ8" s="443">
        <v>0</v>
      </c>
      <c r="GA8" s="61">
        <v>0</v>
      </c>
      <c r="GB8" s="61">
        <v>0</v>
      </c>
      <c r="GC8" s="61">
        <v>0</v>
      </c>
      <c r="GD8" s="61">
        <v>0</v>
      </c>
      <c r="GE8" s="61">
        <v>0</v>
      </c>
      <c r="GF8" s="62">
        <v>0</v>
      </c>
      <c r="GG8" s="63">
        <v>0</v>
      </c>
      <c r="GH8" s="60">
        <v>240</v>
      </c>
      <c r="GI8" s="61">
        <v>363</v>
      </c>
      <c r="GJ8" s="62">
        <v>603</v>
      </c>
      <c r="GK8" s="443">
        <v>0</v>
      </c>
      <c r="GL8" s="61">
        <v>308</v>
      </c>
      <c r="GM8" s="61">
        <v>350</v>
      </c>
      <c r="GN8" s="61">
        <v>228</v>
      </c>
      <c r="GO8" s="61">
        <v>239</v>
      </c>
      <c r="GP8" s="61">
        <v>154</v>
      </c>
      <c r="GQ8" s="62">
        <v>1279</v>
      </c>
      <c r="GR8" s="63">
        <v>1882</v>
      </c>
      <c r="GS8" s="113">
        <v>2022</v>
      </c>
      <c r="GT8" s="72">
        <v>2445</v>
      </c>
      <c r="GU8" s="73">
        <v>4467</v>
      </c>
      <c r="GV8" s="443">
        <v>0</v>
      </c>
      <c r="GW8" s="72">
        <v>2408</v>
      </c>
      <c r="GX8" s="72">
        <v>2800</v>
      </c>
      <c r="GY8" s="72">
        <v>1751</v>
      </c>
      <c r="GZ8" s="72">
        <v>1444</v>
      </c>
      <c r="HA8" s="72">
        <v>821</v>
      </c>
      <c r="HB8" s="74">
        <v>9224</v>
      </c>
      <c r="HC8" s="75">
        <v>13691</v>
      </c>
      <c r="HD8" s="60">
        <v>22</v>
      </c>
      <c r="HE8" s="61">
        <v>40</v>
      </c>
      <c r="HF8" s="62">
        <v>62</v>
      </c>
      <c r="HG8" s="443">
        <v>0</v>
      </c>
      <c r="HH8" s="61">
        <v>31</v>
      </c>
      <c r="HI8" s="61">
        <v>50</v>
      </c>
      <c r="HJ8" s="61">
        <v>26</v>
      </c>
      <c r="HK8" s="61">
        <v>20</v>
      </c>
      <c r="HL8" s="61">
        <v>22</v>
      </c>
      <c r="HM8" s="62">
        <v>149</v>
      </c>
      <c r="HN8" s="63">
        <v>211</v>
      </c>
      <c r="HO8" s="60">
        <v>72</v>
      </c>
      <c r="HP8" s="61">
        <v>121</v>
      </c>
      <c r="HQ8" s="62">
        <v>193</v>
      </c>
      <c r="HR8" s="443">
        <v>0</v>
      </c>
      <c r="HS8" s="61">
        <v>73</v>
      </c>
      <c r="HT8" s="61">
        <v>127</v>
      </c>
      <c r="HU8" s="61">
        <v>78</v>
      </c>
      <c r="HV8" s="61">
        <v>63</v>
      </c>
      <c r="HW8" s="61">
        <v>39</v>
      </c>
      <c r="HX8" s="62">
        <v>380</v>
      </c>
      <c r="HY8" s="63">
        <v>573</v>
      </c>
      <c r="HZ8" s="60">
        <v>153</v>
      </c>
      <c r="IA8" s="61">
        <v>221</v>
      </c>
      <c r="IB8" s="62">
        <v>374</v>
      </c>
      <c r="IC8" s="443">
        <v>0</v>
      </c>
      <c r="ID8" s="61">
        <v>181</v>
      </c>
      <c r="IE8" s="61">
        <v>198</v>
      </c>
      <c r="IF8" s="61">
        <v>124</v>
      </c>
      <c r="IG8" s="61">
        <v>104</v>
      </c>
      <c r="IH8" s="61">
        <v>71</v>
      </c>
      <c r="II8" s="62">
        <v>678</v>
      </c>
      <c r="IJ8" s="63">
        <v>1052</v>
      </c>
      <c r="IK8" s="60">
        <v>394</v>
      </c>
      <c r="IL8" s="61">
        <v>465</v>
      </c>
      <c r="IM8" s="62">
        <v>859</v>
      </c>
      <c r="IN8" s="443">
        <v>0</v>
      </c>
      <c r="IO8" s="61">
        <v>426</v>
      </c>
      <c r="IP8" s="61">
        <v>451</v>
      </c>
      <c r="IQ8" s="61">
        <v>258</v>
      </c>
      <c r="IR8" s="61">
        <v>219</v>
      </c>
      <c r="IS8" s="61">
        <v>139</v>
      </c>
      <c r="IT8" s="62">
        <v>1493</v>
      </c>
      <c r="IU8" s="63">
        <v>2352</v>
      </c>
      <c r="IV8" s="60">
        <v>759</v>
      </c>
      <c r="IW8" s="61">
        <v>773</v>
      </c>
      <c r="IX8" s="62">
        <v>1532</v>
      </c>
      <c r="IY8" s="443">
        <v>0</v>
      </c>
      <c r="IZ8" s="61">
        <v>800</v>
      </c>
      <c r="JA8" s="61">
        <v>836</v>
      </c>
      <c r="JB8" s="61">
        <v>477</v>
      </c>
      <c r="JC8" s="61">
        <v>404</v>
      </c>
      <c r="JD8" s="61">
        <v>212</v>
      </c>
      <c r="JE8" s="62">
        <v>2729</v>
      </c>
      <c r="JF8" s="63">
        <v>4261</v>
      </c>
      <c r="JG8" s="60">
        <v>622</v>
      </c>
      <c r="JH8" s="61">
        <v>825</v>
      </c>
      <c r="JI8" s="62">
        <v>1447</v>
      </c>
      <c r="JJ8" s="443">
        <v>0</v>
      </c>
      <c r="JK8" s="61">
        <v>897</v>
      </c>
      <c r="JL8" s="61">
        <v>1138</v>
      </c>
      <c r="JM8" s="61">
        <v>788</v>
      </c>
      <c r="JN8" s="61">
        <v>634</v>
      </c>
      <c r="JO8" s="61">
        <v>338</v>
      </c>
      <c r="JP8" s="62">
        <v>3795</v>
      </c>
      <c r="JQ8" s="63">
        <v>5242</v>
      </c>
      <c r="JR8" s="60">
        <v>0</v>
      </c>
      <c r="JS8" s="61">
        <v>0</v>
      </c>
      <c r="JT8" s="62">
        <v>0</v>
      </c>
      <c r="JU8" s="443">
        <v>0</v>
      </c>
      <c r="JV8" s="61">
        <v>0</v>
      </c>
      <c r="JW8" s="61">
        <v>0</v>
      </c>
      <c r="JX8" s="61">
        <v>0</v>
      </c>
      <c r="JY8" s="61">
        <v>0</v>
      </c>
      <c r="JZ8" s="61">
        <v>0</v>
      </c>
      <c r="KA8" s="62">
        <v>0</v>
      </c>
      <c r="KB8" s="63">
        <v>0</v>
      </c>
      <c r="KC8" s="60">
        <v>2022</v>
      </c>
      <c r="KD8" s="61">
        <v>2445</v>
      </c>
      <c r="KE8" s="62">
        <v>4467</v>
      </c>
      <c r="KF8" s="443">
        <v>0</v>
      </c>
      <c r="KG8" s="61">
        <v>2408</v>
      </c>
      <c r="KH8" s="61">
        <v>2800</v>
      </c>
      <c r="KI8" s="61">
        <v>1751</v>
      </c>
      <c r="KJ8" s="61">
        <v>1444</v>
      </c>
      <c r="KK8" s="61">
        <v>821</v>
      </c>
      <c r="KL8" s="62">
        <v>9224</v>
      </c>
      <c r="KM8" s="63">
        <v>13691</v>
      </c>
    </row>
    <row r="9" spans="2:299" ht="21" customHeight="1" x14ac:dyDescent="0.2">
      <c r="B9" s="437" t="s">
        <v>6</v>
      </c>
      <c r="C9" s="287">
        <v>476</v>
      </c>
      <c r="D9" s="72">
        <v>379</v>
      </c>
      <c r="E9" s="73">
        <v>855</v>
      </c>
      <c r="F9" s="443">
        <v>0</v>
      </c>
      <c r="G9" s="72">
        <v>800</v>
      </c>
      <c r="H9" s="72">
        <v>613</v>
      </c>
      <c r="I9" s="72">
        <v>353</v>
      </c>
      <c r="J9" s="72">
        <v>335</v>
      </c>
      <c r="K9" s="72">
        <v>192</v>
      </c>
      <c r="L9" s="74">
        <v>2293</v>
      </c>
      <c r="M9" s="75">
        <v>3148</v>
      </c>
      <c r="N9" s="60">
        <v>13</v>
      </c>
      <c r="O9" s="61">
        <v>10</v>
      </c>
      <c r="P9" s="62">
        <v>23</v>
      </c>
      <c r="Q9" s="443">
        <v>0</v>
      </c>
      <c r="R9" s="61">
        <v>13</v>
      </c>
      <c r="S9" s="61">
        <v>11</v>
      </c>
      <c r="T9" s="61">
        <v>8</v>
      </c>
      <c r="U9" s="61">
        <v>4</v>
      </c>
      <c r="V9" s="61">
        <v>1</v>
      </c>
      <c r="W9" s="62">
        <v>37</v>
      </c>
      <c r="X9" s="63">
        <v>60</v>
      </c>
      <c r="Y9" s="60">
        <v>30</v>
      </c>
      <c r="Z9" s="61">
        <v>14</v>
      </c>
      <c r="AA9" s="62">
        <v>44</v>
      </c>
      <c r="AB9" s="443">
        <v>0</v>
      </c>
      <c r="AC9" s="61">
        <v>36</v>
      </c>
      <c r="AD9" s="61">
        <v>18</v>
      </c>
      <c r="AE9" s="61">
        <v>8</v>
      </c>
      <c r="AF9" s="61">
        <v>20</v>
      </c>
      <c r="AG9" s="61">
        <v>19</v>
      </c>
      <c r="AH9" s="62">
        <v>101</v>
      </c>
      <c r="AI9" s="63">
        <v>145</v>
      </c>
      <c r="AJ9" s="60">
        <v>36</v>
      </c>
      <c r="AK9" s="61">
        <v>38</v>
      </c>
      <c r="AL9" s="62">
        <v>74</v>
      </c>
      <c r="AM9" s="443">
        <v>0</v>
      </c>
      <c r="AN9" s="61">
        <v>69</v>
      </c>
      <c r="AO9" s="61">
        <v>53</v>
      </c>
      <c r="AP9" s="61">
        <v>26</v>
      </c>
      <c r="AQ9" s="61">
        <v>26</v>
      </c>
      <c r="AR9" s="61">
        <v>11</v>
      </c>
      <c r="AS9" s="62">
        <v>185</v>
      </c>
      <c r="AT9" s="63">
        <v>259</v>
      </c>
      <c r="AU9" s="60">
        <v>86</v>
      </c>
      <c r="AV9" s="61">
        <v>65</v>
      </c>
      <c r="AW9" s="62">
        <v>151</v>
      </c>
      <c r="AX9" s="443">
        <v>0</v>
      </c>
      <c r="AY9" s="61">
        <v>147</v>
      </c>
      <c r="AZ9" s="61">
        <v>112</v>
      </c>
      <c r="BA9" s="61">
        <v>67</v>
      </c>
      <c r="BB9" s="61">
        <v>36</v>
      </c>
      <c r="BC9" s="61">
        <v>32</v>
      </c>
      <c r="BD9" s="62">
        <v>394</v>
      </c>
      <c r="BE9" s="63">
        <v>545</v>
      </c>
      <c r="BF9" s="60">
        <v>159</v>
      </c>
      <c r="BG9" s="61">
        <v>121</v>
      </c>
      <c r="BH9" s="62">
        <v>280</v>
      </c>
      <c r="BI9" s="443">
        <v>0</v>
      </c>
      <c r="BJ9" s="61">
        <v>245</v>
      </c>
      <c r="BK9" s="61">
        <v>185</v>
      </c>
      <c r="BL9" s="61">
        <v>99</v>
      </c>
      <c r="BM9" s="61">
        <v>95</v>
      </c>
      <c r="BN9" s="61">
        <v>60</v>
      </c>
      <c r="BO9" s="62">
        <v>684</v>
      </c>
      <c r="BP9" s="63">
        <v>964</v>
      </c>
      <c r="BQ9" s="60">
        <v>152</v>
      </c>
      <c r="BR9" s="61">
        <v>131</v>
      </c>
      <c r="BS9" s="62">
        <v>283</v>
      </c>
      <c r="BT9" s="443">
        <v>0</v>
      </c>
      <c r="BU9" s="61">
        <v>290</v>
      </c>
      <c r="BV9" s="61">
        <v>234</v>
      </c>
      <c r="BW9" s="61">
        <v>145</v>
      </c>
      <c r="BX9" s="61">
        <v>154</v>
      </c>
      <c r="BY9" s="61">
        <v>69</v>
      </c>
      <c r="BZ9" s="62">
        <v>892</v>
      </c>
      <c r="CA9" s="63">
        <v>1175</v>
      </c>
      <c r="CB9" s="60">
        <v>0</v>
      </c>
      <c r="CC9" s="61">
        <v>0</v>
      </c>
      <c r="CD9" s="62">
        <v>0</v>
      </c>
      <c r="CE9" s="443">
        <v>0</v>
      </c>
      <c r="CF9" s="61">
        <v>0</v>
      </c>
      <c r="CG9" s="61">
        <v>0</v>
      </c>
      <c r="CH9" s="61">
        <v>0</v>
      </c>
      <c r="CI9" s="61">
        <v>0</v>
      </c>
      <c r="CJ9" s="61">
        <v>0</v>
      </c>
      <c r="CK9" s="62">
        <v>0</v>
      </c>
      <c r="CL9" s="63">
        <v>0</v>
      </c>
      <c r="CM9" s="60">
        <v>476</v>
      </c>
      <c r="CN9" s="61">
        <v>379</v>
      </c>
      <c r="CO9" s="62">
        <v>855</v>
      </c>
      <c r="CP9" s="443">
        <v>0</v>
      </c>
      <c r="CQ9" s="61">
        <v>800</v>
      </c>
      <c r="CR9" s="61">
        <v>613</v>
      </c>
      <c r="CS9" s="61">
        <v>353</v>
      </c>
      <c r="CT9" s="61">
        <v>335</v>
      </c>
      <c r="CU9" s="61">
        <v>192</v>
      </c>
      <c r="CV9" s="62">
        <v>2293</v>
      </c>
      <c r="CW9" s="63">
        <v>3148</v>
      </c>
      <c r="CX9" s="113">
        <v>87</v>
      </c>
      <c r="CY9" s="72">
        <v>102</v>
      </c>
      <c r="CZ9" s="73">
        <v>189</v>
      </c>
      <c r="DA9" s="443">
        <v>0</v>
      </c>
      <c r="DB9" s="72">
        <v>134</v>
      </c>
      <c r="DC9" s="72">
        <v>105</v>
      </c>
      <c r="DD9" s="72">
        <v>72</v>
      </c>
      <c r="DE9" s="72">
        <v>76</v>
      </c>
      <c r="DF9" s="72">
        <v>59</v>
      </c>
      <c r="DG9" s="74">
        <v>446</v>
      </c>
      <c r="DH9" s="75">
        <v>635</v>
      </c>
      <c r="DI9" s="60">
        <v>1</v>
      </c>
      <c r="DJ9" s="61">
        <v>3</v>
      </c>
      <c r="DK9" s="62">
        <v>4</v>
      </c>
      <c r="DL9" s="443">
        <v>0</v>
      </c>
      <c r="DM9" s="61">
        <v>1</v>
      </c>
      <c r="DN9" s="61">
        <v>1</v>
      </c>
      <c r="DO9" s="61">
        <v>2</v>
      </c>
      <c r="DP9" s="61">
        <v>2</v>
      </c>
      <c r="DQ9" s="61">
        <v>0</v>
      </c>
      <c r="DR9" s="62">
        <v>6</v>
      </c>
      <c r="DS9" s="63">
        <v>10</v>
      </c>
      <c r="DT9" s="60">
        <v>6</v>
      </c>
      <c r="DU9" s="61">
        <v>5</v>
      </c>
      <c r="DV9" s="62">
        <v>11</v>
      </c>
      <c r="DW9" s="443">
        <v>0</v>
      </c>
      <c r="DX9" s="61">
        <v>6</v>
      </c>
      <c r="DY9" s="61">
        <v>3</v>
      </c>
      <c r="DZ9" s="61">
        <v>2</v>
      </c>
      <c r="EA9" s="61">
        <v>4</v>
      </c>
      <c r="EB9" s="61">
        <v>0</v>
      </c>
      <c r="EC9" s="62">
        <v>15</v>
      </c>
      <c r="ED9" s="63">
        <v>26</v>
      </c>
      <c r="EE9" s="60">
        <v>14</v>
      </c>
      <c r="EF9" s="61">
        <v>7</v>
      </c>
      <c r="EG9" s="62">
        <v>21</v>
      </c>
      <c r="EH9" s="443">
        <v>0</v>
      </c>
      <c r="EI9" s="61">
        <v>13</v>
      </c>
      <c r="EJ9" s="61">
        <v>5</v>
      </c>
      <c r="EK9" s="61">
        <v>3</v>
      </c>
      <c r="EL9" s="61">
        <v>3</v>
      </c>
      <c r="EM9" s="61">
        <v>4</v>
      </c>
      <c r="EN9" s="62">
        <v>28</v>
      </c>
      <c r="EO9" s="63">
        <v>49</v>
      </c>
      <c r="EP9" s="60">
        <v>28</v>
      </c>
      <c r="EQ9" s="61">
        <v>22</v>
      </c>
      <c r="ER9" s="62">
        <v>50</v>
      </c>
      <c r="ES9" s="443">
        <v>0</v>
      </c>
      <c r="ET9" s="61">
        <v>27</v>
      </c>
      <c r="EU9" s="61">
        <v>14</v>
      </c>
      <c r="EV9" s="61">
        <v>13</v>
      </c>
      <c r="EW9" s="61">
        <v>5</v>
      </c>
      <c r="EX9" s="61">
        <v>10</v>
      </c>
      <c r="EY9" s="62">
        <v>69</v>
      </c>
      <c r="EZ9" s="63">
        <v>119</v>
      </c>
      <c r="FA9" s="60">
        <v>21</v>
      </c>
      <c r="FB9" s="61">
        <v>31</v>
      </c>
      <c r="FC9" s="62">
        <v>52</v>
      </c>
      <c r="FD9" s="443">
        <v>0</v>
      </c>
      <c r="FE9" s="61">
        <v>39</v>
      </c>
      <c r="FF9" s="61">
        <v>37</v>
      </c>
      <c r="FG9" s="61">
        <v>18</v>
      </c>
      <c r="FH9" s="61">
        <v>14</v>
      </c>
      <c r="FI9" s="61">
        <v>18</v>
      </c>
      <c r="FJ9" s="62">
        <v>126</v>
      </c>
      <c r="FK9" s="63">
        <v>178</v>
      </c>
      <c r="FL9" s="60">
        <v>17</v>
      </c>
      <c r="FM9" s="61">
        <v>34</v>
      </c>
      <c r="FN9" s="62">
        <v>51</v>
      </c>
      <c r="FO9" s="443">
        <v>0</v>
      </c>
      <c r="FP9" s="61">
        <v>48</v>
      </c>
      <c r="FQ9" s="61">
        <v>45</v>
      </c>
      <c r="FR9" s="61">
        <v>34</v>
      </c>
      <c r="FS9" s="61">
        <v>48</v>
      </c>
      <c r="FT9" s="61">
        <v>27</v>
      </c>
      <c r="FU9" s="62">
        <v>202</v>
      </c>
      <c r="FV9" s="63">
        <v>253</v>
      </c>
      <c r="FW9" s="60">
        <v>0</v>
      </c>
      <c r="FX9" s="61">
        <v>0</v>
      </c>
      <c r="FY9" s="62">
        <v>0</v>
      </c>
      <c r="FZ9" s="443">
        <v>0</v>
      </c>
      <c r="GA9" s="61">
        <v>0</v>
      </c>
      <c r="GB9" s="61">
        <v>0</v>
      </c>
      <c r="GC9" s="61">
        <v>0</v>
      </c>
      <c r="GD9" s="61">
        <v>0</v>
      </c>
      <c r="GE9" s="61">
        <v>0</v>
      </c>
      <c r="GF9" s="62">
        <v>0</v>
      </c>
      <c r="GG9" s="63">
        <v>0</v>
      </c>
      <c r="GH9" s="60">
        <v>87</v>
      </c>
      <c r="GI9" s="61">
        <v>102</v>
      </c>
      <c r="GJ9" s="62">
        <v>189</v>
      </c>
      <c r="GK9" s="443">
        <v>0</v>
      </c>
      <c r="GL9" s="61">
        <v>134</v>
      </c>
      <c r="GM9" s="61">
        <v>105</v>
      </c>
      <c r="GN9" s="61">
        <v>72</v>
      </c>
      <c r="GO9" s="61">
        <v>76</v>
      </c>
      <c r="GP9" s="61">
        <v>59</v>
      </c>
      <c r="GQ9" s="62">
        <v>446</v>
      </c>
      <c r="GR9" s="63">
        <v>635</v>
      </c>
      <c r="GS9" s="113">
        <v>563</v>
      </c>
      <c r="GT9" s="72">
        <v>481</v>
      </c>
      <c r="GU9" s="73">
        <v>1044</v>
      </c>
      <c r="GV9" s="443">
        <v>0</v>
      </c>
      <c r="GW9" s="72">
        <v>934</v>
      </c>
      <c r="GX9" s="72">
        <v>718</v>
      </c>
      <c r="GY9" s="72">
        <v>425</v>
      </c>
      <c r="GZ9" s="72">
        <v>411</v>
      </c>
      <c r="HA9" s="72">
        <v>251</v>
      </c>
      <c r="HB9" s="74">
        <v>2739</v>
      </c>
      <c r="HC9" s="75">
        <v>3783</v>
      </c>
      <c r="HD9" s="60">
        <v>14</v>
      </c>
      <c r="HE9" s="61">
        <v>13</v>
      </c>
      <c r="HF9" s="62">
        <v>27</v>
      </c>
      <c r="HG9" s="443">
        <v>0</v>
      </c>
      <c r="HH9" s="61">
        <v>14</v>
      </c>
      <c r="HI9" s="61">
        <v>12</v>
      </c>
      <c r="HJ9" s="61">
        <v>10</v>
      </c>
      <c r="HK9" s="61">
        <v>6</v>
      </c>
      <c r="HL9" s="61">
        <v>1</v>
      </c>
      <c r="HM9" s="62">
        <v>43</v>
      </c>
      <c r="HN9" s="63">
        <v>70</v>
      </c>
      <c r="HO9" s="60">
        <v>36</v>
      </c>
      <c r="HP9" s="61">
        <v>19</v>
      </c>
      <c r="HQ9" s="62">
        <v>55</v>
      </c>
      <c r="HR9" s="443">
        <v>0</v>
      </c>
      <c r="HS9" s="61">
        <v>42</v>
      </c>
      <c r="HT9" s="61">
        <v>21</v>
      </c>
      <c r="HU9" s="61">
        <v>10</v>
      </c>
      <c r="HV9" s="61">
        <v>24</v>
      </c>
      <c r="HW9" s="61">
        <v>19</v>
      </c>
      <c r="HX9" s="62">
        <v>116</v>
      </c>
      <c r="HY9" s="63">
        <v>171</v>
      </c>
      <c r="HZ9" s="60">
        <v>50</v>
      </c>
      <c r="IA9" s="61">
        <v>45</v>
      </c>
      <c r="IB9" s="62">
        <v>95</v>
      </c>
      <c r="IC9" s="443">
        <v>0</v>
      </c>
      <c r="ID9" s="61">
        <v>82</v>
      </c>
      <c r="IE9" s="61">
        <v>58</v>
      </c>
      <c r="IF9" s="61">
        <v>29</v>
      </c>
      <c r="IG9" s="61">
        <v>29</v>
      </c>
      <c r="IH9" s="61">
        <v>15</v>
      </c>
      <c r="II9" s="62">
        <v>213</v>
      </c>
      <c r="IJ9" s="63">
        <v>308</v>
      </c>
      <c r="IK9" s="60">
        <v>114</v>
      </c>
      <c r="IL9" s="61">
        <v>87</v>
      </c>
      <c r="IM9" s="62">
        <v>201</v>
      </c>
      <c r="IN9" s="443">
        <v>0</v>
      </c>
      <c r="IO9" s="61">
        <v>174</v>
      </c>
      <c r="IP9" s="61">
        <v>126</v>
      </c>
      <c r="IQ9" s="61">
        <v>80</v>
      </c>
      <c r="IR9" s="61">
        <v>41</v>
      </c>
      <c r="IS9" s="61">
        <v>42</v>
      </c>
      <c r="IT9" s="62">
        <v>463</v>
      </c>
      <c r="IU9" s="63">
        <v>664</v>
      </c>
      <c r="IV9" s="60">
        <v>180</v>
      </c>
      <c r="IW9" s="61">
        <v>152</v>
      </c>
      <c r="IX9" s="62">
        <v>332</v>
      </c>
      <c r="IY9" s="443">
        <v>0</v>
      </c>
      <c r="IZ9" s="61">
        <v>284</v>
      </c>
      <c r="JA9" s="61">
        <v>222</v>
      </c>
      <c r="JB9" s="61">
        <v>117</v>
      </c>
      <c r="JC9" s="61">
        <v>109</v>
      </c>
      <c r="JD9" s="61">
        <v>78</v>
      </c>
      <c r="JE9" s="62">
        <v>810</v>
      </c>
      <c r="JF9" s="63">
        <v>1142</v>
      </c>
      <c r="JG9" s="60">
        <v>169</v>
      </c>
      <c r="JH9" s="61">
        <v>165</v>
      </c>
      <c r="JI9" s="62">
        <v>334</v>
      </c>
      <c r="JJ9" s="443">
        <v>0</v>
      </c>
      <c r="JK9" s="61">
        <v>338</v>
      </c>
      <c r="JL9" s="61">
        <v>279</v>
      </c>
      <c r="JM9" s="61">
        <v>179</v>
      </c>
      <c r="JN9" s="61">
        <v>202</v>
      </c>
      <c r="JO9" s="61">
        <v>96</v>
      </c>
      <c r="JP9" s="62">
        <v>1094</v>
      </c>
      <c r="JQ9" s="63">
        <v>1428</v>
      </c>
      <c r="JR9" s="60">
        <v>0</v>
      </c>
      <c r="JS9" s="61">
        <v>0</v>
      </c>
      <c r="JT9" s="62">
        <v>0</v>
      </c>
      <c r="JU9" s="443">
        <v>0</v>
      </c>
      <c r="JV9" s="61">
        <v>0</v>
      </c>
      <c r="JW9" s="61">
        <v>0</v>
      </c>
      <c r="JX9" s="61">
        <v>0</v>
      </c>
      <c r="JY9" s="61">
        <v>0</v>
      </c>
      <c r="JZ9" s="61">
        <v>0</v>
      </c>
      <c r="KA9" s="62">
        <v>0</v>
      </c>
      <c r="KB9" s="63">
        <v>0</v>
      </c>
      <c r="KC9" s="60">
        <v>563</v>
      </c>
      <c r="KD9" s="61">
        <v>481</v>
      </c>
      <c r="KE9" s="62">
        <v>1044</v>
      </c>
      <c r="KF9" s="443">
        <v>0</v>
      </c>
      <c r="KG9" s="61">
        <v>934</v>
      </c>
      <c r="KH9" s="61">
        <v>718</v>
      </c>
      <c r="KI9" s="61">
        <v>425</v>
      </c>
      <c r="KJ9" s="61">
        <v>411</v>
      </c>
      <c r="KK9" s="61">
        <v>251</v>
      </c>
      <c r="KL9" s="62">
        <v>2739</v>
      </c>
      <c r="KM9" s="63">
        <v>3783</v>
      </c>
    </row>
    <row r="10" spans="2:299" ht="21" customHeight="1" x14ac:dyDescent="0.2">
      <c r="B10" s="437" t="s">
        <v>14</v>
      </c>
      <c r="C10" s="287">
        <v>269</v>
      </c>
      <c r="D10" s="72">
        <v>334</v>
      </c>
      <c r="E10" s="73">
        <v>603</v>
      </c>
      <c r="F10" s="443">
        <v>0</v>
      </c>
      <c r="G10" s="72">
        <v>387</v>
      </c>
      <c r="H10" s="72">
        <v>409</v>
      </c>
      <c r="I10" s="72">
        <v>264</v>
      </c>
      <c r="J10" s="72">
        <v>213</v>
      </c>
      <c r="K10" s="72">
        <v>119</v>
      </c>
      <c r="L10" s="74">
        <v>1392</v>
      </c>
      <c r="M10" s="75">
        <v>1995</v>
      </c>
      <c r="N10" s="60">
        <v>5</v>
      </c>
      <c r="O10" s="61">
        <v>2</v>
      </c>
      <c r="P10" s="62">
        <v>7</v>
      </c>
      <c r="Q10" s="443">
        <v>0</v>
      </c>
      <c r="R10" s="61">
        <v>6</v>
      </c>
      <c r="S10" s="61">
        <v>7</v>
      </c>
      <c r="T10" s="61">
        <v>4</v>
      </c>
      <c r="U10" s="61">
        <v>7</v>
      </c>
      <c r="V10" s="61">
        <v>4</v>
      </c>
      <c r="W10" s="62">
        <v>28</v>
      </c>
      <c r="X10" s="63">
        <v>35</v>
      </c>
      <c r="Y10" s="60">
        <v>14</v>
      </c>
      <c r="Z10" s="61">
        <v>18</v>
      </c>
      <c r="AA10" s="62">
        <v>32</v>
      </c>
      <c r="AB10" s="443">
        <v>0</v>
      </c>
      <c r="AC10" s="61">
        <v>16</v>
      </c>
      <c r="AD10" s="61">
        <v>17</v>
      </c>
      <c r="AE10" s="61">
        <v>15</v>
      </c>
      <c r="AF10" s="61">
        <v>7</v>
      </c>
      <c r="AG10" s="61">
        <v>12</v>
      </c>
      <c r="AH10" s="62">
        <v>67</v>
      </c>
      <c r="AI10" s="63">
        <v>99</v>
      </c>
      <c r="AJ10" s="60">
        <v>23</v>
      </c>
      <c r="AK10" s="61">
        <v>44</v>
      </c>
      <c r="AL10" s="62">
        <v>67</v>
      </c>
      <c r="AM10" s="443">
        <v>0</v>
      </c>
      <c r="AN10" s="61">
        <v>29</v>
      </c>
      <c r="AO10" s="61">
        <v>37</v>
      </c>
      <c r="AP10" s="61">
        <v>23</v>
      </c>
      <c r="AQ10" s="61">
        <v>24</v>
      </c>
      <c r="AR10" s="61">
        <v>10</v>
      </c>
      <c r="AS10" s="62">
        <v>123</v>
      </c>
      <c r="AT10" s="63">
        <v>190</v>
      </c>
      <c r="AU10" s="60">
        <v>69</v>
      </c>
      <c r="AV10" s="61">
        <v>83</v>
      </c>
      <c r="AW10" s="62">
        <v>152</v>
      </c>
      <c r="AX10" s="443">
        <v>0</v>
      </c>
      <c r="AY10" s="61">
        <v>84</v>
      </c>
      <c r="AZ10" s="61">
        <v>85</v>
      </c>
      <c r="BA10" s="61">
        <v>56</v>
      </c>
      <c r="BB10" s="61">
        <v>42</v>
      </c>
      <c r="BC10" s="61">
        <v>14</v>
      </c>
      <c r="BD10" s="62">
        <v>281</v>
      </c>
      <c r="BE10" s="63">
        <v>433</v>
      </c>
      <c r="BF10" s="60">
        <v>82</v>
      </c>
      <c r="BG10" s="61">
        <v>101</v>
      </c>
      <c r="BH10" s="62">
        <v>183</v>
      </c>
      <c r="BI10" s="443">
        <v>0</v>
      </c>
      <c r="BJ10" s="61">
        <v>124</v>
      </c>
      <c r="BK10" s="61">
        <v>130</v>
      </c>
      <c r="BL10" s="61">
        <v>64</v>
      </c>
      <c r="BM10" s="61">
        <v>63</v>
      </c>
      <c r="BN10" s="61">
        <v>24</v>
      </c>
      <c r="BO10" s="62">
        <v>405</v>
      </c>
      <c r="BP10" s="63">
        <v>588</v>
      </c>
      <c r="BQ10" s="60">
        <v>76</v>
      </c>
      <c r="BR10" s="61">
        <v>86</v>
      </c>
      <c r="BS10" s="62">
        <v>162</v>
      </c>
      <c r="BT10" s="443">
        <v>0</v>
      </c>
      <c r="BU10" s="61">
        <v>128</v>
      </c>
      <c r="BV10" s="61">
        <v>133</v>
      </c>
      <c r="BW10" s="61">
        <v>102</v>
      </c>
      <c r="BX10" s="61">
        <v>70</v>
      </c>
      <c r="BY10" s="61">
        <v>55</v>
      </c>
      <c r="BZ10" s="62">
        <v>488</v>
      </c>
      <c r="CA10" s="63">
        <v>650</v>
      </c>
      <c r="CB10" s="60">
        <v>0</v>
      </c>
      <c r="CC10" s="61">
        <v>0</v>
      </c>
      <c r="CD10" s="62">
        <v>0</v>
      </c>
      <c r="CE10" s="443">
        <v>0</v>
      </c>
      <c r="CF10" s="61">
        <v>0</v>
      </c>
      <c r="CG10" s="61">
        <v>0</v>
      </c>
      <c r="CH10" s="61">
        <v>0</v>
      </c>
      <c r="CI10" s="61">
        <v>0</v>
      </c>
      <c r="CJ10" s="61">
        <v>0</v>
      </c>
      <c r="CK10" s="62">
        <v>0</v>
      </c>
      <c r="CL10" s="63">
        <v>0</v>
      </c>
      <c r="CM10" s="60">
        <v>269</v>
      </c>
      <c r="CN10" s="61">
        <v>334</v>
      </c>
      <c r="CO10" s="62">
        <v>603</v>
      </c>
      <c r="CP10" s="443">
        <v>0</v>
      </c>
      <c r="CQ10" s="61">
        <v>387</v>
      </c>
      <c r="CR10" s="61">
        <v>409</v>
      </c>
      <c r="CS10" s="61">
        <v>264</v>
      </c>
      <c r="CT10" s="61">
        <v>213</v>
      </c>
      <c r="CU10" s="61">
        <v>119</v>
      </c>
      <c r="CV10" s="62">
        <v>1392</v>
      </c>
      <c r="CW10" s="63">
        <v>1995</v>
      </c>
      <c r="CX10" s="113">
        <v>41</v>
      </c>
      <c r="CY10" s="72">
        <v>52</v>
      </c>
      <c r="CZ10" s="73">
        <v>93</v>
      </c>
      <c r="DA10" s="443">
        <v>0</v>
      </c>
      <c r="DB10" s="72">
        <v>44</v>
      </c>
      <c r="DC10" s="72">
        <v>52</v>
      </c>
      <c r="DD10" s="72">
        <v>39</v>
      </c>
      <c r="DE10" s="72">
        <v>27</v>
      </c>
      <c r="DF10" s="72">
        <v>18</v>
      </c>
      <c r="DG10" s="74">
        <v>180</v>
      </c>
      <c r="DH10" s="75">
        <v>273</v>
      </c>
      <c r="DI10" s="60">
        <v>0</v>
      </c>
      <c r="DJ10" s="61">
        <v>2</v>
      </c>
      <c r="DK10" s="62">
        <v>2</v>
      </c>
      <c r="DL10" s="443">
        <v>0</v>
      </c>
      <c r="DM10" s="61">
        <v>0</v>
      </c>
      <c r="DN10" s="61">
        <v>1</v>
      </c>
      <c r="DO10" s="61">
        <v>2</v>
      </c>
      <c r="DP10" s="61">
        <v>0</v>
      </c>
      <c r="DQ10" s="61">
        <v>0</v>
      </c>
      <c r="DR10" s="62">
        <v>3</v>
      </c>
      <c r="DS10" s="63">
        <v>5</v>
      </c>
      <c r="DT10" s="60">
        <v>2</v>
      </c>
      <c r="DU10" s="61">
        <v>1</v>
      </c>
      <c r="DV10" s="62">
        <v>3</v>
      </c>
      <c r="DW10" s="443">
        <v>0</v>
      </c>
      <c r="DX10" s="61">
        <v>2</v>
      </c>
      <c r="DY10" s="61">
        <v>4</v>
      </c>
      <c r="DZ10" s="61">
        <v>1</v>
      </c>
      <c r="EA10" s="61">
        <v>1</v>
      </c>
      <c r="EB10" s="61">
        <v>1</v>
      </c>
      <c r="EC10" s="62">
        <v>9</v>
      </c>
      <c r="ED10" s="63">
        <v>12</v>
      </c>
      <c r="EE10" s="60">
        <v>8</v>
      </c>
      <c r="EF10" s="61">
        <v>5</v>
      </c>
      <c r="EG10" s="62">
        <v>13</v>
      </c>
      <c r="EH10" s="443">
        <v>0</v>
      </c>
      <c r="EI10" s="61">
        <v>9</v>
      </c>
      <c r="EJ10" s="61">
        <v>4</v>
      </c>
      <c r="EK10" s="61">
        <v>4</v>
      </c>
      <c r="EL10" s="61">
        <v>2</v>
      </c>
      <c r="EM10" s="61">
        <v>2</v>
      </c>
      <c r="EN10" s="62">
        <v>21</v>
      </c>
      <c r="EO10" s="63">
        <v>34</v>
      </c>
      <c r="EP10" s="60">
        <v>10</v>
      </c>
      <c r="EQ10" s="61">
        <v>15</v>
      </c>
      <c r="ER10" s="62">
        <v>25</v>
      </c>
      <c r="ES10" s="443">
        <v>0</v>
      </c>
      <c r="ET10" s="61">
        <v>13</v>
      </c>
      <c r="EU10" s="61">
        <v>12</v>
      </c>
      <c r="EV10" s="61">
        <v>8</v>
      </c>
      <c r="EW10" s="61">
        <v>3</v>
      </c>
      <c r="EX10" s="61">
        <v>1</v>
      </c>
      <c r="EY10" s="62">
        <v>37</v>
      </c>
      <c r="EZ10" s="63">
        <v>62</v>
      </c>
      <c r="FA10" s="60">
        <v>15</v>
      </c>
      <c r="FB10" s="61">
        <v>15</v>
      </c>
      <c r="FC10" s="62">
        <v>30</v>
      </c>
      <c r="FD10" s="443">
        <v>0</v>
      </c>
      <c r="FE10" s="61">
        <v>11</v>
      </c>
      <c r="FF10" s="61">
        <v>12</v>
      </c>
      <c r="FG10" s="61">
        <v>10</v>
      </c>
      <c r="FH10" s="61">
        <v>7</v>
      </c>
      <c r="FI10" s="61">
        <v>6</v>
      </c>
      <c r="FJ10" s="62">
        <v>46</v>
      </c>
      <c r="FK10" s="63">
        <v>76</v>
      </c>
      <c r="FL10" s="60">
        <v>6</v>
      </c>
      <c r="FM10" s="61">
        <v>14</v>
      </c>
      <c r="FN10" s="62">
        <v>20</v>
      </c>
      <c r="FO10" s="443">
        <v>0</v>
      </c>
      <c r="FP10" s="61">
        <v>9</v>
      </c>
      <c r="FQ10" s="61">
        <v>19</v>
      </c>
      <c r="FR10" s="61">
        <v>14</v>
      </c>
      <c r="FS10" s="61">
        <v>14</v>
      </c>
      <c r="FT10" s="61">
        <v>8</v>
      </c>
      <c r="FU10" s="62">
        <v>64</v>
      </c>
      <c r="FV10" s="63">
        <v>84</v>
      </c>
      <c r="FW10" s="60">
        <v>0</v>
      </c>
      <c r="FX10" s="61">
        <v>0</v>
      </c>
      <c r="FY10" s="62">
        <v>0</v>
      </c>
      <c r="FZ10" s="443">
        <v>0</v>
      </c>
      <c r="GA10" s="61">
        <v>0</v>
      </c>
      <c r="GB10" s="61">
        <v>0</v>
      </c>
      <c r="GC10" s="61">
        <v>0</v>
      </c>
      <c r="GD10" s="61">
        <v>0</v>
      </c>
      <c r="GE10" s="61">
        <v>0</v>
      </c>
      <c r="GF10" s="62">
        <v>0</v>
      </c>
      <c r="GG10" s="63">
        <v>0</v>
      </c>
      <c r="GH10" s="60">
        <v>41</v>
      </c>
      <c r="GI10" s="61">
        <v>52</v>
      </c>
      <c r="GJ10" s="62">
        <v>93</v>
      </c>
      <c r="GK10" s="443">
        <v>0</v>
      </c>
      <c r="GL10" s="61">
        <v>44</v>
      </c>
      <c r="GM10" s="61">
        <v>52</v>
      </c>
      <c r="GN10" s="61">
        <v>39</v>
      </c>
      <c r="GO10" s="61">
        <v>27</v>
      </c>
      <c r="GP10" s="61">
        <v>18</v>
      </c>
      <c r="GQ10" s="62">
        <v>180</v>
      </c>
      <c r="GR10" s="63">
        <v>273</v>
      </c>
      <c r="GS10" s="113">
        <v>310</v>
      </c>
      <c r="GT10" s="72">
        <v>386</v>
      </c>
      <c r="GU10" s="73">
        <v>696</v>
      </c>
      <c r="GV10" s="443">
        <v>0</v>
      </c>
      <c r="GW10" s="72">
        <v>431</v>
      </c>
      <c r="GX10" s="72">
        <v>461</v>
      </c>
      <c r="GY10" s="72">
        <v>303</v>
      </c>
      <c r="GZ10" s="72">
        <v>240</v>
      </c>
      <c r="HA10" s="72">
        <v>137</v>
      </c>
      <c r="HB10" s="74">
        <v>1572</v>
      </c>
      <c r="HC10" s="75">
        <v>2268</v>
      </c>
      <c r="HD10" s="60">
        <v>5</v>
      </c>
      <c r="HE10" s="61">
        <v>4</v>
      </c>
      <c r="HF10" s="62">
        <v>9</v>
      </c>
      <c r="HG10" s="443">
        <v>0</v>
      </c>
      <c r="HH10" s="61">
        <v>6</v>
      </c>
      <c r="HI10" s="61">
        <v>8</v>
      </c>
      <c r="HJ10" s="61">
        <v>6</v>
      </c>
      <c r="HK10" s="61">
        <v>7</v>
      </c>
      <c r="HL10" s="61">
        <v>4</v>
      </c>
      <c r="HM10" s="62">
        <v>31</v>
      </c>
      <c r="HN10" s="63">
        <v>40</v>
      </c>
      <c r="HO10" s="60">
        <v>16</v>
      </c>
      <c r="HP10" s="61">
        <v>19</v>
      </c>
      <c r="HQ10" s="62">
        <v>35</v>
      </c>
      <c r="HR10" s="443">
        <v>0</v>
      </c>
      <c r="HS10" s="61">
        <v>18</v>
      </c>
      <c r="HT10" s="61">
        <v>21</v>
      </c>
      <c r="HU10" s="61">
        <v>16</v>
      </c>
      <c r="HV10" s="61">
        <v>8</v>
      </c>
      <c r="HW10" s="61">
        <v>13</v>
      </c>
      <c r="HX10" s="62">
        <v>76</v>
      </c>
      <c r="HY10" s="63">
        <v>111</v>
      </c>
      <c r="HZ10" s="60">
        <v>31</v>
      </c>
      <c r="IA10" s="61">
        <v>49</v>
      </c>
      <c r="IB10" s="62">
        <v>80</v>
      </c>
      <c r="IC10" s="443">
        <v>0</v>
      </c>
      <c r="ID10" s="61">
        <v>38</v>
      </c>
      <c r="IE10" s="61">
        <v>41</v>
      </c>
      <c r="IF10" s="61">
        <v>27</v>
      </c>
      <c r="IG10" s="61">
        <v>26</v>
      </c>
      <c r="IH10" s="61">
        <v>12</v>
      </c>
      <c r="II10" s="62">
        <v>144</v>
      </c>
      <c r="IJ10" s="63">
        <v>224</v>
      </c>
      <c r="IK10" s="60">
        <v>79</v>
      </c>
      <c r="IL10" s="61">
        <v>98</v>
      </c>
      <c r="IM10" s="62">
        <v>177</v>
      </c>
      <c r="IN10" s="443">
        <v>0</v>
      </c>
      <c r="IO10" s="61">
        <v>97</v>
      </c>
      <c r="IP10" s="61">
        <v>97</v>
      </c>
      <c r="IQ10" s="61">
        <v>64</v>
      </c>
      <c r="IR10" s="61">
        <v>45</v>
      </c>
      <c r="IS10" s="61">
        <v>15</v>
      </c>
      <c r="IT10" s="62">
        <v>318</v>
      </c>
      <c r="IU10" s="63">
        <v>495</v>
      </c>
      <c r="IV10" s="60">
        <v>97</v>
      </c>
      <c r="IW10" s="61">
        <v>116</v>
      </c>
      <c r="IX10" s="62">
        <v>213</v>
      </c>
      <c r="IY10" s="443">
        <v>0</v>
      </c>
      <c r="IZ10" s="61">
        <v>135</v>
      </c>
      <c r="JA10" s="61">
        <v>142</v>
      </c>
      <c r="JB10" s="61">
        <v>74</v>
      </c>
      <c r="JC10" s="61">
        <v>70</v>
      </c>
      <c r="JD10" s="61">
        <v>30</v>
      </c>
      <c r="JE10" s="62">
        <v>451</v>
      </c>
      <c r="JF10" s="63">
        <v>664</v>
      </c>
      <c r="JG10" s="60">
        <v>82</v>
      </c>
      <c r="JH10" s="61">
        <v>100</v>
      </c>
      <c r="JI10" s="62">
        <v>182</v>
      </c>
      <c r="JJ10" s="443">
        <v>0</v>
      </c>
      <c r="JK10" s="61">
        <v>137</v>
      </c>
      <c r="JL10" s="61">
        <v>152</v>
      </c>
      <c r="JM10" s="61">
        <v>116</v>
      </c>
      <c r="JN10" s="61">
        <v>84</v>
      </c>
      <c r="JO10" s="61">
        <v>63</v>
      </c>
      <c r="JP10" s="62">
        <v>552</v>
      </c>
      <c r="JQ10" s="63">
        <v>734</v>
      </c>
      <c r="JR10" s="60">
        <v>0</v>
      </c>
      <c r="JS10" s="61">
        <v>0</v>
      </c>
      <c r="JT10" s="62">
        <v>0</v>
      </c>
      <c r="JU10" s="443">
        <v>0</v>
      </c>
      <c r="JV10" s="61">
        <v>0</v>
      </c>
      <c r="JW10" s="61">
        <v>0</v>
      </c>
      <c r="JX10" s="61">
        <v>0</v>
      </c>
      <c r="JY10" s="61">
        <v>0</v>
      </c>
      <c r="JZ10" s="61">
        <v>0</v>
      </c>
      <c r="KA10" s="62">
        <v>0</v>
      </c>
      <c r="KB10" s="63">
        <v>0</v>
      </c>
      <c r="KC10" s="60">
        <v>310</v>
      </c>
      <c r="KD10" s="61">
        <v>386</v>
      </c>
      <c r="KE10" s="62">
        <v>696</v>
      </c>
      <c r="KF10" s="443">
        <v>0</v>
      </c>
      <c r="KG10" s="61">
        <v>431</v>
      </c>
      <c r="KH10" s="61">
        <v>461</v>
      </c>
      <c r="KI10" s="61">
        <v>303</v>
      </c>
      <c r="KJ10" s="61">
        <v>240</v>
      </c>
      <c r="KK10" s="61">
        <v>137</v>
      </c>
      <c r="KL10" s="62">
        <v>1572</v>
      </c>
      <c r="KM10" s="63">
        <v>2268</v>
      </c>
    </row>
    <row r="11" spans="2:299" ht="21" customHeight="1" x14ac:dyDescent="0.2">
      <c r="B11" s="437" t="s">
        <v>7</v>
      </c>
      <c r="C11" s="287">
        <v>225</v>
      </c>
      <c r="D11" s="72">
        <v>185</v>
      </c>
      <c r="E11" s="73">
        <v>410</v>
      </c>
      <c r="F11" s="443">
        <v>0</v>
      </c>
      <c r="G11" s="72">
        <v>496</v>
      </c>
      <c r="H11" s="72">
        <v>317</v>
      </c>
      <c r="I11" s="72">
        <v>179</v>
      </c>
      <c r="J11" s="72">
        <v>150</v>
      </c>
      <c r="K11" s="72">
        <v>86</v>
      </c>
      <c r="L11" s="74">
        <v>1228</v>
      </c>
      <c r="M11" s="75">
        <v>1638</v>
      </c>
      <c r="N11" s="60">
        <v>2</v>
      </c>
      <c r="O11" s="61">
        <v>1</v>
      </c>
      <c r="P11" s="62">
        <v>3</v>
      </c>
      <c r="Q11" s="443">
        <v>0</v>
      </c>
      <c r="R11" s="61">
        <v>6</v>
      </c>
      <c r="S11" s="61">
        <v>3</v>
      </c>
      <c r="T11" s="61">
        <v>2</v>
      </c>
      <c r="U11" s="61">
        <v>2</v>
      </c>
      <c r="V11" s="61">
        <v>1</v>
      </c>
      <c r="W11" s="62">
        <v>14</v>
      </c>
      <c r="X11" s="63">
        <v>17</v>
      </c>
      <c r="Y11" s="60">
        <v>7</v>
      </c>
      <c r="Z11" s="61">
        <v>5</v>
      </c>
      <c r="AA11" s="62">
        <v>12</v>
      </c>
      <c r="AB11" s="443">
        <v>0</v>
      </c>
      <c r="AC11" s="61">
        <v>19</v>
      </c>
      <c r="AD11" s="61">
        <v>10</v>
      </c>
      <c r="AE11" s="61">
        <v>8</v>
      </c>
      <c r="AF11" s="61">
        <v>2</v>
      </c>
      <c r="AG11" s="61">
        <v>4</v>
      </c>
      <c r="AH11" s="62">
        <v>43</v>
      </c>
      <c r="AI11" s="63">
        <v>55</v>
      </c>
      <c r="AJ11" s="60">
        <v>15</v>
      </c>
      <c r="AK11" s="61">
        <v>10</v>
      </c>
      <c r="AL11" s="62">
        <v>25</v>
      </c>
      <c r="AM11" s="443">
        <v>0</v>
      </c>
      <c r="AN11" s="61">
        <v>44</v>
      </c>
      <c r="AO11" s="61">
        <v>29</v>
      </c>
      <c r="AP11" s="61">
        <v>12</v>
      </c>
      <c r="AQ11" s="61">
        <v>12</v>
      </c>
      <c r="AR11" s="61">
        <v>7</v>
      </c>
      <c r="AS11" s="62">
        <v>104</v>
      </c>
      <c r="AT11" s="63">
        <v>129</v>
      </c>
      <c r="AU11" s="60">
        <v>46</v>
      </c>
      <c r="AV11" s="61">
        <v>37</v>
      </c>
      <c r="AW11" s="62">
        <v>83</v>
      </c>
      <c r="AX11" s="443">
        <v>0</v>
      </c>
      <c r="AY11" s="61">
        <v>88</v>
      </c>
      <c r="AZ11" s="61">
        <v>61</v>
      </c>
      <c r="BA11" s="61">
        <v>34</v>
      </c>
      <c r="BB11" s="61">
        <v>24</v>
      </c>
      <c r="BC11" s="61">
        <v>20</v>
      </c>
      <c r="BD11" s="62">
        <v>227</v>
      </c>
      <c r="BE11" s="63">
        <v>310</v>
      </c>
      <c r="BF11" s="60">
        <v>86</v>
      </c>
      <c r="BG11" s="61">
        <v>67</v>
      </c>
      <c r="BH11" s="62">
        <v>153</v>
      </c>
      <c r="BI11" s="443">
        <v>0</v>
      </c>
      <c r="BJ11" s="61">
        <v>174</v>
      </c>
      <c r="BK11" s="61">
        <v>102</v>
      </c>
      <c r="BL11" s="61">
        <v>52</v>
      </c>
      <c r="BM11" s="61">
        <v>50</v>
      </c>
      <c r="BN11" s="61">
        <v>29</v>
      </c>
      <c r="BO11" s="62">
        <v>407</v>
      </c>
      <c r="BP11" s="63">
        <v>560</v>
      </c>
      <c r="BQ11" s="60">
        <v>69</v>
      </c>
      <c r="BR11" s="61">
        <v>65</v>
      </c>
      <c r="BS11" s="62">
        <v>134</v>
      </c>
      <c r="BT11" s="443">
        <v>0</v>
      </c>
      <c r="BU11" s="61">
        <v>165</v>
      </c>
      <c r="BV11" s="61">
        <v>112</v>
      </c>
      <c r="BW11" s="61">
        <v>71</v>
      </c>
      <c r="BX11" s="61">
        <v>60</v>
      </c>
      <c r="BY11" s="61">
        <v>25</v>
      </c>
      <c r="BZ11" s="62">
        <v>433</v>
      </c>
      <c r="CA11" s="63">
        <v>567</v>
      </c>
      <c r="CB11" s="60">
        <v>0</v>
      </c>
      <c r="CC11" s="61">
        <v>0</v>
      </c>
      <c r="CD11" s="62">
        <v>0</v>
      </c>
      <c r="CE11" s="443">
        <v>0</v>
      </c>
      <c r="CF11" s="61">
        <v>0</v>
      </c>
      <c r="CG11" s="61">
        <v>0</v>
      </c>
      <c r="CH11" s="61">
        <v>0</v>
      </c>
      <c r="CI11" s="61">
        <v>0</v>
      </c>
      <c r="CJ11" s="61">
        <v>0</v>
      </c>
      <c r="CK11" s="62">
        <v>0</v>
      </c>
      <c r="CL11" s="63">
        <v>0</v>
      </c>
      <c r="CM11" s="60">
        <v>225</v>
      </c>
      <c r="CN11" s="61">
        <v>185</v>
      </c>
      <c r="CO11" s="62">
        <v>410</v>
      </c>
      <c r="CP11" s="443">
        <v>0</v>
      </c>
      <c r="CQ11" s="61">
        <v>496</v>
      </c>
      <c r="CR11" s="61">
        <v>317</v>
      </c>
      <c r="CS11" s="61">
        <v>179</v>
      </c>
      <c r="CT11" s="61">
        <v>150</v>
      </c>
      <c r="CU11" s="61">
        <v>86</v>
      </c>
      <c r="CV11" s="62">
        <v>1228</v>
      </c>
      <c r="CW11" s="63">
        <v>1638</v>
      </c>
      <c r="CX11" s="113">
        <v>26</v>
      </c>
      <c r="CY11" s="72">
        <v>36</v>
      </c>
      <c r="CZ11" s="73">
        <v>62</v>
      </c>
      <c r="DA11" s="443">
        <v>0</v>
      </c>
      <c r="DB11" s="72">
        <v>71</v>
      </c>
      <c r="DC11" s="72">
        <v>35</v>
      </c>
      <c r="DD11" s="72">
        <v>31</v>
      </c>
      <c r="DE11" s="72">
        <v>19</v>
      </c>
      <c r="DF11" s="72">
        <v>13</v>
      </c>
      <c r="DG11" s="74">
        <v>169</v>
      </c>
      <c r="DH11" s="75">
        <v>231</v>
      </c>
      <c r="DI11" s="60">
        <v>1</v>
      </c>
      <c r="DJ11" s="61">
        <v>0</v>
      </c>
      <c r="DK11" s="62">
        <v>1</v>
      </c>
      <c r="DL11" s="443">
        <v>0</v>
      </c>
      <c r="DM11" s="61">
        <v>1</v>
      </c>
      <c r="DN11" s="61">
        <v>0</v>
      </c>
      <c r="DO11" s="61">
        <v>0</v>
      </c>
      <c r="DP11" s="61">
        <v>0</v>
      </c>
      <c r="DQ11" s="61">
        <v>0</v>
      </c>
      <c r="DR11" s="62">
        <v>1</v>
      </c>
      <c r="DS11" s="63">
        <v>2</v>
      </c>
      <c r="DT11" s="60">
        <v>5</v>
      </c>
      <c r="DU11" s="61">
        <v>2</v>
      </c>
      <c r="DV11" s="62">
        <v>7</v>
      </c>
      <c r="DW11" s="443">
        <v>0</v>
      </c>
      <c r="DX11" s="61">
        <v>1</v>
      </c>
      <c r="DY11" s="61">
        <v>0</v>
      </c>
      <c r="DZ11" s="61">
        <v>1</v>
      </c>
      <c r="EA11" s="61">
        <v>1</v>
      </c>
      <c r="EB11" s="61">
        <v>0</v>
      </c>
      <c r="EC11" s="62">
        <v>3</v>
      </c>
      <c r="ED11" s="63">
        <v>10</v>
      </c>
      <c r="EE11" s="60">
        <v>4</v>
      </c>
      <c r="EF11" s="61">
        <v>5</v>
      </c>
      <c r="EG11" s="62">
        <v>9</v>
      </c>
      <c r="EH11" s="443">
        <v>0</v>
      </c>
      <c r="EI11" s="61">
        <v>6</v>
      </c>
      <c r="EJ11" s="61">
        <v>3</v>
      </c>
      <c r="EK11" s="61">
        <v>1</v>
      </c>
      <c r="EL11" s="61">
        <v>2</v>
      </c>
      <c r="EM11" s="61">
        <v>1</v>
      </c>
      <c r="EN11" s="62">
        <v>13</v>
      </c>
      <c r="EO11" s="63">
        <v>22</v>
      </c>
      <c r="EP11" s="60">
        <v>4</v>
      </c>
      <c r="EQ11" s="61">
        <v>8</v>
      </c>
      <c r="ER11" s="62">
        <v>12</v>
      </c>
      <c r="ES11" s="443">
        <v>0</v>
      </c>
      <c r="ET11" s="61">
        <v>14</v>
      </c>
      <c r="EU11" s="61">
        <v>5</v>
      </c>
      <c r="EV11" s="61">
        <v>2</v>
      </c>
      <c r="EW11" s="61">
        <v>0</v>
      </c>
      <c r="EX11" s="61">
        <v>1</v>
      </c>
      <c r="EY11" s="62">
        <v>22</v>
      </c>
      <c r="EZ11" s="63">
        <v>34</v>
      </c>
      <c r="FA11" s="60">
        <v>4</v>
      </c>
      <c r="FB11" s="61">
        <v>13</v>
      </c>
      <c r="FC11" s="62">
        <v>17</v>
      </c>
      <c r="FD11" s="443">
        <v>0</v>
      </c>
      <c r="FE11" s="61">
        <v>17</v>
      </c>
      <c r="FF11" s="61">
        <v>8</v>
      </c>
      <c r="FG11" s="61">
        <v>13</v>
      </c>
      <c r="FH11" s="61">
        <v>3</v>
      </c>
      <c r="FI11" s="61">
        <v>5</v>
      </c>
      <c r="FJ11" s="62">
        <v>46</v>
      </c>
      <c r="FK11" s="63">
        <v>63</v>
      </c>
      <c r="FL11" s="60">
        <v>8</v>
      </c>
      <c r="FM11" s="61">
        <v>8</v>
      </c>
      <c r="FN11" s="62">
        <v>16</v>
      </c>
      <c r="FO11" s="443">
        <v>0</v>
      </c>
      <c r="FP11" s="61">
        <v>32</v>
      </c>
      <c r="FQ11" s="61">
        <v>19</v>
      </c>
      <c r="FR11" s="61">
        <v>14</v>
      </c>
      <c r="FS11" s="61">
        <v>13</v>
      </c>
      <c r="FT11" s="61">
        <v>6</v>
      </c>
      <c r="FU11" s="62">
        <v>84</v>
      </c>
      <c r="FV11" s="63">
        <v>100</v>
      </c>
      <c r="FW11" s="60">
        <v>0</v>
      </c>
      <c r="FX11" s="61">
        <v>0</v>
      </c>
      <c r="FY11" s="62">
        <v>0</v>
      </c>
      <c r="FZ11" s="443">
        <v>0</v>
      </c>
      <c r="GA11" s="61">
        <v>0</v>
      </c>
      <c r="GB11" s="61">
        <v>0</v>
      </c>
      <c r="GC11" s="61">
        <v>0</v>
      </c>
      <c r="GD11" s="61">
        <v>0</v>
      </c>
      <c r="GE11" s="61">
        <v>0</v>
      </c>
      <c r="GF11" s="62">
        <v>0</v>
      </c>
      <c r="GG11" s="63">
        <v>0</v>
      </c>
      <c r="GH11" s="60">
        <v>26</v>
      </c>
      <c r="GI11" s="61">
        <v>36</v>
      </c>
      <c r="GJ11" s="62">
        <v>62</v>
      </c>
      <c r="GK11" s="443">
        <v>0</v>
      </c>
      <c r="GL11" s="61">
        <v>71</v>
      </c>
      <c r="GM11" s="61">
        <v>35</v>
      </c>
      <c r="GN11" s="61">
        <v>31</v>
      </c>
      <c r="GO11" s="61">
        <v>19</v>
      </c>
      <c r="GP11" s="61">
        <v>13</v>
      </c>
      <c r="GQ11" s="62">
        <v>169</v>
      </c>
      <c r="GR11" s="63">
        <v>231</v>
      </c>
      <c r="GS11" s="113">
        <v>251</v>
      </c>
      <c r="GT11" s="72">
        <v>221</v>
      </c>
      <c r="GU11" s="73">
        <v>472</v>
      </c>
      <c r="GV11" s="443">
        <v>0</v>
      </c>
      <c r="GW11" s="72">
        <v>567</v>
      </c>
      <c r="GX11" s="72">
        <v>352</v>
      </c>
      <c r="GY11" s="72">
        <v>210</v>
      </c>
      <c r="GZ11" s="72">
        <v>169</v>
      </c>
      <c r="HA11" s="72">
        <v>99</v>
      </c>
      <c r="HB11" s="74">
        <v>1397</v>
      </c>
      <c r="HC11" s="75">
        <v>1869</v>
      </c>
      <c r="HD11" s="60">
        <v>3</v>
      </c>
      <c r="HE11" s="61">
        <v>1</v>
      </c>
      <c r="HF11" s="62">
        <v>4</v>
      </c>
      <c r="HG11" s="443">
        <v>0</v>
      </c>
      <c r="HH11" s="61">
        <v>7</v>
      </c>
      <c r="HI11" s="61">
        <v>3</v>
      </c>
      <c r="HJ11" s="61">
        <v>2</v>
      </c>
      <c r="HK11" s="61">
        <v>2</v>
      </c>
      <c r="HL11" s="61">
        <v>1</v>
      </c>
      <c r="HM11" s="62">
        <v>15</v>
      </c>
      <c r="HN11" s="63">
        <v>19</v>
      </c>
      <c r="HO11" s="60">
        <v>12</v>
      </c>
      <c r="HP11" s="61">
        <v>7</v>
      </c>
      <c r="HQ11" s="62">
        <v>19</v>
      </c>
      <c r="HR11" s="443">
        <v>0</v>
      </c>
      <c r="HS11" s="61">
        <v>20</v>
      </c>
      <c r="HT11" s="61">
        <v>10</v>
      </c>
      <c r="HU11" s="61">
        <v>9</v>
      </c>
      <c r="HV11" s="61">
        <v>3</v>
      </c>
      <c r="HW11" s="61">
        <v>4</v>
      </c>
      <c r="HX11" s="62">
        <v>46</v>
      </c>
      <c r="HY11" s="63">
        <v>65</v>
      </c>
      <c r="HZ11" s="60">
        <v>19</v>
      </c>
      <c r="IA11" s="61">
        <v>15</v>
      </c>
      <c r="IB11" s="62">
        <v>34</v>
      </c>
      <c r="IC11" s="443">
        <v>0</v>
      </c>
      <c r="ID11" s="61">
        <v>50</v>
      </c>
      <c r="IE11" s="61">
        <v>32</v>
      </c>
      <c r="IF11" s="61">
        <v>13</v>
      </c>
      <c r="IG11" s="61">
        <v>14</v>
      </c>
      <c r="IH11" s="61">
        <v>8</v>
      </c>
      <c r="II11" s="62">
        <v>117</v>
      </c>
      <c r="IJ11" s="63">
        <v>151</v>
      </c>
      <c r="IK11" s="60">
        <v>50</v>
      </c>
      <c r="IL11" s="61">
        <v>45</v>
      </c>
      <c r="IM11" s="62">
        <v>95</v>
      </c>
      <c r="IN11" s="443">
        <v>0</v>
      </c>
      <c r="IO11" s="61">
        <v>102</v>
      </c>
      <c r="IP11" s="61">
        <v>66</v>
      </c>
      <c r="IQ11" s="61">
        <v>36</v>
      </c>
      <c r="IR11" s="61">
        <v>24</v>
      </c>
      <c r="IS11" s="61">
        <v>21</v>
      </c>
      <c r="IT11" s="62">
        <v>249</v>
      </c>
      <c r="IU11" s="63">
        <v>344</v>
      </c>
      <c r="IV11" s="60">
        <v>90</v>
      </c>
      <c r="IW11" s="61">
        <v>80</v>
      </c>
      <c r="IX11" s="62">
        <v>170</v>
      </c>
      <c r="IY11" s="443">
        <v>0</v>
      </c>
      <c r="IZ11" s="61">
        <v>191</v>
      </c>
      <c r="JA11" s="61">
        <v>110</v>
      </c>
      <c r="JB11" s="61">
        <v>65</v>
      </c>
      <c r="JC11" s="61">
        <v>53</v>
      </c>
      <c r="JD11" s="61">
        <v>34</v>
      </c>
      <c r="JE11" s="62">
        <v>453</v>
      </c>
      <c r="JF11" s="63">
        <v>623</v>
      </c>
      <c r="JG11" s="60">
        <v>77</v>
      </c>
      <c r="JH11" s="61">
        <v>73</v>
      </c>
      <c r="JI11" s="62">
        <v>150</v>
      </c>
      <c r="JJ11" s="443">
        <v>0</v>
      </c>
      <c r="JK11" s="61">
        <v>197</v>
      </c>
      <c r="JL11" s="61">
        <v>131</v>
      </c>
      <c r="JM11" s="61">
        <v>85</v>
      </c>
      <c r="JN11" s="61">
        <v>73</v>
      </c>
      <c r="JO11" s="61">
        <v>31</v>
      </c>
      <c r="JP11" s="62">
        <v>517</v>
      </c>
      <c r="JQ11" s="63">
        <v>667</v>
      </c>
      <c r="JR11" s="60">
        <v>0</v>
      </c>
      <c r="JS11" s="61">
        <v>0</v>
      </c>
      <c r="JT11" s="62">
        <v>0</v>
      </c>
      <c r="JU11" s="443">
        <v>0</v>
      </c>
      <c r="JV11" s="61">
        <v>0</v>
      </c>
      <c r="JW11" s="61">
        <v>0</v>
      </c>
      <c r="JX11" s="61">
        <v>0</v>
      </c>
      <c r="JY11" s="61">
        <v>0</v>
      </c>
      <c r="JZ11" s="61">
        <v>0</v>
      </c>
      <c r="KA11" s="62">
        <v>0</v>
      </c>
      <c r="KB11" s="63">
        <v>0</v>
      </c>
      <c r="KC11" s="60">
        <v>251</v>
      </c>
      <c r="KD11" s="61">
        <v>221</v>
      </c>
      <c r="KE11" s="62">
        <v>472</v>
      </c>
      <c r="KF11" s="443">
        <v>0</v>
      </c>
      <c r="KG11" s="61">
        <v>567</v>
      </c>
      <c r="KH11" s="61">
        <v>352</v>
      </c>
      <c r="KI11" s="61">
        <v>210</v>
      </c>
      <c r="KJ11" s="61">
        <v>169</v>
      </c>
      <c r="KK11" s="61">
        <v>99</v>
      </c>
      <c r="KL11" s="62">
        <v>1397</v>
      </c>
      <c r="KM11" s="63">
        <v>1869</v>
      </c>
    </row>
    <row r="12" spans="2:299" ht="21" customHeight="1" x14ac:dyDescent="0.2">
      <c r="B12" s="437" t="s">
        <v>8</v>
      </c>
      <c r="C12" s="287">
        <v>102</v>
      </c>
      <c r="D12" s="72">
        <v>66</v>
      </c>
      <c r="E12" s="73">
        <v>168</v>
      </c>
      <c r="F12" s="443">
        <v>0</v>
      </c>
      <c r="G12" s="72">
        <v>147</v>
      </c>
      <c r="H12" s="72">
        <v>112</v>
      </c>
      <c r="I12" s="72">
        <v>97</v>
      </c>
      <c r="J12" s="72">
        <v>56</v>
      </c>
      <c r="K12" s="72">
        <v>44</v>
      </c>
      <c r="L12" s="74">
        <v>456</v>
      </c>
      <c r="M12" s="75">
        <v>624</v>
      </c>
      <c r="N12" s="60">
        <v>2</v>
      </c>
      <c r="O12" s="61">
        <v>2</v>
      </c>
      <c r="P12" s="62">
        <v>4</v>
      </c>
      <c r="Q12" s="443">
        <v>0</v>
      </c>
      <c r="R12" s="61">
        <v>3</v>
      </c>
      <c r="S12" s="61">
        <v>2</v>
      </c>
      <c r="T12" s="61">
        <v>3</v>
      </c>
      <c r="U12" s="61">
        <v>0</v>
      </c>
      <c r="V12" s="61">
        <v>0</v>
      </c>
      <c r="W12" s="62">
        <v>8</v>
      </c>
      <c r="X12" s="63">
        <v>12</v>
      </c>
      <c r="Y12" s="60">
        <v>0</v>
      </c>
      <c r="Z12" s="61">
        <v>2</v>
      </c>
      <c r="AA12" s="62">
        <v>2</v>
      </c>
      <c r="AB12" s="443">
        <v>0</v>
      </c>
      <c r="AC12" s="61">
        <v>11</v>
      </c>
      <c r="AD12" s="61">
        <v>9</v>
      </c>
      <c r="AE12" s="61">
        <v>3</v>
      </c>
      <c r="AF12" s="61">
        <v>4</v>
      </c>
      <c r="AG12" s="61">
        <v>5</v>
      </c>
      <c r="AH12" s="62">
        <v>32</v>
      </c>
      <c r="AI12" s="63">
        <v>34</v>
      </c>
      <c r="AJ12" s="60">
        <v>4</v>
      </c>
      <c r="AK12" s="61">
        <v>5</v>
      </c>
      <c r="AL12" s="62">
        <v>9</v>
      </c>
      <c r="AM12" s="443">
        <v>0</v>
      </c>
      <c r="AN12" s="61">
        <v>10</v>
      </c>
      <c r="AO12" s="61">
        <v>13</v>
      </c>
      <c r="AP12" s="61">
        <v>2</v>
      </c>
      <c r="AQ12" s="61">
        <v>11</v>
      </c>
      <c r="AR12" s="61">
        <v>1</v>
      </c>
      <c r="AS12" s="62">
        <v>37</v>
      </c>
      <c r="AT12" s="63">
        <v>46</v>
      </c>
      <c r="AU12" s="60">
        <v>19</v>
      </c>
      <c r="AV12" s="61">
        <v>8</v>
      </c>
      <c r="AW12" s="62">
        <v>27</v>
      </c>
      <c r="AX12" s="443">
        <v>0</v>
      </c>
      <c r="AY12" s="61">
        <v>33</v>
      </c>
      <c r="AZ12" s="61">
        <v>24</v>
      </c>
      <c r="BA12" s="61">
        <v>13</v>
      </c>
      <c r="BB12" s="61">
        <v>7</v>
      </c>
      <c r="BC12" s="61">
        <v>9</v>
      </c>
      <c r="BD12" s="62">
        <v>86</v>
      </c>
      <c r="BE12" s="63">
        <v>113</v>
      </c>
      <c r="BF12" s="60">
        <v>41</v>
      </c>
      <c r="BG12" s="61">
        <v>20</v>
      </c>
      <c r="BH12" s="62">
        <v>61</v>
      </c>
      <c r="BI12" s="443">
        <v>0</v>
      </c>
      <c r="BJ12" s="61">
        <v>37</v>
      </c>
      <c r="BK12" s="61">
        <v>21</v>
      </c>
      <c r="BL12" s="61">
        <v>29</v>
      </c>
      <c r="BM12" s="61">
        <v>11</v>
      </c>
      <c r="BN12" s="61">
        <v>14</v>
      </c>
      <c r="BO12" s="62">
        <v>112</v>
      </c>
      <c r="BP12" s="63">
        <v>173</v>
      </c>
      <c r="BQ12" s="60">
        <v>36</v>
      </c>
      <c r="BR12" s="61">
        <v>29</v>
      </c>
      <c r="BS12" s="62">
        <v>65</v>
      </c>
      <c r="BT12" s="443">
        <v>0</v>
      </c>
      <c r="BU12" s="61">
        <v>53</v>
      </c>
      <c r="BV12" s="61">
        <v>43</v>
      </c>
      <c r="BW12" s="61">
        <v>47</v>
      </c>
      <c r="BX12" s="61">
        <v>23</v>
      </c>
      <c r="BY12" s="61">
        <v>15</v>
      </c>
      <c r="BZ12" s="62">
        <v>181</v>
      </c>
      <c r="CA12" s="63">
        <v>246</v>
      </c>
      <c r="CB12" s="60">
        <v>0</v>
      </c>
      <c r="CC12" s="61">
        <v>0</v>
      </c>
      <c r="CD12" s="62">
        <v>0</v>
      </c>
      <c r="CE12" s="443">
        <v>0</v>
      </c>
      <c r="CF12" s="61">
        <v>0</v>
      </c>
      <c r="CG12" s="61">
        <v>0</v>
      </c>
      <c r="CH12" s="61">
        <v>0</v>
      </c>
      <c r="CI12" s="61">
        <v>0</v>
      </c>
      <c r="CJ12" s="61">
        <v>0</v>
      </c>
      <c r="CK12" s="62">
        <v>0</v>
      </c>
      <c r="CL12" s="63">
        <v>0</v>
      </c>
      <c r="CM12" s="60">
        <v>102</v>
      </c>
      <c r="CN12" s="61">
        <v>66</v>
      </c>
      <c r="CO12" s="62">
        <v>168</v>
      </c>
      <c r="CP12" s="443">
        <v>0</v>
      </c>
      <c r="CQ12" s="61">
        <v>147</v>
      </c>
      <c r="CR12" s="61">
        <v>112</v>
      </c>
      <c r="CS12" s="61">
        <v>97</v>
      </c>
      <c r="CT12" s="61">
        <v>56</v>
      </c>
      <c r="CU12" s="61">
        <v>44</v>
      </c>
      <c r="CV12" s="62">
        <v>456</v>
      </c>
      <c r="CW12" s="63">
        <v>624</v>
      </c>
      <c r="CX12" s="113">
        <v>12</v>
      </c>
      <c r="CY12" s="72">
        <v>7</v>
      </c>
      <c r="CZ12" s="73">
        <v>19</v>
      </c>
      <c r="DA12" s="443">
        <v>0</v>
      </c>
      <c r="DB12" s="72">
        <v>26</v>
      </c>
      <c r="DC12" s="72">
        <v>25</v>
      </c>
      <c r="DD12" s="72">
        <v>22</v>
      </c>
      <c r="DE12" s="72">
        <v>9</v>
      </c>
      <c r="DF12" s="72">
        <v>3</v>
      </c>
      <c r="DG12" s="74">
        <v>85</v>
      </c>
      <c r="DH12" s="75">
        <v>104</v>
      </c>
      <c r="DI12" s="60">
        <v>2</v>
      </c>
      <c r="DJ12" s="61">
        <v>0</v>
      </c>
      <c r="DK12" s="62">
        <v>2</v>
      </c>
      <c r="DL12" s="443">
        <v>0</v>
      </c>
      <c r="DM12" s="61">
        <v>0</v>
      </c>
      <c r="DN12" s="61">
        <v>1</v>
      </c>
      <c r="DO12" s="61">
        <v>0</v>
      </c>
      <c r="DP12" s="61">
        <v>0</v>
      </c>
      <c r="DQ12" s="61">
        <v>0</v>
      </c>
      <c r="DR12" s="62">
        <v>1</v>
      </c>
      <c r="DS12" s="63">
        <v>3</v>
      </c>
      <c r="DT12" s="60">
        <v>1</v>
      </c>
      <c r="DU12" s="61">
        <v>1</v>
      </c>
      <c r="DV12" s="62">
        <v>2</v>
      </c>
      <c r="DW12" s="443">
        <v>0</v>
      </c>
      <c r="DX12" s="61">
        <v>1</v>
      </c>
      <c r="DY12" s="61">
        <v>2</v>
      </c>
      <c r="DZ12" s="61">
        <v>1</v>
      </c>
      <c r="EA12" s="61">
        <v>0</v>
      </c>
      <c r="EB12" s="61">
        <v>0</v>
      </c>
      <c r="EC12" s="62">
        <v>4</v>
      </c>
      <c r="ED12" s="63">
        <v>6</v>
      </c>
      <c r="EE12" s="60">
        <v>0</v>
      </c>
      <c r="EF12" s="61">
        <v>0</v>
      </c>
      <c r="EG12" s="62">
        <v>0</v>
      </c>
      <c r="EH12" s="443">
        <v>0</v>
      </c>
      <c r="EI12" s="61">
        <v>3</v>
      </c>
      <c r="EJ12" s="61">
        <v>3</v>
      </c>
      <c r="EK12" s="61">
        <v>1</v>
      </c>
      <c r="EL12" s="61">
        <v>1</v>
      </c>
      <c r="EM12" s="61">
        <v>0</v>
      </c>
      <c r="EN12" s="62">
        <v>8</v>
      </c>
      <c r="EO12" s="63">
        <v>8</v>
      </c>
      <c r="EP12" s="60">
        <v>2</v>
      </c>
      <c r="EQ12" s="61">
        <v>1</v>
      </c>
      <c r="ER12" s="62">
        <v>3</v>
      </c>
      <c r="ES12" s="443">
        <v>0</v>
      </c>
      <c r="ET12" s="61">
        <v>4</v>
      </c>
      <c r="EU12" s="61">
        <v>4</v>
      </c>
      <c r="EV12" s="61">
        <v>3</v>
      </c>
      <c r="EW12" s="61">
        <v>0</v>
      </c>
      <c r="EX12" s="61">
        <v>0</v>
      </c>
      <c r="EY12" s="62">
        <v>11</v>
      </c>
      <c r="EZ12" s="63">
        <v>14</v>
      </c>
      <c r="FA12" s="60">
        <v>4</v>
      </c>
      <c r="FB12" s="61">
        <v>4</v>
      </c>
      <c r="FC12" s="62">
        <v>8</v>
      </c>
      <c r="FD12" s="443">
        <v>0</v>
      </c>
      <c r="FE12" s="61">
        <v>9</v>
      </c>
      <c r="FF12" s="61">
        <v>6</v>
      </c>
      <c r="FG12" s="61">
        <v>4</v>
      </c>
      <c r="FH12" s="61">
        <v>1</v>
      </c>
      <c r="FI12" s="61">
        <v>1</v>
      </c>
      <c r="FJ12" s="62">
        <v>21</v>
      </c>
      <c r="FK12" s="63">
        <v>29</v>
      </c>
      <c r="FL12" s="60">
        <v>3</v>
      </c>
      <c r="FM12" s="61">
        <v>1</v>
      </c>
      <c r="FN12" s="62">
        <v>4</v>
      </c>
      <c r="FO12" s="443">
        <v>0</v>
      </c>
      <c r="FP12" s="61">
        <v>9</v>
      </c>
      <c r="FQ12" s="61">
        <v>9</v>
      </c>
      <c r="FR12" s="61">
        <v>13</v>
      </c>
      <c r="FS12" s="61">
        <v>7</v>
      </c>
      <c r="FT12" s="61">
        <v>2</v>
      </c>
      <c r="FU12" s="62">
        <v>40</v>
      </c>
      <c r="FV12" s="63">
        <v>44</v>
      </c>
      <c r="FW12" s="60">
        <v>0</v>
      </c>
      <c r="FX12" s="61">
        <v>0</v>
      </c>
      <c r="FY12" s="62">
        <v>0</v>
      </c>
      <c r="FZ12" s="443">
        <v>0</v>
      </c>
      <c r="GA12" s="61">
        <v>0</v>
      </c>
      <c r="GB12" s="61">
        <v>0</v>
      </c>
      <c r="GC12" s="61">
        <v>0</v>
      </c>
      <c r="GD12" s="61">
        <v>0</v>
      </c>
      <c r="GE12" s="61">
        <v>0</v>
      </c>
      <c r="GF12" s="62">
        <v>0</v>
      </c>
      <c r="GG12" s="63">
        <v>0</v>
      </c>
      <c r="GH12" s="60">
        <v>12</v>
      </c>
      <c r="GI12" s="61">
        <v>7</v>
      </c>
      <c r="GJ12" s="62">
        <v>19</v>
      </c>
      <c r="GK12" s="443">
        <v>0</v>
      </c>
      <c r="GL12" s="61">
        <v>26</v>
      </c>
      <c r="GM12" s="61">
        <v>25</v>
      </c>
      <c r="GN12" s="61">
        <v>22</v>
      </c>
      <c r="GO12" s="61">
        <v>9</v>
      </c>
      <c r="GP12" s="61">
        <v>3</v>
      </c>
      <c r="GQ12" s="62">
        <v>85</v>
      </c>
      <c r="GR12" s="63">
        <v>104</v>
      </c>
      <c r="GS12" s="113">
        <v>114</v>
      </c>
      <c r="GT12" s="72">
        <v>73</v>
      </c>
      <c r="GU12" s="73">
        <v>187</v>
      </c>
      <c r="GV12" s="443">
        <v>0</v>
      </c>
      <c r="GW12" s="72">
        <v>173</v>
      </c>
      <c r="GX12" s="72">
        <v>137</v>
      </c>
      <c r="GY12" s="72">
        <v>119</v>
      </c>
      <c r="GZ12" s="72">
        <v>65</v>
      </c>
      <c r="HA12" s="72">
        <v>47</v>
      </c>
      <c r="HB12" s="74">
        <v>541</v>
      </c>
      <c r="HC12" s="75">
        <v>728</v>
      </c>
      <c r="HD12" s="60">
        <v>4</v>
      </c>
      <c r="HE12" s="61">
        <v>2</v>
      </c>
      <c r="HF12" s="62">
        <v>6</v>
      </c>
      <c r="HG12" s="443">
        <v>0</v>
      </c>
      <c r="HH12" s="61">
        <v>3</v>
      </c>
      <c r="HI12" s="61">
        <v>3</v>
      </c>
      <c r="HJ12" s="61">
        <v>3</v>
      </c>
      <c r="HK12" s="61">
        <v>0</v>
      </c>
      <c r="HL12" s="61">
        <v>0</v>
      </c>
      <c r="HM12" s="62">
        <v>9</v>
      </c>
      <c r="HN12" s="63">
        <v>15</v>
      </c>
      <c r="HO12" s="60">
        <v>1</v>
      </c>
      <c r="HP12" s="61">
        <v>3</v>
      </c>
      <c r="HQ12" s="62">
        <v>4</v>
      </c>
      <c r="HR12" s="443">
        <v>0</v>
      </c>
      <c r="HS12" s="61">
        <v>12</v>
      </c>
      <c r="HT12" s="61">
        <v>11</v>
      </c>
      <c r="HU12" s="61">
        <v>4</v>
      </c>
      <c r="HV12" s="61">
        <v>4</v>
      </c>
      <c r="HW12" s="61">
        <v>5</v>
      </c>
      <c r="HX12" s="62">
        <v>36</v>
      </c>
      <c r="HY12" s="63">
        <v>40</v>
      </c>
      <c r="HZ12" s="60">
        <v>4</v>
      </c>
      <c r="IA12" s="61">
        <v>5</v>
      </c>
      <c r="IB12" s="62">
        <v>9</v>
      </c>
      <c r="IC12" s="443">
        <v>0</v>
      </c>
      <c r="ID12" s="61">
        <v>13</v>
      </c>
      <c r="IE12" s="61">
        <v>16</v>
      </c>
      <c r="IF12" s="61">
        <v>3</v>
      </c>
      <c r="IG12" s="61">
        <v>12</v>
      </c>
      <c r="IH12" s="61">
        <v>1</v>
      </c>
      <c r="II12" s="62">
        <v>45</v>
      </c>
      <c r="IJ12" s="63">
        <v>54</v>
      </c>
      <c r="IK12" s="60">
        <v>21</v>
      </c>
      <c r="IL12" s="61">
        <v>9</v>
      </c>
      <c r="IM12" s="62">
        <v>30</v>
      </c>
      <c r="IN12" s="443">
        <v>0</v>
      </c>
      <c r="IO12" s="61">
        <v>37</v>
      </c>
      <c r="IP12" s="61">
        <v>28</v>
      </c>
      <c r="IQ12" s="61">
        <v>16</v>
      </c>
      <c r="IR12" s="61">
        <v>7</v>
      </c>
      <c r="IS12" s="61">
        <v>9</v>
      </c>
      <c r="IT12" s="62">
        <v>97</v>
      </c>
      <c r="IU12" s="63">
        <v>127</v>
      </c>
      <c r="IV12" s="60">
        <v>45</v>
      </c>
      <c r="IW12" s="61">
        <v>24</v>
      </c>
      <c r="IX12" s="62">
        <v>69</v>
      </c>
      <c r="IY12" s="443">
        <v>0</v>
      </c>
      <c r="IZ12" s="61">
        <v>46</v>
      </c>
      <c r="JA12" s="61">
        <v>27</v>
      </c>
      <c r="JB12" s="61">
        <v>33</v>
      </c>
      <c r="JC12" s="61">
        <v>12</v>
      </c>
      <c r="JD12" s="61">
        <v>15</v>
      </c>
      <c r="JE12" s="62">
        <v>133</v>
      </c>
      <c r="JF12" s="63">
        <v>202</v>
      </c>
      <c r="JG12" s="60">
        <v>39</v>
      </c>
      <c r="JH12" s="61">
        <v>30</v>
      </c>
      <c r="JI12" s="62">
        <v>69</v>
      </c>
      <c r="JJ12" s="443">
        <v>0</v>
      </c>
      <c r="JK12" s="61">
        <v>62</v>
      </c>
      <c r="JL12" s="61">
        <v>52</v>
      </c>
      <c r="JM12" s="61">
        <v>60</v>
      </c>
      <c r="JN12" s="61">
        <v>30</v>
      </c>
      <c r="JO12" s="61">
        <v>17</v>
      </c>
      <c r="JP12" s="62">
        <v>221</v>
      </c>
      <c r="JQ12" s="63">
        <v>290</v>
      </c>
      <c r="JR12" s="60">
        <v>0</v>
      </c>
      <c r="JS12" s="61">
        <v>0</v>
      </c>
      <c r="JT12" s="62">
        <v>0</v>
      </c>
      <c r="JU12" s="443">
        <v>0</v>
      </c>
      <c r="JV12" s="61">
        <v>0</v>
      </c>
      <c r="JW12" s="61">
        <v>0</v>
      </c>
      <c r="JX12" s="61">
        <v>0</v>
      </c>
      <c r="JY12" s="61">
        <v>0</v>
      </c>
      <c r="JZ12" s="61">
        <v>0</v>
      </c>
      <c r="KA12" s="62">
        <v>0</v>
      </c>
      <c r="KB12" s="63">
        <v>0</v>
      </c>
      <c r="KC12" s="60">
        <v>114</v>
      </c>
      <c r="KD12" s="61">
        <v>73</v>
      </c>
      <c r="KE12" s="62">
        <v>187</v>
      </c>
      <c r="KF12" s="443">
        <v>0</v>
      </c>
      <c r="KG12" s="61">
        <v>173</v>
      </c>
      <c r="KH12" s="61">
        <v>137</v>
      </c>
      <c r="KI12" s="61">
        <v>119</v>
      </c>
      <c r="KJ12" s="61">
        <v>65</v>
      </c>
      <c r="KK12" s="61">
        <v>47</v>
      </c>
      <c r="KL12" s="62">
        <v>541</v>
      </c>
      <c r="KM12" s="63">
        <v>728</v>
      </c>
    </row>
    <row r="13" spans="2:299" ht="21" customHeight="1" x14ac:dyDescent="0.2">
      <c r="B13" s="437" t="s">
        <v>9</v>
      </c>
      <c r="C13" s="287">
        <v>188</v>
      </c>
      <c r="D13" s="72">
        <v>94</v>
      </c>
      <c r="E13" s="73">
        <v>282</v>
      </c>
      <c r="F13" s="443">
        <v>0</v>
      </c>
      <c r="G13" s="72">
        <v>212</v>
      </c>
      <c r="H13" s="72">
        <v>120</v>
      </c>
      <c r="I13" s="72">
        <v>119</v>
      </c>
      <c r="J13" s="72">
        <v>86</v>
      </c>
      <c r="K13" s="72">
        <v>41</v>
      </c>
      <c r="L13" s="74">
        <v>578</v>
      </c>
      <c r="M13" s="75">
        <v>860</v>
      </c>
      <c r="N13" s="60">
        <v>0</v>
      </c>
      <c r="O13" s="61">
        <v>0</v>
      </c>
      <c r="P13" s="62">
        <v>0</v>
      </c>
      <c r="Q13" s="443">
        <v>0</v>
      </c>
      <c r="R13" s="61">
        <v>1</v>
      </c>
      <c r="S13" s="61">
        <v>0</v>
      </c>
      <c r="T13" s="61">
        <v>1</v>
      </c>
      <c r="U13" s="61">
        <v>0</v>
      </c>
      <c r="V13" s="61">
        <v>0</v>
      </c>
      <c r="W13" s="62">
        <v>2</v>
      </c>
      <c r="X13" s="63">
        <v>2</v>
      </c>
      <c r="Y13" s="60">
        <v>7</v>
      </c>
      <c r="Z13" s="61">
        <v>0</v>
      </c>
      <c r="AA13" s="62">
        <v>7</v>
      </c>
      <c r="AB13" s="443">
        <v>0</v>
      </c>
      <c r="AC13" s="61">
        <v>3</v>
      </c>
      <c r="AD13" s="61">
        <v>3</v>
      </c>
      <c r="AE13" s="61">
        <v>1</v>
      </c>
      <c r="AF13" s="61">
        <v>0</v>
      </c>
      <c r="AG13" s="61">
        <v>2</v>
      </c>
      <c r="AH13" s="62">
        <v>9</v>
      </c>
      <c r="AI13" s="63">
        <v>16</v>
      </c>
      <c r="AJ13" s="60">
        <v>9</v>
      </c>
      <c r="AK13" s="61">
        <v>4</v>
      </c>
      <c r="AL13" s="62">
        <v>13</v>
      </c>
      <c r="AM13" s="443">
        <v>0</v>
      </c>
      <c r="AN13" s="61">
        <v>9</v>
      </c>
      <c r="AO13" s="61">
        <v>8</v>
      </c>
      <c r="AP13" s="61">
        <v>10</v>
      </c>
      <c r="AQ13" s="61">
        <v>6</v>
      </c>
      <c r="AR13" s="61">
        <v>2</v>
      </c>
      <c r="AS13" s="62">
        <v>35</v>
      </c>
      <c r="AT13" s="63">
        <v>48</v>
      </c>
      <c r="AU13" s="60">
        <v>29</v>
      </c>
      <c r="AV13" s="61">
        <v>18</v>
      </c>
      <c r="AW13" s="62">
        <v>47</v>
      </c>
      <c r="AX13" s="443">
        <v>0</v>
      </c>
      <c r="AY13" s="61">
        <v>35</v>
      </c>
      <c r="AZ13" s="61">
        <v>11</v>
      </c>
      <c r="BA13" s="61">
        <v>17</v>
      </c>
      <c r="BB13" s="61">
        <v>8</v>
      </c>
      <c r="BC13" s="61">
        <v>6</v>
      </c>
      <c r="BD13" s="62">
        <v>77</v>
      </c>
      <c r="BE13" s="63">
        <v>124</v>
      </c>
      <c r="BF13" s="60">
        <v>69</v>
      </c>
      <c r="BG13" s="61">
        <v>37</v>
      </c>
      <c r="BH13" s="62">
        <v>106</v>
      </c>
      <c r="BI13" s="443">
        <v>0</v>
      </c>
      <c r="BJ13" s="61">
        <v>75</v>
      </c>
      <c r="BK13" s="61">
        <v>36</v>
      </c>
      <c r="BL13" s="61">
        <v>36</v>
      </c>
      <c r="BM13" s="61">
        <v>27</v>
      </c>
      <c r="BN13" s="61">
        <v>8</v>
      </c>
      <c r="BO13" s="62">
        <v>182</v>
      </c>
      <c r="BP13" s="63">
        <v>288</v>
      </c>
      <c r="BQ13" s="60">
        <v>74</v>
      </c>
      <c r="BR13" s="61">
        <v>35</v>
      </c>
      <c r="BS13" s="62">
        <v>109</v>
      </c>
      <c r="BT13" s="443">
        <v>0</v>
      </c>
      <c r="BU13" s="61">
        <v>89</v>
      </c>
      <c r="BV13" s="61">
        <v>62</v>
      </c>
      <c r="BW13" s="61">
        <v>54</v>
      </c>
      <c r="BX13" s="61">
        <v>45</v>
      </c>
      <c r="BY13" s="61">
        <v>23</v>
      </c>
      <c r="BZ13" s="62">
        <v>273</v>
      </c>
      <c r="CA13" s="63">
        <v>382</v>
      </c>
      <c r="CB13" s="60">
        <v>0</v>
      </c>
      <c r="CC13" s="61">
        <v>0</v>
      </c>
      <c r="CD13" s="62">
        <v>0</v>
      </c>
      <c r="CE13" s="443">
        <v>0</v>
      </c>
      <c r="CF13" s="61">
        <v>0</v>
      </c>
      <c r="CG13" s="61">
        <v>0</v>
      </c>
      <c r="CH13" s="61">
        <v>0</v>
      </c>
      <c r="CI13" s="61">
        <v>0</v>
      </c>
      <c r="CJ13" s="61">
        <v>0</v>
      </c>
      <c r="CK13" s="62">
        <v>0</v>
      </c>
      <c r="CL13" s="63">
        <v>0</v>
      </c>
      <c r="CM13" s="60">
        <v>188</v>
      </c>
      <c r="CN13" s="61">
        <v>94</v>
      </c>
      <c r="CO13" s="62">
        <v>282</v>
      </c>
      <c r="CP13" s="443">
        <v>0</v>
      </c>
      <c r="CQ13" s="61">
        <v>212</v>
      </c>
      <c r="CR13" s="61">
        <v>120</v>
      </c>
      <c r="CS13" s="61">
        <v>119</v>
      </c>
      <c r="CT13" s="61">
        <v>86</v>
      </c>
      <c r="CU13" s="61">
        <v>41</v>
      </c>
      <c r="CV13" s="62">
        <v>578</v>
      </c>
      <c r="CW13" s="63">
        <v>860</v>
      </c>
      <c r="CX13" s="113">
        <v>30</v>
      </c>
      <c r="CY13" s="72">
        <v>19</v>
      </c>
      <c r="CZ13" s="73">
        <v>49</v>
      </c>
      <c r="DA13" s="443">
        <v>0</v>
      </c>
      <c r="DB13" s="72">
        <v>30</v>
      </c>
      <c r="DC13" s="72">
        <v>25</v>
      </c>
      <c r="DD13" s="72">
        <v>20</v>
      </c>
      <c r="DE13" s="72">
        <v>16</v>
      </c>
      <c r="DF13" s="72">
        <v>8</v>
      </c>
      <c r="DG13" s="74">
        <v>99</v>
      </c>
      <c r="DH13" s="75">
        <v>148</v>
      </c>
      <c r="DI13" s="60">
        <v>0</v>
      </c>
      <c r="DJ13" s="61">
        <v>0</v>
      </c>
      <c r="DK13" s="62">
        <v>0</v>
      </c>
      <c r="DL13" s="443">
        <v>0</v>
      </c>
      <c r="DM13" s="61">
        <v>0</v>
      </c>
      <c r="DN13" s="61">
        <v>1</v>
      </c>
      <c r="DO13" s="61">
        <v>1</v>
      </c>
      <c r="DP13" s="61">
        <v>0</v>
      </c>
      <c r="DQ13" s="61">
        <v>0</v>
      </c>
      <c r="DR13" s="62">
        <v>2</v>
      </c>
      <c r="DS13" s="63">
        <v>2</v>
      </c>
      <c r="DT13" s="60">
        <v>4</v>
      </c>
      <c r="DU13" s="61">
        <v>4</v>
      </c>
      <c r="DV13" s="62">
        <v>8</v>
      </c>
      <c r="DW13" s="443">
        <v>0</v>
      </c>
      <c r="DX13" s="61">
        <v>1</v>
      </c>
      <c r="DY13" s="61">
        <v>0</v>
      </c>
      <c r="DZ13" s="61">
        <v>0</v>
      </c>
      <c r="EA13" s="61">
        <v>0</v>
      </c>
      <c r="EB13" s="61">
        <v>0</v>
      </c>
      <c r="EC13" s="62">
        <v>1</v>
      </c>
      <c r="ED13" s="63">
        <v>9</v>
      </c>
      <c r="EE13" s="60">
        <v>6</v>
      </c>
      <c r="EF13" s="61">
        <v>1</v>
      </c>
      <c r="EG13" s="62">
        <v>7</v>
      </c>
      <c r="EH13" s="443">
        <v>0</v>
      </c>
      <c r="EI13" s="61">
        <v>2</v>
      </c>
      <c r="EJ13" s="61">
        <v>4</v>
      </c>
      <c r="EK13" s="61">
        <v>2</v>
      </c>
      <c r="EL13" s="61">
        <v>0</v>
      </c>
      <c r="EM13" s="61">
        <v>1</v>
      </c>
      <c r="EN13" s="62">
        <v>9</v>
      </c>
      <c r="EO13" s="63">
        <v>16</v>
      </c>
      <c r="EP13" s="60">
        <v>8</v>
      </c>
      <c r="EQ13" s="61">
        <v>3</v>
      </c>
      <c r="ER13" s="62">
        <v>11</v>
      </c>
      <c r="ES13" s="443">
        <v>0</v>
      </c>
      <c r="ET13" s="61">
        <v>6</v>
      </c>
      <c r="EU13" s="61">
        <v>2</v>
      </c>
      <c r="EV13" s="61">
        <v>3</v>
      </c>
      <c r="EW13" s="61">
        <v>2</v>
      </c>
      <c r="EX13" s="61">
        <v>0</v>
      </c>
      <c r="EY13" s="62">
        <v>13</v>
      </c>
      <c r="EZ13" s="63">
        <v>24</v>
      </c>
      <c r="FA13" s="60">
        <v>7</v>
      </c>
      <c r="FB13" s="61">
        <v>6</v>
      </c>
      <c r="FC13" s="62">
        <v>13</v>
      </c>
      <c r="FD13" s="443">
        <v>0</v>
      </c>
      <c r="FE13" s="61">
        <v>8</v>
      </c>
      <c r="FF13" s="61">
        <v>7</v>
      </c>
      <c r="FG13" s="61">
        <v>2</v>
      </c>
      <c r="FH13" s="61">
        <v>3</v>
      </c>
      <c r="FI13" s="61">
        <v>4</v>
      </c>
      <c r="FJ13" s="62">
        <v>24</v>
      </c>
      <c r="FK13" s="63">
        <v>37</v>
      </c>
      <c r="FL13" s="60">
        <v>5</v>
      </c>
      <c r="FM13" s="61">
        <v>5</v>
      </c>
      <c r="FN13" s="62">
        <v>10</v>
      </c>
      <c r="FO13" s="443">
        <v>0</v>
      </c>
      <c r="FP13" s="61">
        <v>13</v>
      </c>
      <c r="FQ13" s="61">
        <v>11</v>
      </c>
      <c r="FR13" s="61">
        <v>12</v>
      </c>
      <c r="FS13" s="61">
        <v>11</v>
      </c>
      <c r="FT13" s="61">
        <v>3</v>
      </c>
      <c r="FU13" s="62">
        <v>50</v>
      </c>
      <c r="FV13" s="63">
        <v>60</v>
      </c>
      <c r="FW13" s="60">
        <v>0</v>
      </c>
      <c r="FX13" s="61">
        <v>0</v>
      </c>
      <c r="FY13" s="62">
        <v>0</v>
      </c>
      <c r="FZ13" s="443">
        <v>0</v>
      </c>
      <c r="GA13" s="61">
        <v>0</v>
      </c>
      <c r="GB13" s="61">
        <v>0</v>
      </c>
      <c r="GC13" s="61">
        <v>0</v>
      </c>
      <c r="GD13" s="61">
        <v>0</v>
      </c>
      <c r="GE13" s="61">
        <v>0</v>
      </c>
      <c r="GF13" s="62">
        <v>0</v>
      </c>
      <c r="GG13" s="63">
        <v>0</v>
      </c>
      <c r="GH13" s="60">
        <v>30</v>
      </c>
      <c r="GI13" s="61">
        <v>19</v>
      </c>
      <c r="GJ13" s="62">
        <v>49</v>
      </c>
      <c r="GK13" s="443">
        <v>0</v>
      </c>
      <c r="GL13" s="61">
        <v>30</v>
      </c>
      <c r="GM13" s="61">
        <v>25</v>
      </c>
      <c r="GN13" s="61">
        <v>20</v>
      </c>
      <c r="GO13" s="61">
        <v>16</v>
      </c>
      <c r="GP13" s="61">
        <v>8</v>
      </c>
      <c r="GQ13" s="62">
        <v>99</v>
      </c>
      <c r="GR13" s="63">
        <v>148</v>
      </c>
      <c r="GS13" s="113">
        <v>218</v>
      </c>
      <c r="GT13" s="72">
        <v>113</v>
      </c>
      <c r="GU13" s="73">
        <v>331</v>
      </c>
      <c r="GV13" s="443">
        <v>0</v>
      </c>
      <c r="GW13" s="72">
        <v>242</v>
      </c>
      <c r="GX13" s="72">
        <v>145</v>
      </c>
      <c r="GY13" s="72">
        <v>139</v>
      </c>
      <c r="GZ13" s="72">
        <v>102</v>
      </c>
      <c r="HA13" s="72">
        <v>49</v>
      </c>
      <c r="HB13" s="74">
        <v>677</v>
      </c>
      <c r="HC13" s="75">
        <v>1008</v>
      </c>
      <c r="HD13" s="60">
        <v>0</v>
      </c>
      <c r="HE13" s="61">
        <v>0</v>
      </c>
      <c r="HF13" s="62">
        <v>0</v>
      </c>
      <c r="HG13" s="443">
        <v>0</v>
      </c>
      <c r="HH13" s="61">
        <v>1</v>
      </c>
      <c r="HI13" s="61">
        <v>1</v>
      </c>
      <c r="HJ13" s="61">
        <v>2</v>
      </c>
      <c r="HK13" s="61">
        <v>0</v>
      </c>
      <c r="HL13" s="61">
        <v>0</v>
      </c>
      <c r="HM13" s="62">
        <v>4</v>
      </c>
      <c r="HN13" s="63">
        <v>4</v>
      </c>
      <c r="HO13" s="60">
        <v>11</v>
      </c>
      <c r="HP13" s="61">
        <v>4</v>
      </c>
      <c r="HQ13" s="62">
        <v>15</v>
      </c>
      <c r="HR13" s="443">
        <v>0</v>
      </c>
      <c r="HS13" s="61">
        <v>4</v>
      </c>
      <c r="HT13" s="61">
        <v>3</v>
      </c>
      <c r="HU13" s="61">
        <v>1</v>
      </c>
      <c r="HV13" s="61">
        <v>0</v>
      </c>
      <c r="HW13" s="61">
        <v>2</v>
      </c>
      <c r="HX13" s="62">
        <v>10</v>
      </c>
      <c r="HY13" s="63">
        <v>25</v>
      </c>
      <c r="HZ13" s="60">
        <v>15</v>
      </c>
      <c r="IA13" s="61">
        <v>5</v>
      </c>
      <c r="IB13" s="62">
        <v>20</v>
      </c>
      <c r="IC13" s="443">
        <v>0</v>
      </c>
      <c r="ID13" s="61">
        <v>11</v>
      </c>
      <c r="IE13" s="61">
        <v>12</v>
      </c>
      <c r="IF13" s="61">
        <v>12</v>
      </c>
      <c r="IG13" s="61">
        <v>6</v>
      </c>
      <c r="IH13" s="61">
        <v>3</v>
      </c>
      <c r="II13" s="62">
        <v>44</v>
      </c>
      <c r="IJ13" s="63">
        <v>64</v>
      </c>
      <c r="IK13" s="60">
        <v>37</v>
      </c>
      <c r="IL13" s="61">
        <v>21</v>
      </c>
      <c r="IM13" s="62">
        <v>58</v>
      </c>
      <c r="IN13" s="443">
        <v>0</v>
      </c>
      <c r="IO13" s="61">
        <v>41</v>
      </c>
      <c r="IP13" s="61">
        <v>13</v>
      </c>
      <c r="IQ13" s="61">
        <v>20</v>
      </c>
      <c r="IR13" s="61">
        <v>10</v>
      </c>
      <c r="IS13" s="61">
        <v>6</v>
      </c>
      <c r="IT13" s="62">
        <v>90</v>
      </c>
      <c r="IU13" s="63">
        <v>148</v>
      </c>
      <c r="IV13" s="60">
        <v>76</v>
      </c>
      <c r="IW13" s="61">
        <v>43</v>
      </c>
      <c r="IX13" s="62">
        <v>119</v>
      </c>
      <c r="IY13" s="443">
        <v>0</v>
      </c>
      <c r="IZ13" s="61">
        <v>83</v>
      </c>
      <c r="JA13" s="61">
        <v>43</v>
      </c>
      <c r="JB13" s="61">
        <v>38</v>
      </c>
      <c r="JC13" s="61">
        <v>30</v>
      </c>
      <c r="JD13" s="61">
        <v>12</v>
      </c>
      <c r="JE13" s="62">
        <v>206</v>
      </c>
      <c r="JF13" s="63">
        <v>325</v>
      </c>
      <c r="JG13" s="60">
        <v>79</v>
      </c>
      <c r="JH13" s="61">
        <v>40</v>
      </c>
      <c r="JI13" s="62">
        <v>119</v>
      </c>
      <c r="JJ13" s="443">
        <v>0</v>
      </c>
      <c r="JK13" s="61">
        <v>102</v>
      </c>
      <c r="JL13" s="61">
        <v>73</v>
      </c>
      <c r="JM13" s="61">
        <v>66</v>
      </c>
      <c r="JN13" s="61">
        <v>56</v>
      </c>
      <c r="JO13" s="61">
        <v>26</v>
      </c>
      <c r="JP13" s="62">
        <v>323</v>
      </c>
      <c r="JQ13" s="63">
        <v>442</v>
      </c>
      <c r="JR13" s="60">
        <v>0</v>
      </c>
      <c r="JS13" s="61">
        <v>0</v>
      </c>
      <c r="JT13" s="62">
        <v>0</v>
      </c>
      <c r="JU13" s="443">
        <v>0</v>
      </c>
      <c r="JV13" s="61">
        <v>0</v>
      </c>
      <c r="JW13" s="61">
        <v>0</v>
      </c>
      <c r="JX13" s="61">
        <v>0</v>
      </c>
      <c r="JY13" s="61">
        <v>0</v>
      </c>
      <c r="JZ13" s="61">
        <v>0</v>
      </c>
      <c r="KA13" s="62">
        <v>0</v>
      </c>
      <c r="KB13" s="63">
        <v>0</v>
      </c>
      <c r="KC13" s="60">
        <v>218</v>
      </c>
      <c r="KD13" s="61">
        <v>113</v>
      </c>
      <c r="KE13" s="62">
        <v>331</v>
      </c>
      <c r="KF13" s="443">
        <v>0</v>
      </c>
      <c r="KG13" s="61">
        <v>242</v>
      </c>
      <c r="KH13" s="61">
        <v>145</v>
      </c>
      <c r="KI13" s="61">
        <v>139</v>
      </c>
      <c r="KJ13" s="61">
        <v>102</v>
      </c>
      <c r="KK13" s="61">
        <v>49</v>
      </c>
      <c r="KL13" s="62">
        <v>677</v>
      </c>
      <c r="KM13" s="63">
        <v>1008</v>
      </c>
    </row>
    <row r="14" spans="2:299" ht="21" customHeight="1" x14ac:dyDescent="0.2">
      <c r="B14" s="437" t="s">
        <v>10</v>
      </c>
      <c r="C14" s="287">
        <v>357</v>
      </c>
      <c r="D14" s="72">
        <v>204</v>
      </c>
      <c r="E14" s="73">
        <v>561</v>
      </c>
      <c r="F14" s="443">
        <v>0</v>
      </c>
      <c r="G14" s="72">
        <v>340</v>
      </c>
      <c r="H14" s="72">
        <v>163</v>
      </c>
      <c r="I14" s="72">
        <v>135</v>
      </c>
      <c r="J14" s="72">
        <v>138</v>
      </c>
      <c r="K14" s="72">
        <v>91</v>
      </c>
      <c r="L14" s="74">
        <v>867</v>
      </c>
      <c r="M14" s="75">
        <v>1428</v>
      </c>
      <c r="N14" s="60">
        <v>3</v>
      </c>
      <c r="O14" s="61">
        <v>3</v>
      </c>
      <c r="P14" s="62">
        <v>6</v>
      </c>
      <c r="Q14" s="443">
        <v>0</v>
      </c>
      <c r="R14" s="61">
        <v>5</v>
      </c>
      <c r="S14" s="61">
        <v>3</v>
      </c>
      <c r="T14" s="61">
        <v>1</v>
      </c>
      <c r="U14" s="61">
        <v>3</v>
      </c>
      <c r="V14" s="61">
        <v>1</v>
      </c>
      <c r="W14" s="62">
        <v>13</v>
      </c>
      <c r="X14" s="63">
        <v>19</v>
      </c>
      <c r="Y14" s="60">
        <v>12</v>
      </c>
      <c r="Z14" s="61">
        <v>5</v>
      </c>
      <c r="AA14" s="62">
        <v>17</v>
      </c>
      <c r="AB14" s="443">
        <v>0</v>
      </c>
      <c r="AC14" s="61">
        <v>14</v>
      </c>
      <c r="AD14" s="61">
        <v>9</v>
      </c>
      <c r="AE14" s="61">
        <v>5</v>
      </c>
      <c r="AF14" s="61">
        <v>7</v>
      </c>
      <c r="AG14" s="61">
        <v>9</v>
      </c>
      <c r="AH14" s="62">
        <v>44</v>
      </c>
      <c r="AI14" s="63">
        <v>61</v>
      </c>
      <c r="AJ14" s="60">
        <v>29</v>
      </c>
      <c r="AK14" s="61">
        <v>13</v>
      </c>
      <c r="AL14" s="62">
        <v>42</v>
      </c>
      <c r="AM14" s="443">
        <v>0</v>
      </c>
      <c r="AN14" s="61">
        <v>21</v>
      </c>
      <c r="AO14" s="61">
        <v>11</v>
      </c>
      <c r="AP14" s="61">
        <v>7</v>
      </c>
      <c r="AQ14" s="61">
        <v>18</v>
      </c>
      <c r="AR14" s="61">
        <v>10</v>
      </c>
      <c r="AS14" s="62">
        <v>67</v>
      </c>
      <c r="AT14" s="63">
        <v>109</v>
      </c>
      <c r="AU14" s="60">
        <v>70</v>
      </c>
      <c r="AV14" s="61">
        <v>35</v>
      </c>
      <c r="AW14" s="62">
        <v>105</v>
      </c>
      <c r="AX14" s="443">
        <v>0</v>
      </c>
      <c r="AY14" s="61">
        <v>72</v>
      </c>
      <c r="AZ14" s="61">
        <v>28</v>
      </c>
      <c r="BA14" s="61">
        <v>27</v>
      </c>
      <c r="BB14" s="61">
        <v>20</v>
      </c>
      <c r="BC14" s="61">
        <v>14</v>
      </c>
      <c r="BD14" s="62">
        <v>161</v>
      </c>
      <c r="BE14" s="63">
        <v>266</v>
      </c>
      <c r="BF14" s="60">
        <v>147</v>
      </c>
      <c r="BG14" s="61">
        <v>85</v>
      </c>
      <c r="BH14" s="62">
        <v>232</v>
      </c>
      <c r="BI14" s="443">
        <v>0</v>
      </c>
      <c r="BJ14" s="61">
        <v>109</v>
      </c>
      <c r="BK14" s="61">
        <v>47</v>
      </c>
      <c r="BL14" s="61">
        <v>29</v>
      </c>
      <c r="BM14" s="61">
        <v>37</v>
      </c>
      <c r="BN14" s="61">
        <v>24</v>
      </c>
      <c r="BO14" s="62">
        <v>246</v>
      </c>
      <c r="BP14" s="63">
        <v>478</v>
      </c>
      <c r="BQ14" s="60">
        <v>96</v>
      </c>
      <c r="BR14" s="61">
        <v>63</v>
      </c>
      <c r="BS14" s="62">
        <v>159</v>
      </c>
      <c r="BT14" s="443">
        <v>0</v>
      </c>
      <c r="BU14" s="61">
        <v>119</v>
      </c>
      <c r="BV14" s="61">
        <v>65</v>
      </c>
      <c r="BW14" s="61">
        <v>66</v>
      </c>
      <c r="BX14" s="61">
        <v>53</v>
      </c>
      <c r="BY14" s="61">
        <v>33</v>
      </c>
      <c r="BZ14" s="62">
        <v>336</v>
      </c>
      <c r="CA14" s="63">
        <v>495</v>
      </c>
      <c r="CB14" s="60">
        <v>0</v>
      </c>
      <c r="CC14" s="61">
        <v>0</v>
      </c>
      <c r="CD14" s="62">
        <v>0</v>
      </c>
      <c r="CE14" s="443">
        <v>0</v>
      </c>
      <c r="CF14" s="61">
        <v>0</v>
      </c>
      <c r="CG14" s="61">
        <v>0</v>
      </c>
      <c r="CH14" s="61">
        <v>0</v>
      </c>
      <c r="CI14" s="61">
        <v>0</v>
      </c>
      <c r="CJ14" s="61">
        <v>0</v>
      </c>
      <c r="CK14" s="62">
        <v>0</v>
      </c>
      <c r="CL14" s="63">
        <v>0</v>
      </c>
      <c r="CM14" s="60">
        <v>357</v>
      </c>
      <c r="CN14" s="61">
        <v>204</v>
      </c>
      <c r="CO14" s="62">
        <v>561</v>
      </c>
      <c r="CP14" s="443">
        <v>0</v>
      </c>
      <c r="CQ14" s="61">
        <v>340</v>
      </c>
      <c r="CR14" s="61">
        <v>163</v>
      </c>
      <c r="CS14" s="61">
        <v>135</v>
      </c>
      <c r="CT14" s="61">
        <v>138</v>
      </c>
      <c r="CU14" s="61">
        <v>91</v>
      </c>
      <c r="CV14" s="62">
        <v>867</v>
      </c>
      <c r="CW14" s="63">
        <v>1428</v>
      </c>
      <c r="CX14" s="113">
        <v>43</v>
      </c>
      <c r="CY14" s="72">
        <v>32</v>
      </c>
      <c r="CZ14" s="73">
        <v>75</v>
      </c>
      <c r="DA14" s="443">
        <v>0</v>
      </c>
      <c r="DB14" s="72">
        <v>53</v>
      </c>
      <c r="DC14" s="72">
        <v>21</v>
      </c>
      <c r="DD14" s="72">
        <v>22</v>
      </c>
      <c r="DE14" s="72">
        <v>28</v>
      </c>
      <c r="DF14" s="72">
        <v>19</v>
      </c>
      <c r="DG14" s="74">
        <v>143</v>
      </c>
      <c r="DH14" s="75">
        <v>218</v>
      </c>
      <c r="DI14" s="60">
        <v>1</v>
      </c>
      <c r="DJ14" s="61">
        <v>2</v>
      </c>
      <c r="DK14" s="62">
        <v>3</v>
      </c>
      <c r="DL14" s="443">
        <v>0</v>
      </c>
      <c r="DM14" s="61">
        <v>0</v>
      </c>
      <c r="DN14" s="61">
        <v>1</v>
      </c>
      <c r="DO14" s="61">
        <v>1</v>
      </c>
      <c r="DP14" s="61">
        <v>0</v>
      </c>
      <c r="DQ14" s="61">
        <v>1</v>
      </c>
      <c r="DR14" s="62">
        <v>3</v>
      </c>
      <c r="DS14" s="63">
        <v>6</v>
      </c>
      <c r="DT14" s="60">
        <v>4</v>
      </c>
      <c r="DU14" s="61">
        <v>2</v>
      </c>
      <c r="DV14" s="62">
        <v>6</v>
      </c>
      <c r="DW14" s="443">
        <v>0</v>
      </c>
      <c r="DX14" s="61">
        <v>0</v>
      </c>
      <c r="DY14" s="61">
        <v>0</v>
      </c>
      <c r="DZ14" s="61">
        <v>1</v>
      </c>
      <c r="EA14" s="61">
        <v>2</v>
      </c>
      <c r="EB14" s="61">
        <v>0</v>
      </c>
      <c r="EC14" s="62">
        <v>3</v>
      </c>
      <c r="ED14" s="63">
        <v>9</v>
      </c>
      <c r="EE14" s="60">
        <v>2</v>
      </c>
      <c r="EF14" s="61">
        <v>2</v>
      </c>
      <c r="EG14" s="62">
        <v>4</v>
      </c>
      <c r="EH14" s="443">
        <v>0</v>
      </c>
      <c r="EI14" s="61">
        <v>3</v>
      </c>
      <c r="EJ14" s="61">
        <v>1</v>
      </c>
      <c r="EK14" s="61">
        <v>1</v>
      </c>
      <c r="EL14" s="61">
        <v>0</v>
      </c>
      <c r="EM14" s="61">
        <v>0</v>
      </c>
      <c r="EN14" s="62">
        <v>5</v>
      </c>
      <c r="EO14" s="63">
        <v>9</v>
      </c>
      <c r="EP14" s="60">
        <v>8</v>
      </c>
      <c r="EQ14" s="61">
        <v>3</v>
      </c>
      <c r="ER14" s="62">
        <v>11</v>
      </c>
      <c r="ES14" s="443">
        <v>0</v>
      </c>
      <c r="ET14" s="61">
        <v>7</v>
      </c>
      <c r="EU14" s="61">
        <v>2</v>
      </c>
      <c r="EV14" s="61">
        <v>3</v>
      </c>
      <c r="EW14" s="61">
        <v>3</v>
      </c>
      <c r="EX14" s="61">
        <v>1</v>
      </c>
      <c r="EY14" s="62">
        <v>16</v>
      </c>
      <c r="EZ14" s="63">
        <v>27</v>
      </c>
      <c r="FA14" s="60">
        <v>21</v>
      </c>
      <c r="FB14" s="61">
        <v>12</v>
      </c>
      <c r="FC14" s="62">
        <v>33</v>
      </c>
      <c r="FD14" s="443">
        <v>0</v>
      </c>
      <c r="FE14" s="61">
        <v>19</v>
      </c>
      <c r="FF14" s="61">
        <v>5</v>
      </c>
      <c r="FG14" s="61">
        <v>5</v>
      </c>
      <c r="FH14" s="61">
        <v>6</v>
      </c>
      <c r="FI14" s="61">
        <v>9</v>
      </c>
      <c r="FJ14" s="62">
        <v>44</v>
      </c>
      <c r="FK14" s="63">
        <v>77</v>
      </c>
      <c r="FL14" s="60">
        <v>7</v>
      </c>
      <c r="FM14" s="61">
        <v>11</v>
      </c>
      <c r="FN14" s="62">
        <v>18</v>
      </c>
      <c r="FO14" s="443">
        <v>0</v>
      </c>
      <c r="FP14" s="61">
        <v>24</v>
      </c>
      <c r="FQ14" s="61">
        <v>12</v>
      </c>
      <c r="FR14" s="61">
        <v>11</v>
      </c>
      <c r="FS14" s="61">
        <v>17</v>
      </c>
      <c r="FT14" s="61">
        <v>8</v>
      </c>
      <c r="FU14" s="62">
        <v>72</v>
      </c>
      <c r="FV14" s="63">
        <v>90</v>
      </c>
      <c r="FW14" s="60">
        <v>0</v>
      </c>
      <c r="FX14" s="61">
        <v>0</v>
      </c>
      <c r="FY14" s="62">
        <v>0</v>
      </c>
      <c r="FZ14" s="443">
        <v>0</v>
      </c>
      <c r="GA14" s="61">
        <v>0</v>
      </c>
      <c r="GB14" s="61">
        <v>0</v>
      </c>
      <c r="GC14" s="61">
        <v>0</v>
      </c>
      <c r="GD14" s="61">
        <v>0</v>
      </c>
      <c r="GE14" s="61">
        <v>0</v>
      </c>
      <c r="GF14" s="62">
        <v>0</v>
      </c>
      <c r="GG14" s="63">
        <v>0</v>
      </c>
      <c r="GH14" s="60">
        <v>43</v>
      </c>
      <c r="GI14" s="61">
        <v>32</v>
      </c>
      <c r="GJ14" s="62">
        <v>75</v>
      </c>
      <c r="GK14" s="443">
        <v>0</v>
      </c>
      <c r="GL14" s="61">
        <v>53</v>
      </c>
      <c r="GM14" s="61">
        <v>21</v>
      </c>
      <c r="GN14" s="61">
        <v>22</v>
      </c>
      <c r="GO14" s="61">
        <v>28</v>
      </c>
      <c r="GP14" s="61">
        <v>19</v>
      </c>
      <c r="GQ14" s="62">
        <v>143</v>
      </c>
      <c r="GR14" s="63">
        <v>218</v>
      </c>
      <c r="GS14" s="113">
        <v>400</v>
      </c>
      <c r="GT14" s="72">
        <v>236</v>
      </c>
      <c r="GU14" s="73">
        <v>636</v>
      </c>
      <c r="GV14" s="443">
        <v>0</v>
      </c>
      <c r="GW14" s="72">
        <v>393</v>
      </c>
      <c r="GX14" s="72">
        <v>184</v>
      </c>
      <c r="GY14" s="72">
        <v>157</v>
      </c>
      <c r="GZ14" s="72">
        <v>166</v>
      </c>
      <c r="HA14" s="72">
        <v>110</v>
      </c>
      <c r="HB14" s="74">
        <v>1010</v>
      </c>
      <c r="HC14" s="75">
        <v>1646</v>
      </c>
      <c r="HD14" s="60">
        <v>4</v>
      </c>
      <c r="HE14" s="61">
        <v>5</v>
      </c>
      <c r="HF14" s="62">
        <v>9</v>
      </c>
      <c r="HG14" s="443">
        <v>0</v>
      </c>
      <c r="HH14" s="61">
        <v>5</v>
      </c>
      <c r="HI14" s="61">
        <v>4</v>
      </c>
      <c r="HJ14" s="61">
        <v>2</v>
      </c>
      <c r="HK14" s="61">
        <v>3</v>
      </c>
      <c r="HL14" s="61">
        <v>2</v>
      </c>
      <c r="HM14" s="62">
        <v>16</v>
      </c>
      <c r="HN14" s="63">
        <v>25</v>
      </c>
      <c r="HO14" s="60">
        <v>16</v>
      </c>
      <c r="HP14" s="61">
        <v>7</v>
      </c>
      <c r="HQ14" s="62">
        <v>23</v>
      </c>
      <c r="HR14" s="443">
        <v>0</v>
      </c>
      <c r="HS14" s="61">
        <v>14</v>
      </c>
      <c r="HT14" s="61">
        <v>9</v>
      </c>
      <c r="HU14" s="61">
        <v>6</v>
      </c>
      <c r="HV14" s="61">
        <v>9</v>
      </c>
      <c r="HW14" s="61">
        <v>9</v>
      </c>
      <c r="HX14" s="62">
        <v>47</v>
      </c>
      <c r="HY14" s="63">
        <v>70</v>
      </c>
      <c r="HZ14" s="60">
        <v>31</v>
      </c>
      <c r="IA14" s="61">
        <v>15</v>
      </c>
      <c r="IB14" s="62">
        <v>46</v>
      </c>
      <c r="IC14" s="443">
        <v>0</v>
      </c>
      <c r="ID14" s="61">
        <v>24</v>
      </c>
      <c r="IE14" s="61">
        <v>12</v>
      </c>
      <c r="IF14" s="61">
        <v>8</v>
      </c>
      <c r="IG14" s="61">
        <v>18</v>
      </c>
      <c r="IH14" s="61">
        <v>10</v>
      </c>
      <c r="II14" s="62">
        <v>72</v>
      </c>
      <c r="IJ14" s="63">
        <v>118</v>
      </c>
      <c r="IK14" s="60">
        <v>78</v>
      </c>
      <c r="IL14" s="61">
        <v>38</v>
      </c>
      <c r="IM14" s="62">
        <v>116</v>
      </c>
      <c r="IN14" s="443">
        <v>0</v>
      </c>
      <c r="IO14" s="61">
        <v>79</v>
      </c>
      <c r="IP14" s="61">
        <v>30</v>
      </c>
      <c r="IQ14" s="61">
        <v>30</v>
      </c>
      <c r="IR14" s="61">
        <v>23</v>
      </c>
      <c r="IS14" s="61">
        <v>15</v>
      </c>
      <c r="IT14" s="62">
        <v>177</v>
      </c>
      <c r="IU14" s="63">
        <v>293</v>
      </c>
      <c r="IV14" s="60">
        <v>168</v>
      </c>
      <c r="IW14" s="61">
        <v>97</v>
      </c>
      <c r="IX14" s="62">
        <v>265</v>
      </c>
      <c r="IY14" s="443">
        <v>0</v>
      </c>
      <c r="IZ14" s="61">
        <v>128</v>
      </c>
      <c r="JA14" s="61">
        <v>52</v>
      </c>
      <c r="JB14" s="61">
        <v>34</v>
      </c>
      <c r="JC14" s="61">
        <v>43</v>
      </c>
      <c r="JD14" s="61">
        <v>33</v>
      </c>
      <c r="JE14" s="62">
        <v>290</v>
      </c>
      <c r="JF14" s="63">
        <v>555</v>
      </c>
      <c r="JG14" s="60">
        <v>103</v>
      </c>
      <c r="JH14" s="61">
        <v>74</v>
      </c>
      <c r="JI14" s="62">
        <v>177</v>
      </c>
      <c r="JJ14" s="443">
        <v>0</v>
      </c>
      <c r="JK14" s="61">
        <v>143</v>
      </c>
      <c r="JL14" s="61">
        <v>77</v>
      </c>
      <c r="JM14" s="61">
        <v>77</v>
      </c>
      <c r="JN14" s="61">
        <v>70</v>
      </c>
      <c r="JO14" s="61">
        <v>41</v>
      </c>
      <c r="JP14" s="62">
        <v>408</v>
      </c>
      <c r="JQ14" s="63">
        <v>585</v>
      </c>
      <c r="JR14" s="60">
        <v>0</v>
      </c>
      <c r="JS14" s="61">
        <v>0</v>
      </c>
      <c r="JT14" s="62">
        <v>0</v>
      </c>
      <c r="JU14" s="443">
        <v>0</v>
      </c>
      <c r="JV14" s="61">
        <v>0</v>
      </c>
      <c r="JW14" s="61">
        <v>0</v>
      </c>
      <c r="JX14" s="61">
        <v>0</v>
      </c>
      <c r="JY14" s="61">
        <v>0</v>
      </c>
      <c r="JZ14" s="61">
        <v>0</v>
      </c>
      <c r="KA14" s="62">
        <v>0</v>
      </c>
      <c r="KB14" s="63">
        <v>0</v>
      </c>
      <c r="KC14" s="60">
        <v>400</v>
      </c>
      <c r="KD14" s="61">
        <v>236</v>
      </c>
      <c r="KE14" s="62">
        <v>636</v>
      </c>
      <c r="KF14" s="443">
        <v>0</v>
      </c>
      <c r="KG14" s="61">
        <v>393</v>
      </c>
      <c r="KH14" s="61">
        <v>184</v>
      </c>
      <c r="KI14" s="61">
        <v>157</v>
      </c>
      <c r="KJ14" s="61">
        <v>166</v>
      </c>
      <c r="KK14" s="61">
        <v>110</v>
      </c>
      <c r="KL14" s="62">
        <v>1010</v>
      </c>
      <c r="KM14" s="63">
        <v>1646</v>
      </c>
    </row>
    <row r="15" spans="2:299" ht="21" customHeight="1" x14ac:dyDescent="0.2">
      <c r="B15" s="437" t="s">
        <v>11</v>
      </c>
      <c r="C15" s="287">
        <v>82</v>
      </c>
      <c r="D15" s="72">
        <v>64</v>
      </c>
      <c r="E15" s="73">
        <v>146</v>
      </c>
      <c r="F15" s="443">
        <v>0</v>
      </c>
      <c r="G15" s="72">
        <v>140</v>
      </c>
      <c r="H15" s="72">
        <v>84</v>
      </c>
      <c r="I15" s="72">
        <v>56</v>
      </c>
      <c r="J15" s="72">
        <v>67</v>
      </c>
      <c r="K15" s="72">
        <v>24</v>
      </c>
      <c r="L15" s="74">
        <v>371</v>
      </c>
      <c r="M15" s="75">
        <v>517</v>
      </c>
      <c r="N15" s="60">
        <v>0</v>
      </c>
      <c r="O15" s="61">
        <v>0</v>
      </c>
      <c r="P15" s="62">
        <v>0</v>
      </c>
      <c r="Q15" s="443">
        <v>0</v>
      </c>
      <c r="R15" s="61">
        <v>6</v>
      </c>
      <c r="S15" s="61">
        <v>1</v>
      </c>
      <c r="T15" s="61">
        <v>1</v>
      </c>
      <c r="U15" s="61">
        <v>1</v>
      </c>
      <c r="V15" s="61">
        <v>0</v>
      </c>
      <c r="W15" s="62">
        <v>9</v>
      </c>
      <c r="X15" s="63">
        <v>9</v>
      </c>
      <c r="Y15" s="60">
        <v>4</v>
      </c>
      <c r="Z15" s="61">
        <v>3</v>
      </c>
      <c r="AA15" s="62">
        <v>7</v>
      </c>
      <c r="AB15" s="443">
        <v>0</v>
      </c>
      <c r="AC15" s="61">
        <v>6</v>
      </c>
      <c r="AD15" s="61">
        <v>7</v>
      </c>
      <c r="AE15" s="61">
        <v>7</v>
      </c>
      <c r="AF15" s="61">
        <v>8</v>
      </c>
      <c r="AG15" s="61">
        <v>1</v>
      </c>
      <c r="AH15" s="62">
        <v>29</v>
      </c>
      <c r="AI15" s="63">
        <v>36</v>
      </c>
      <c r="AJ15" s="60">
        <v>6</v>
      </c>
      <c r="AK15" s="61">
        <v>5</v>
      </c>
      <c r="AL15" s="62">
        <v>11</v>
      </c>
      <c r="AM15" s="443">
        <v>0</v>
      </c>
      <c r="AN15" s="61">
        <v>10</v>
      </c>
      <c r="AO15" s="61">
        <v>5</v>
      </c>
      <c r="AP15" s="61">
        <v>8</v>
      </c>
      <c r="AQ15" s="61">
        <v>3</v>
      </c>
      <c r="AR15" s="61">
        <v>0</v>
      </c>
      <c r="AS15" s="62">
        <v>26</v>
      </c>
      <c r="AT15" s="63">
        <v>37</v>
      </c>
      <c r="AU15" s="60">
        <v>13</v>
      </c>
      <c r="AV15" s="61">
        <v>9</v>
      </c>
      <c r="AW15" s="62">
        <v>22</v>
      </c>
      <c r="AX15" s="443">
        <v>0</v>
      </c>
      <c r="AY15" s="61">
        <v>24</v>
      </c>
      <c r="AZ15" s="61">
        <v>14</v>
      </c>
      <c r="BA15" s="61">
        <v>7</v>
      </c>
      <c r="BB15" s="61">
        <v>8</v>
      </c>
      <c r="BC15" s="61">
        <v>2</v>
      </c>
      <c r="BD15" s="62">
        <v>55</v>
      </c>
      <c r="BE15" s="63">
        <v>77</v>
      </c>
      <c r="BF15" s="60">
        <v>31</v>
      </c>
      <c r="BG15" s="61">
        <v>25</v>
      </c>
      <c r="BH15" s="62">
        <v>56</v>
      </c>
      <c r="BI15" s="443">
        <v>0</v>
      </c>
      <c r="BJ15" s="61">
        <v>38</v>
      </c>
      <c r="BK15" s="61">
        <v>18</v>
      </c>
      <c r="BL15" s="61">
        <v>11</v>
      </c>
      <c r="BM15" s="61">
        <v>26</v>
      </c>
      <c r="BN15" s="61">
        <v>12</v>
      </c>
      <c r="BO15" s="62">
        <v>105</v>
      </c>
      <c r="BP15" s="63">
        <v>161</v>
      </c>
      <c r="BQ15" s="60">
        <v>28</v>
      </c>
      <c r="BR15" s="61">
        <v>22</v>
      </c>
      <c r="BS15" s="62">
        <v>50</v>
      </c>
      <c r="BT15" s="443">
        <v>0</v>
      </c>
      <c r="BU15" s="61">
        <v>56</v>
      </c>
      <c r="BV15" s="61">
        <v>39</v>
      </c>
      <c r="BW15" s="61">
        <v>22</v>
      </c>
      <c r="BX15" s="61">
        <v>21</v>
      </c>
      <c r="BY15" s="61">
        <v>9</v>
      </c>
      <c r="BZ15" s="62">
        <v>147</v>
      </c>
      <c r="CA15" s="63">
        <v>197</v>
      </c>
      <c r="CB15" s="60">
        <v>0</v>
      </c>
      <c r="CC15" s="61">
        <v>0</v>
      </c>
      <c r="CD15" s="62">
        <v>0</v>
      </c>
      <c r="CE15" s="443">
        <v>0</v>
      </c>
      <c r="CF15" s="61">
        <v>0</v>
      </c>
      <c r="CG15" s="61">
        <v>0</v>
      </c>
      <c r="CH15" s="61">
        <v>0</v>
      </c>
      <c r="CI15" s="61">
        <v>0</v>
      </c>
      <c r="CJ15" s="61">
        <v>0</v>
      </c>
      <c r="CK15" s="62">
        <v>0</v>
      </c>
      <c r="CL15" s="63">
        <v>0</v>
      </c>
      <c r="CM15" s="60">
        <v>82</v>
      </c>
      <c r="CN15" s="61">
        <v>64</v>
      </c>
      <c r="CO15" s="62">
        <v>146</v>
      </c>
      <c r="CP15" s="443">
        <v>0</v>
      </c>
      <c r="CQ15" s="61">
        <v>140</v>
      </c>
      <c r="CR15" s="61">
        <v>84</v>
      </c>
      <c r="CS15" s="61">
        <v>56</v>
      </c>
      <c r="CT15" s="61">
        <v>67</v>
      </c>
      <c r="CU15" s="61">
        <v>24</v>
      </c>
      <c r="CV15" s="62">
        <v>371</v>
      </c>
      <c r="CW15" s="63">
        <v>517</v>
      </c>
      <c r="CX15" s="113">
        <v>6</v>
      </c>
      <c r="CY15" s="72">
        <v>10</v>
      </c>
      <c r="CZ15" s="73">
        <v>16</v>
      </c>
      <c r="DA15" s="443">
        <v>0</v>
      </c>
      <c r="DB15" s="72">
        <v>17</v>
      </c>
      <c r="DC15" s="72">
        <v>16</v>
      </c>
      <c r="DD15" s="72">
        <v>6</v>
      </c>
      <c r="DE15" s="72">
        <v>18</v>
      </c>
      <c r="DF15" s="72">
        <v>5</v>
      </c>
      <c r="DG15" s="74">
        <v>62</v>
      </c>
      <c r="DH15" s="75">
        <v>78</v>
      </c>
      <c r="DI15" s="60">
        <v>0</v>
      </c>
      <c r="DJ15" s="61">
        <v>0</v>
      </c>
      <c r="DK15" s="62">
        <v>0</v>
      </c>
      <c r="DL15" s="443">
        <v>0</v>
      </c>
      <c r="DM15" s="61">
        <v>1</v>
      </c>
      <c r="DN15" s="61">
        <v>0</v>
      </c>
      <c r="DO15" s="61">
        <v>0</v>
      </c>
      <c r="DP15" s="61">
        <v>0</v>
      </c>
      <c r="DQ15" s="61">
        <v>0</v>
      </c>
      <c r="DR15" s="62">
        <v>1</v>
      </c>
      <c r="DS15" s="63">
        <v>1</v>
      </c>
      <c r="DT15" s="60">
        <v>1</v>
      </c>
      <c r="DU15" s="61">
        <v>0</v>
      </c>
      <c r="DV15" s="62">
        <v>1</v>
      </c>
      <c r="DW15" s="443">
        <v>0</v>
      </c>
      <c r="DX15" s="61">
        <v>1</v>
      </c>
      <c r="DY15" s="61">
        <v>0</v>
      </c>
      <c r="DZ15" s="61">
        <v>1</v>
      </c>
      <c r="EA15" s="61">
        <v>0</v>
      </c>
      <c r="EB15" s="61">
        <v>0</v>
      </c>
      <c r="EC15" s="62">
        <v>2</v>
      </c>
      <c r="ED15" s="63">
        <v>3</v>
      </c>
      <c r="EE15" s="60">
        <v>1</v>
      </c>
      <c r="EF15" s="61">
        <v>0</v>
      </c>
      <c r="EG15" s="62">
        <v>1</v>
      </c>
      <c r="EH15" s="443">
        <v>0</v>
      </c>
      <c r="EI15" s="61">
        <v>3</v>
      </c>
      <c r="EJ15" s="61">
        <v>2</v>
      </c>
      <c r="EK15" s="61">
        <v>0</v>
      </c>
      <c r="EL15" s="61">
        <v>1</v>
      </c>
      <c r="EM15" s="61">
        <v>2</v>
      </c>
      <c r="EN15" s="62">
        <v>8</v>
      </c>
      <c r="EO15" s="63">
        <v>9</v>
      </c>
      <c r="EP15" s="60">
        <v>1</v>
      </c>
      <c r="EQ15" s="61">
        <v>1</v>
      </c>
      <c r="ER15" s="62">
        <v>2</v>
      </c>
      <c r="ES15" s="443">
        <v>0</v>
      </c>
      <c r="ET15" s="61">
        <v>1</v>
      </c>
      <c r="EU15" s="61">
        <v>2</v>
      </c>
      <c r="EV15" s="61">
        <v>0</v>
      </c>
      <c r="EW15" s="61">
        <v>0</v>
      </c>
      <c r="EX15" s="61">
        <v>0</v>
      </c>
      <c r="EY15" s="62">
        <v>3</v>
      </c>
      <c r="EZ15" s="63">
        <v>5</v>
      </c>
      <c r="FA15" s="60">
        <v>1</v>
      </c>
      <c r="FB15" s="61">
        <v>7</v>
      </c>
      <c r="FC15" s="62">
        <v>8</v>
      </c>
      <c r="FD15" s="443">
        <v>0</v>
      </c>
      <c r="FE15" s="61">
        <v>5</v>
      </c>
      <c r="FF15" s="61">
        <v>6</v>
      </c>
      <c r="FG15" s="61">
        <v>1</v>
      </c>
      <c r="FH15" s="61">
        <v>4</v>
      </c>
      <c r="FI15" s="61">
        <v>0</v>
      </c>
      <c r="FJ15" s="62">
        <v>16</v>
      </c>
      <c r="FK15" s="63">
        <v>24</v>
      </c>
      <c r="FL15" s="60">
        <v>2</v>
      </c>
      <c r="FM15" s="61">
        <v>2</v>
      </c>
      <c r="FN15" s="62">
        <v>4</v>
      </c>
      <c r="FO15" s="443">
        <v>0</v>
      </c>
      <c r="FP15" s="61">
        <v>6</v>
      </c>
      <c r="FQ15" s="61">
        <v>6</v>
      </c>
      <c r="FR15" s="61">
        <v>4</v>
      </c>
      <c r="FS15" s="61">
        <v>13</v>
      </c>
      <c r="FT15" s="61">
        <v>3</v>
      </c>
      <c r="FU15" s="62">
        <v>32</v>
      </c>
      <c r="FV15" s="63">
        <v>36</v>
      </c>
      <c r="FW15" s="60">
        <v>0</v>
      </c>
      <c r="FX15" s="61">
        <v>0</v>
      </c>
      <c r="FY15" s="62">
        <v>0</v>
      </c>
      <c r="FZ15" s="443">
        <v>0</v>
      </c>
      <c r="GA15" s="61">
        <v>0</v>
      </c>
      <c r="GB15" s="61">
        <v>0</v>
      </c>
      <c r="GC15" s="61">
        <v>0</v>
      </c>
      <c r="GD15" s="61">
        <v>0</v>
      </c>
      <c r="GE15" s="61">
        <v>0</v>
      </c>
      <c r="GF15" s="62">
        <v>0</v>
      </c>
      <c r="GG15" s="63">
        <v>0</v>
      </c>
      <c r="GH15" s="60">
        <v>6</v>
      </c>
      <c r="GI15" s="61">
        <v>10</v>
      </c>
      <c r="GJ15" s="62">
        <v>16</v>
      </c>
      <c r="GK15" s="443">
        <v>0</v>
      </c>
      <c r="GL15" s="61">
        <v>17</v>
      </c>
      <c r="GM15" s="61">
        <v>16</v>
      </c>
      <c r="GN15" s="61">
        <v>6</v>
      </c>
      <c r="GO15" s="61">
        <v>18</v>
      </c>
      <c r="GP15" s="61">
        <v>5</v>
      </c>
      <c r="GQ15" s="62">
        <v>62</v>
      </c>
      <c r="GR15" s="63">
        <v>78</v>
      </c>
      <c r="GS15" s="113">
        <v>88</v>
      </c>
      <c r="GT15" s="72">
        <v>74</v>
      </c>
      <c r="GU15" s="73">
        <v>162</v>
      </c>
      <c r="GV15" s="443">
        <v>0</v>
      </c>
      <c r="GW15" s="72">
        <v>157</v>
      </c>
      <c r="GX15" s="72">
        <v>100</v>
      </c>
      <c r="GY15" s="72">
        <v>62</v>
      </c>
      <c r="GZ15" s="72">
        <v>85</v>
      </c>
      <c r="HA15" s="72">
        <v>29</v>
      </c>
      <c r="HB15" s="74">
        <v>433</v>
      </c>
      <c r="HC15" s="75">
        <v>595</v>
      </c>
      <c r="HD15" s="60">
        <v>0</v>
      </c>
      <c r="HE15" s="61">
        <v>0</v>
      </c>
      <c r="HF15" s="62">
        <v>0</v>
      </c>
      <c r="HG15" s="443">
        <v>0</v>
      </c>
      <c r="HH15" s="61">
        <v>7</v>
      </c>
      <c r="HI15" s="61">
        <v>1</v>
      </c>
      <c r="HJ15" s="61">
        <v>1</v>
      </c>
      <c r="HK15" s="61">
        <v>1</v>
      </c>
      <c r="HL15" s="61">
        <v>0</v>
      </c>
      <c r="HM15" s="62">
        <v>10</v>
      </c>
      <c r="HN15" s="63">
        <v>10</v>
      </c>
      <c r="HO15" s="60">
        <v>5</v>
      </c>
      <c r="HP15" s="61">
        <v>3</v>
      </c>
      <c r="HQ15" s="62">
        <v>8</v>
      </c>
      <c r="HR15" s="443">
        <v>0</v>
      </c>
      <c r="HS15" s="61">
        <v>7</v>
      </c>
      <c r="HT15" s="61">
        <v>7</v>
      </c>
      <c r="HU15" s="61">
        <v>8</v>
      </c>
      <c r="HV15" s="61">
        <v>8</v>
      </c>
      <c r="HW15" s="61">
        <v>1</v>
      </c>
      <c r="HX15" s="62">
        <v>31</v>
      </c>
      <c r="HY15" s="63">
        <v>39</v>
      </c>
      <c r="HZ15" s="60">
        <v>7</v>
      </c>
      <c r="IA15" s="61">
        <v>5</v>
      </c>
      <c r="IB15" s="62">
        <v>12</v>
      </c>
      <c r="IC15" s="443">
        <v>0</v>
      </c>
      <c r="ID15" s="61">
        <v>13</v>
      </c>
      <c r="IE15" s="61">
        <v>7</v>
      </c>
      <c r="IF15" s="61">
        <v>8</v>
      </c>
      <c r="IG15" s="61">
        <v>4</v>
      </c>
      <c r="IH15" s="61">
        <v>2</v>
      </c>
      <c r="II15" s="62">
        <v>34</v>
      </c>
      <c r="IJ15" s="63">
        <v>46</v>
      </c>
      <c r="IK15" s="60">
        <v>14</v>
      </c>
      <c r="IL15" s="61">
        <v>10</v>
      </c>
      <c r="IM15" s="62">
        <v>24</v>
      </c>
      <c r="IN15" s="443">
        <v>0</v>
      </c>
      <c r="IO15" s="61">
        <v>25</v>
      </c>
      <c r="IP15" s="61">
        <v>16</v>
      </c>
      <c r="IQ15" s="61">
        <v>7</v>
      </c>
      <c r="IR15" s="61">
        <v>8</v>
      </c>
      <c r="IS15" s="61">
        <v>2</v>
      </c>
      <c r="IT15" s="62">
        <v>58</v>
      </c>
      <c r="IU15" s="63">
        <v>82</v>
      </c>
      <c r="IV15" s="60">
        <v>32</v>
      </c>
      <c r="IW15" s="61">
        <v>32</v>
      </c>
      <c r="IX15" s="62">
        <v>64</v>
      </c>
      <c r="IY15" s="443">
        <v>0</v>
      </c>
      <c r="IZ15" s="61">
        <v>43</v>
      </c>
      <c r="JA15" s="61">
        <v>24</v>
      </c>
      <c r="JB15" s="61">
        <v>12</v>
      </c>
      <c r="JC15" s="61">
        <v>30</v>
      </c>
      <c r="JD15" s="61">
        <v>12</v>
      </c>
      <c r="JE15" s="62">
        <v>121</v>
      </c>
      <c r="JF15" s="63">
        <v>185</v>
      </c>
      <c r="JG15" s="60">
        <v>30</v>
      </c>
      <c r="JH15" s="61">
        <v>24</v>
      </c>
      <c r="JI15" s="62">
        <v>54</v>
      </c>
      <c r="JJ15" s="443">
        <v>0</v>
      </c>
      <c r="JK15" s="61">
        <v>62</v>
      </c>
      <c r="JL15" s="61">
        <v>45</v>
      </c>
      <c r="JM15" s="61">
        <v>26</v>
      </c>
      <c r="JN15" s="61">
        <v>34</v>
      </c>
      <c r="JO15" s="61">
        <v>12</v>
      </c>
      <c r="JP15" s="62">
        <v>179</v>
      </c>
      <c r="JQ15" s="63">
        <v>233</v>
      </c>
      <c r="JR15" s="60">
        <v>0</v>
      </c>
      <c r="JS15" s="61">
        <v>0</v>
      </c>
      <c r="JT15" s="62">
        <v>0</v>
      </c>
      <c r="JU15" s="443">
        <v>0</v>
      </c>
      <c r="JV15" s="61">
        <v>0</v>
      </c>
      <c r="JW15" s="61">
        <v>0</v>
      </c>
      <c r="JX15" s="61">
        <v>0</v>
      </c>
      <c r="JY15" s="61">
        <v>0</v>
      </c>
      <c r="JZ15" s="61">
        <v>0</v>
      </c>
      <c r="KA15" s="62">
        <v>0</v>
      </c>
      <c r="KB15" s="63">
        <v>0</v>
      </c>
      <c r="KC15" s="60">
        <v>88</v>
      </c>
      <c r="KD15" s="61">
        <v>74</v>
      </c>
      <c r="KE15" s="62">
        <v>162</v>
      </c>
      <c r="KF15" s="443">
        <v>0</v>
      </c>
      <c r="KG15" s="61">
        <v>157</v>
      </c>
      <c r="KH15" s="61">
        <v>100</v>
      </c>
      <c r="KI15" s="61">
        <v>62</v>
      </c>
      <c r="KJ15" s="61">
        <v>85</v>
      </c>
      <c r="KK15" s="61">
        <v>29</v>
      </c>
      <c r="KL15" s="62">
        <v>433</v>
      </c>
      <c r="KM15" s="63">
        <v>595</v>
      </c>
    </row>
    <row r="16" spans="2:299" ht="21" customHeight="1" x14ac:dyDescent="0.2">
      <c r="B16" s="437" t="s">
        <v>12</v>
      </c>
      <c r="C16" s="287">
        <v>148</v>
      </c>
      <c r="D16" s="72">
        <v>130</v>
      </c>
      <c r="E16" s="73">
        <v>278</v>
      </c>
      <c r="F16" s="443">
        <v>0</v>
      </c>
      <c r="G16" s="72">
        <v>160</v>
      </c>
      <c r="H16" s="72">
        <v>130</v>
      </c>
      <c r="I16" s="72">
        <v>86</v>
      </c>
      <c r="J16" s="72">
        <v>98</v>
      </c>
      <c r="K16" s="72">
        <v>35</v>
      </c>
      <c r="L16" s="74">
        <v>509</v>
      </c>
      <c r="M16" s="75">
        <v>787</v>
      </c>
      <c r="N16" s="76">
        <v>4</v>
      </c>
      <c r="O16" s="61">
        <v>0</v>
      </c>
      <c r="P16" s="62">
        <v>4</v>
      </c>
      <c r="Q16" s="443">
        <v>0</v>
      </c>
      <c r="R16" s="61">
        <v>2</v>
      </c>
      <c r="S16" s="61">
        <v>2</v>
      </c>
      <c r="T16" s="61">
        <v>0</v>
      </c>
      <c r="U16" s="61">
        <v>3</v>
      </c>
      <c r="V16" s="61">
        <v>1</v>
      </c>
      <c r="W16" s="62">
        <v>8</v>
      </c>
      <c r="X16" s="63">
        <v>12</v>
      </c>
      <c r="Y16" s="60">
        <v>5</v>
      </c>
      <c r="Z16" s="61">
        <v>8</v>
      </c>
      <c r="AA16" s="62">
        <v>13</v>
      </c>
      <c r="AB16" s="443">
        <v>0</v>
      </c>
      <c r="AC16" s="61">
        <v>4</v>
      </c>
      <c r="AD16" s="61">
        <v>4</v>
      </c>
      <c r="AE16" s="61">
        <v>4</v>
      </c>
      <c r="AF16" s="61">
        <v>3</v>
      </c>
      <c r="AG16" s="61">
        <v>3</v>
      </c>
      <c r="AH16" s="62">
        <v>18</v>
      </c>
      <c r="AI16" s="63">
        <v>31</v>
      </c>
      <c r="AJ16" s="76">
        <v>4</v>
      </c>
      <c r="AK16" s="61">
        <v>15</v>
      </c>
      <c r="AL16" s="62">
        <v>19</v>
      </c>
      <c r="AM16" s="443">
        <v>0</v>
      </c>
      <c r="AN16" s="61">
        <v>9</v>
      </c>
      <c r="AO16" s="61">
        <v>6</v>
      </c>
      <c r="AP16" s="61">
        <v>6</v>
      </c>
      <c r="AQ16" s="61">
        <v>8</v>
      </c>
      <c r="AR16" s="61">
        <v>4</v>
      </c>
      <c r="AS16" s="62">
        <v>33</v>
      </c>
      <c r="AT16" s="63">
        <v>52</v>
      </c>
      <c r="AU16" s="60">
        <v>30</v>
      </c>
      <c r="AV16" s="61">
        <v>23</v>
      </c>
      <c r="AW16" s="62">
        <v>53</v>
      </c>
      <c r="AX16" s="443">
        <v>0</v>
      </c>
      <c r="AY16" s="61">
        <v>32</v>
      </c>
      <c r="AZ16" s="61">
        <v>26</v>
      </c>
      <c r="BA16" s="61">
        <v>16</v>
      </c>
      <c r="BB16" s="61">
        <v>17</v>
      </c>
      <c r="BC16" s="61">
        <v>9</v>
      </c>
      <c r="BD16" s="62">
        <v>100</v>
      </c>
      <c r="BE16" s="63">
        <v>153</v>
      </c>
      <c r="BF16" s="76">
        <v>56</v>
      </c>
      <c r="BG16" s="61">
        <v>39</v>
      </c>
      <c r="BH16" s="62">
        <v>95</v>
      </c>
      <c r="BI16" s="443">
        <v>0</v>
      </c>
      <c r="BJ16" s="61">
        <v>57</v>
      </c>
      <c r="BK16" s="61">
        <v>36</v>
      </c>
      <c r="BL16" s="61">
        <v>28</v>
      </c>
      <c r="BM16" s="61">
        <v>24</v>
      </c>
      <c r="BN16" s="61">
        <v>13</v>
      </c>
      <c r="BO16" s="62">
        <v>158</v>
      </c>
      <c r="BP16" s="63">
        <v>253</v>
      </c>
      <c r="BQ16" s="60">
        <v>49</v>
      </c>
      <c r="BR16" s="61">
        <v>45</v>
      </c>
      <c r="BS16" s="62">
        <v>94</v>
      </c>
      <c r="BT16" s="443">
        <v>0</v>
      </c>
      <c r="BU16" s="61">
        <v>56</v>
      </c>
      <c r="BV16" s="61">
        <v>56</v>
      </c>
      <c r="BW16" s="61">
        <v>32</v>
      </c>
      <c r="BX16" s="61">
        <v>43</v>
      </c>
      <c r="BY16" s="61">
        <v>5</v>
      </c>
      <c r="BZ16" s="62">
        <v>192</v>
      </c>
      <c r="CA16" s="63">
        <v>286</v>
      </c>
      <c r="CB16" s="60">
        <v>0</v>
      </c>
      <c r="CC16" s="61">
        <v>0</v>
      </c>
      <c r="CD16" s="62">
        <v>0</v>
      </c>
      <c r="CE16" s="443">
        <v>0</v>
      </c>
      <c r="CF16" s="61">
        <v>0</v>
      </c>
      <c r="CG16" s="61">
        <v>0</v>
      </c>
      <c r="CH16" s="61">
        <v>0</v>
      </c>
      <c r="CI16" s="61">
        <v>0</v>
      </c>
      <c r="CJ16" s="61">
        <v>0</v>
      </c>
      <c r="CK16" s="62">
        <v>0</v>
      </c>
      <c r="CL16" s="63">
        <v>0</v>
      </c>
      <c r="CM16" s="60">
        <v>148</v>
      </c>
      <c r="CN16" s="61">
        <v>130</v>
      </c>
      <c r="CO16" s="62">
        <v>278</v>
      </c>
      <c r="CP16" s="443">
        <v>0</v>
      </c>
      <c r="CQ16" s="61">
        <v>160</v>
      </c>
      <c r="CR16" s="61">
        <v>130</v>
      </c>
      <c r="CS16" s="61">
        <v>86</v>
      </c>
      <c r="CT16" s="61">
        <v>98</v>
      </c>
      <c r="CU16" s="61">
        <v>35</v>
      </c>
      <c r="CV16" s="62">
        <v>509</v>
      </c>
      <c r="CW16" s="63">
        <v>787</v>
      </c>
      <c r="CX16" s="113">
        <v>16</v>
      </c>
      <c r="CY16" s="72">
        <v>19</v>
      </c>
      <c r="CZ16" s="73">
        <v>35</v>
      </c>
      <c r="DA16" s="443">
        <v>0</v>
      </c>
      <c r="DB16" s="72">
        <v>16</v>
      </c>
      <c r="DC16" s="72">
        <v>15</v>
      </c>
      <c r="DD16" s="72">
        <v>9</v>
      </c>
      <c r="DE16" s="72">
        <v>13</v>
      </c>
      <c r="DF16" s="72">
        <v>9</v>
      </c>
      <c r="DG16" s="74">
        <v>62</v>
      </c>
      <c r="DH16" s="75">
        <v>97</v>
      </c>
      <c r="DI16" s="76">
        <v>2</v>
      </c>
      <c r="DJ16" s="61">
        <v>1</v>
      </c>
      <c r="DK16" s="62">
        <v>3</v>
      </c>
      <c r="DL16" s="443">
        <v>0</v>
      </c>
      <c r="DM16" s="61">
        <v>0</v>
      </c>
      <c r="DN16" s="61">
        <v>0</v>
      </c>
      <c r="DO16" s="61">
        <v>0</v>
      </c>
      <c r="DP16" s="61">
        <v>0</v>
      </c>
      <c r="DQ16" s="61">
        <v>0</v>
      </c>
      <c r="DR16" s="62">
        <v>0</v>
      </c>
      <c r="DS16" s="63">
        <v>3</v>
      </c>
      <c r="DT16" s="60">
        <v>2</v>
      </c>
      <c r="DU16" s="61">
        <v>1</v>
      </c>
      <c r="DV16" s="62">
        <v>3</v>
      </c>
      <c r="DW16" s="443">
        <v>0</v>
      </c>
      <c r="DX16" s="61">
        <v>0</v>
      </c>
      <c r="DY16" s="61">
        <v>1</v>
      </c>
      <c r="DZ16" s="61">
        <v>0</v>
      </c>
      <c r="EA16" s="61">
        <v>0</v>
      </c>
      <c r="EB16" s="61">
        <v>0</v>
      </c>
      <c r="EC16" s="62">
        <v>1</v>
      </c>
      <c r="ED16" s="63">
        <v>4</v>
      </c>
      <c r="EE16" s="76">
        <v>0</v>
      </c>
      <c r="EF16" s="61">
        <v>2</v>
      </c>
      <c r="EG16" s="62">
        <v>2</v>
      </c>
      <c r="EH16" s="443">
        <v>0</v>
      </c>
      <c r="EI16" s="61">
        <v>0</v>
      </c>
      <c r="EJ16" s="61">
        <v>0</v>
      </c>
      <c r="EK16" s="61">
        <v>1</v>
      </c>
      <c r="EL16" s="61">
        <v>1</v>
      </c>
      <c r="EM16" s="61">
        <v>0</v>
      </c>
      <c r="EN16" s="62">
        <v>2</v>
      </c>
      <c r="EO16" s="63">
        <v>4</v>
      </c>
      <c r="EP16" s="60">
        <v>6</v>
      </c>
      <c r="EQ16" s="61">
        <v>5</v>
      </c>
      <c r="ER16" s="62">
        <v>11</v>
      </c>
      <c r="ES16" s="443">
        <v>0</v>
      </c>
      <c r="ET16" s="61">
        <v>3</v>
      </c>
      <c r="EU16" s="61">
        <v>1</v>
      </c>
      <c r="EV16" s="61">
        <v>2</v>
      </c>
      <c r="EW16" s="61">
        <v>0</v>
      </c>
      <c r="EX16" s="61">
        <v>2</v>
      </c>
      <c r="EY16" s="62">
        <v>8</v>
      </c>
      <c r="EZ16" s="63">
        <v>19</v>
      </c>
      <c r="FA16" s="76">
        <v>2</v>
      </c>
      <c r="FB16" s="61">
        <v>6</v>
      </c>
      <c r="FC16" s="62">
        <v>8</v>
      </c>
      <c r="FD16" s="443">
        <v>0</v>
      </c>
      <c r="FE16" s="61">
        <v>3</v>
      </c>
      <c r="FF16" s="61">
        <v>4</v>
      </c>
      <c r="FG16" s="61">
        <v>2</v>
      </c>
      <c r="FH16" s="61">
        <v>3</v>
      </c>
      <c r="FI16" s="61">
        <v>2</v>
      </c>
      <c r="FJ16" s="62">
        <v>14</v>
      </c>
      <c r="FK16" s="63">
        <v>22</v>
      </c>
      <c r="FL16" s="60">
        <v>4</v>
      </c>
      <c r="FM16" s="61">
        <v>4</v>
      </c>
      <c r="FN16" s="62">
        <v>8</v>
      </c>
      <c r="FO16" s="443">
        <v>0</v>
      </c>
      <c r="FP16" s="61">
        <v>10</v>
      </c>
      <c r="FQ16" s="61">
        <v>9</v>
      </c>
      <c r="FR16" s="61">
        <v>4</v>
      </c>
      <c r="FS16" s="61">
        <v>9</v>
      </c>
      <c r="FT16" s="61">
        <v>5</v>
      </c>
      <c r="FU16" s="62">
        <v>37</v>
      </c>
      <c r="FV16" s="63">
        <v>45</v>
      </c>
      <c r="FW16" s="60">
        <v>0</v>
      </c>
      <c r="FX16" s="61">
        <v>0</v>
      </c>
      <c r="FY16" s="62">
        <v>0</v>
      </c>
      <c r="FZ16" s="443">
        <v>0</v>
      </c>
      <c r="GA16" s="61">
        <v>0</v>
      </c>
      <c r="GB16" s="61">
        <v>0</v>
      </c>
      <c r="GC16" s="61">
        <v>0</v>
      </c>
      <c r="GD16" s="61">
        <v>0</v>
      </c>
      <c r="GE16" s="61">
        <v>0</v>
      </c>
      <c r="GF16" s="62">
        <v>0</v>
      </c>
      <c r="GG16" s="63">
        <v>0</v>
      </c>
      <c r="GH16" s="60">
        <v>16</v>
      </c>
      <c r="GI16" s="61">
        <v>19</v>
      </c>
      <c r="GJ16" s="62">
        <v>35</v>
      </c>
      <c r="GK16" s="443">
        <v>0</v>
      </c>
      <c r="GL16" s="61">
        <v>16</v>
      </c>
      <c r="GM16" s="61">
        <v>15</v>
      </c>
      <c r="GN16" s="61">
        <v>9</v>
      </c>
      <c r="GO16" s="61">
        <v>13</v>
      </c>
      <c r="GP16" s="61">
        <v>9</v>
      </c>
      <c r="GQ16" s="62">
        <v>62</v>
      </c>
      <c r="GR16" s="63">
        <v>97</v>
      </c>
      <c r="GS16" s="113">
        <v>164</v>
      </c>
      <c r="GT16" s="72">
        <v>149</v>
      </c>
      <c r="GU16" s="73">
        <v>313</v>
      </c>
      <c r="GV16" s="443">
        <v>0</v>
      </c>
      <c r="GW16" s="72">
        <v>176</v>
      </c>
      <c r="GX16" s="72">
        <v>145</v>
      </c>
      <c r="GY16" s="72">
        <v>95</v>
      </c>
      <c r="GZ16" s="72">
        <v>111</v>
      </c>
      <c r="HA16" s="72">
        <v>44</v>
      </c>
      <c r="HB16" s="74">
        <v>571</v>
      </c>
      <c r="HC16" s="75">
        <v>884</v>
      </c>
      <c r="HD16" s="76">
        <v>6</v>
      </c>
      <c r="HE16" s="61">
        <v>1</v>
      </c>
      <c r="HF16" s="62">
        <v>7</v>
      </c>
      <c r="HG16" s="443">
        <v>0</v>
      </c>
      <c r="HH16" s="61">
        <v>2</v>
      </c>
      <c r="HI16" s="61">
        <v>2</v>
      </c>
      <c r="HJ16" s="61">
        <v>0</v>
      </c>
      <c r="HK16" s="61">
        <v>3</v>
      </c>
      <c r="HL16" s="61">
        <v>1</v>
      </c>
      <c r="HM16" s="62">
        <v>8</v>
      </c>
      <c r="HN16" s="63">
        <v>15</v>
      </c>
      <c r="HO16" s="60">
        <v>7</v>
      </c>
      <c r="HP16" s="61">
        <v>9</v>
      </c>
      <c r="HQ16" s="62">
        <v>16</v>
      </c>
      <c r="HR16" s="443">
        <v>0</v>
      </c>
      <c r="HS16" s="61">
        <v>4</v>
      </c>
      <c r="HT16" s="61">
        <v>5</v>
      </c>
      <c r="HU16" s="61">
        <v>4</v>
      </c>
      <c r="HV16" s="61">
        <v>3</v>
      </c>
      <c r="HW16" s="61">
        <v>3</v>
      </c>
      <c r="HX16" s="62">
        <v>19</v>
      </c>
      <c r="HY16" s="63">
        <v>35</v>
      </c>
      <c r="HZ16" s="76">
        <v>4</v>
      </c>
      <c r="IA16" s="61">
        <v>17</v>
      </c>
      <c r="IB16" s="62">
        <v>21</v>
      </c>
      <c r="IC16" s="443">
        <v>0</v>
      </c>
      <c r="ID16" s="61">
        <v>9</v>
      </c>
      <c r="IE16" s="61">
        <v>6</v>
      </c>
      <c r="IF16" s="61">
        <v>7</v>
      </c>
      <c r="IG16" s="61">
        <v>9</v>
      </c>
      <c r="IH16" s="61">
        <v>4</v>
      </c>
      <c r="II16" s="62">
        <v>35</v>
      </c>
      <c r="IJ16" s="63">
        <v>56</v>
      </c>
      <c r="IK16" s="60">
        <v>36</v>
      </c>
      <c r="IL16" s="61">
        <v>28</v>
      </c>
      <c r="IM16" s="62">
        <v>64</v>
      </c>
      <c r="IN16" s="443">
        <v>0</v>
      </c>
      <c r="IO16" s="61">
        <v>35</v>
      </c>
      <c r="IP16" s="61">
        <v>27</v>
      </c>
      <c r="IQ16" s="61">
        <v>18</v>
      </c>
      <c r="IR16" s="61">
        <v>17</v>
      </c>
      <c r="IS16" s="61">
        <v>11</v>
      </c>
      <c r="IT16" s="62">
        <v>108</v>
      </c>
      <c r="IU16" s="63">
        <v>172</v>
      </c>
      <c r="IV16" s="76">
        <v>58</v>
      </c>
      <c r="IW16" s="61">
        <v>45</v>
      </c>
      <c r="IX16" s="62">
        <v>103</v>
      </c>
      <c r="IY16" s="443">
        <v>0</v>
      </c>
      <c r="IZ16" s="61">
        <v>60</v>
      </c>
      <c r="JA16" s="61">
        <v>40</v>
      </c>
      <c r="JB16" s="61">
        <v>30</v>
      </c>
      <c r="JC16" s="61">
        <v>27</v>
      </c>
      <c r="JD16" s="61">
        <v>15</v>
      </c>
      <c r="JE16" s="62">
        <v>172</v>
      </c>
      <c r="JF16" s="63">
        <v>275</v>
      </c>
      <c r="JG16" s="60">
        <v>53</v>
      </c>
      <c r="JH16" s="61">
        <v>49</v>
      </c>
      <c r="JI16" s="62">
        <v>102</v>
      </c>
      <c r="JJ16" s="443">
        <v>0</v>
      </c>
      <c r="JK16" s="61">
        <v>66</v>
      </c>
      <c r="JL16" s="61">
        <v>65</v>
      </c>
      <c r="JM16" s="61">
        <v>36</v>
      </c>
      <c r="JN16" s="61">
        <v>52</v>
      </c>
      <c r="JO16" s="61">
        <v>10</v>
      </c>
      <c r="JP16" s="62">
        <v>229</v>
      </c>
      <c r="JQ16" s="63">
        <v>331</v>
      </c>
      <c r="JR16" s="60">
        <v>0</v>
      </c>
      <c r="JS16" s="61">
        <v>0</v>
      </c>
      <c r="JT16" s="62">
        <v>0</v>
      </c>
      <c r="JU16" s="443">
        <v>0</v>
      </c>
      <c r="JV16" s="61">
        <v>0</v>
      </c>
      <c r="JW16" s="61">
        <v>0</v>
      </c>
      <c r="JX16" s="61">
        <v>0</v>
      </c>
      <c r="JY16" s="61">
        <v>0</v>
      </c>
      <c r="JZ16" s="61">
        <v>0</v>
      </c>
      <c r="KA16" s="62">
        <v>0</v>
      </c>
      <c r="KB16" s="63">
        <v>0</v>
      </c>
      <c r="KC16" s="60">
        <v>164</v>
      </c>
      <c r="KD16" s="61">
        <v>149</v>
      </c>
      <c r="KE16" s="62">
        <v>313</v>
      </c>
      <c r="KF16" s="443">
        <v>0</v>
      </c>
      <c r="KG16" s="61">
        <v>176</v>
      </c>
      <c r="KH16" s="61">
        <v>145</v>
      </c>
      <c r="KI16" s="61">
        <v>95</v>
      </c>
      <c r="KJ16" s="61">
        <v>111</v>
      </c>
      <c r="KK16" s="61">
        <v>44</v>
      </c>
      <c r="KL16" s="62">
        <v>571</v>
      </c>
      <c r="KM16" s="63">
        <v>884</v>
      </c>
    </row>
    <row r="17" spans="2:299" ht="21" customHeight="1" x14ac:dyDescent="0.2">
      <c r="B17" s="437" t="s">
        <v>13</v>
      </c>
      <c r="C17" s="287">
        <v>41</v>
      </c>
      <c r="D17" s="72">
        <v>33</v>
      </c>
      <c r="E17" s="73">
        <v>74</v>
      </c>
      <c r="F17" s="443">
        <v>0</v>
      </c>
      <c r="G17" s="72">
        <v>72</v>
      </c>
      <c r="H17" s="72">
        <v>65</v>
      </c>
      <c r="I17" s="72">
        <v>61</v>
      </c>
      <c r="J17" s="72">
        <v>38</v>
      </c>
      <c r="K17" s="72">
        <v>25</v>
      </c>
      <c r="L17" s="74">
        <v>261</v>
      </c>
      <c r="M17" s="75">
        <v>335</v>
      </c>
      <c r="N17" s="60">
        <v>0</v>
      </c>
      <c r="O17" s="61">
        <v>0</v>
      </c>
      <c r="P17" s="62">
        <v>0</v>
      </c>
      <c r="Q17" s="443">
        <v>0</v>
      </c>
      <c r="R17" s="61">
        <v>1</v>
      </c>
      <c r="S17" s="61">
        <v>1</v>
      </c>
      <c r="T17" s="61">
        <v>0</v>
      </c>
      <c r="U17" s="61">
        <v>0</v>
      </c>
      <c r="V17" s="61">
        <v>0</v>
      </c>
      <c r="W17" s="62">
        <v>2</v>
      </c>
      <c r="X17" s="63">
        <v>2</v>
      </c>
      <c r="Y17" s="60">
        <v>3</v>
      </c>
      <c r="Z17" s="61">
        <v>0</v>
      </c>
      <c r="AA17" s="62">
        <v>3</v>
      </c>
      <c r="AB17" s="443">
        <v>0</v>
      </c>
      <c r="AC17" s="61">
        <v>3</v>
      </c>
      <c r="AD17" s="61">
        <v>0</v>
      </c>
      <c r="AE17" s="61">
        <v>3</v>
      </c>
      <c r="AF17" s="61">
        <v>1</v>
      </c>
      <c r="AG17" s="61">
        <v>2</v>
      </c>
      <c r="AH17" s="62">
        <v>9</v>
      </c>
      <c r="AI17" s="63">
        <v>12</v>
      </c>
      <c r="AJ17" s="60">
        <v>2</v>
      </c>
      <c r="AK17" s="61">
        <v>1</v>
      </c>
      <c r="AL17" s="62">
        <v>3</v>
      </c>
      <c r="AM17" s="443">
        <v>0</v>
      </c>
      <c r="AN17" s="61">
        <v>3</v>
      </c>
      <c r="AO17" s="61">
        <v>2</v>
      </c>
      <c r="AP17" s="61">
        <v>6</v>
      </c>
      <c r="AQ17" s="61">
        <v>1</v>
      </c>
      <c r="AR17" s="61">
        <v>1</v>
      </c>
      <c r="AS17" s="62">
        <v>13</v>
      </c>
      <c r="AT17" s="63">
        <v>16</v>
      </c>
      <c r="AU17" s="60">
        <v>6</v>
      </c>
      <c r="AV17" s="61">
        <v>7</v>
      </c>
      <c r="AW17" s="62">
        <v>13</v>
      </c>
      <c r="AX17" s="443">
        <v>0</v>
      </c>
      <c r="AY17" s="61">
        <v>14</v>
      </c>
      <c r="AZ17" s="61">
        <v>12</v>
      </c>
      <c r="BA17" s="61">
        <v>8</v>
      </c>
      <c r="BB17" s="61">
        <v>8</v>
      </c>
      <c r="BC17" s="61">
        <v>7</v>
      </c>
      <c r="BD17" s="62">
        <v>49</v>
      </c>
      <c r="BE17" s="63">
        <v>62</v>
      </c>
      <c r="BF17" s="60">
        <v>19</v>
      </c>
      <c r="BG17" s="61">
        <v>15</v>
      </c>
      <c r="BH17" s="62">
        <v>34</v>
      </c>
      <c r="BI17" s="443">
        <v>0</v>
      </c>
      <c r="BJ17" s="61">
        <v>23</v>
      </c>
      <c r="BK17" s="61">
        <v>21</v>
      </c>
      <c r="BL17" s="61">
        <v>22</v>
      </c>
      <c r="BM17" s="61">
        <v>13</v>
      </c>
      <c r="BN17" s="61">
        <v>4</v>
      </c>
      <c r="BO17" s="62">
        <v>83</v>
      </c>
      <c r="BP17" s="63">
        <v>117</v>
      </c>
      <c r="BQ17" s="60">
        <v>11</v>
      </c>
      <c r="BR17" s="61">
        <v>10</v>
      </c>
      <c r="BS17" s="62">
        <v>21</v>
      </c>
      <c r="BT17" s="443">
        <v>0</v>
      </c>
      <c r="BU17" s="61">
        <v>28</v>
      </c>
      <c r="BV17" s="61">
        <v>29</v>
      </c>
      <c r="BW17" s="61">
        <v>22</v>
      </c>
      <c r="BX17" s="61">
        <v>15</v>
      </c>
      <c r="BY17" s="61">
        <v>11</v>
      </c>
      <c r="BZ17" s="62">
        <v>105</v>
      </c>
      <c r="CA17" s="63">
        <v>126</v>
      </c>
      <c r="CB17" s="60">
        <v>0</v>
      </c>
      <c r="CC17" s="61">
        <v>0</v>
      </c>
      <c r="CD17" s="62">
        <v>0</v>
      </c>
      <c r="CE17" s="443">
        <v>0</v>
      </c>
      <c r="CF17" s="61">
        <v>0</v>
      </c>
      <c r="CG17" s="61">
        <v>0</v>
      </c>
      <c r="CH17" s="61">
        <v>0</v>
      </c>
      <c r="CI17" s="61">
        <v>0</v>
      </c>
      <c r="CJ17" s="61">
        <v>0</v>
      </c>
      <c r="CK17" s="62">
        <v>0</v>
      </c>
      <c r="CL17" s="63">
        <v>0</v>
      </c>
      <c r="CM17" s="60">
        <v>41</v>
      </c>
      <c r="CN17" s="61">
        <v>33</v>
      </c>
      <c r="CO17" s="62">
        <v>74</v>
      </c>
      <c r="CP17" s="443">
        <v>0</v>
      </c>
      <c r="CQ17" s="61">
        <v>72</v>
      </c>
      <c r="CR17" s="61">
        <v>65</v>
      </c>
      <c r="CS17" s="61">
        <v>61</v>
      </c>
      <c r="CT17" s="61">
        <v>38</v>
      </c>
      <c r="CU17" s="61">
        <v>25</v>
      </c>
      <c r="CV17" s="62">
        <v>261</v>
      </c>
      <c r="CW17" s="63">
        <v>335</v>
      </c>
      <c r="CX17" s="113">
        <v>8</v>
      </c>
      <c r="CY17" s="72">
        <v>5</v>
      </c>
      <c r="CZ17" s="73">
        <v>13</v>
      </c>
      <c r="DA17" s="443">
        <v>0</v>
      </c>
      <c r="DB17" s="72">
        <v>12</v>
      </c>
      <c r="DC17" s="72">
        <v>7</v>
      </c>
      <c r="DD17" s="72">
        <v>2</v>
      </c>
      <c r="DE17" s="72">
        <v>8</v>
      </c>
      <c r="DF17" s="72">
        <v>2</v>
      </c>
      <c r="DG17" s="74">
        <v>31</v>
      </c>
      <c r="DH17" s="75">
        <v>44</v>
      </c>
      <c r="DI17" s="60">
        <v>0</v>
      </c>
      <c r="DJ17" s="61">
        <v>0</v>
      </c>
      <c r="DK17" s="62">
        <v>0</v>
      </c>
      <c r="DL17" s="443">
        <v>0</v>
      </c>
      <c r="DM17" s="61">
        <v>0</v>
      </c>
      <c r="DN17" s="61">
        <v>0</v>
      </c>
      <c r="DO17" s="61">
        <v>0</v>
      </c>
      <c r="DP17" s="61">
        <v>0</v>
      </c>
      <c r="DQ17" s="61">
        <v>0</v>
      </c>
      <c r="DR17" s="62">
        <v>0</v>
      </c>
      <c r="DS17" s="63">
        <v>0</v>
      </c>
      <c r="DT17" s="60">
        <v>0</v>
      </c>
      <c r="DU17" s="61">
        <v>0</v>
      </c>
      <c r="DV17" s="62">
        <v>0</v>
      </c>
      <c r="DW17" s="443">
        <v>0</v>
      </c>
      <c r="DX17" s="61">
        <v>0</v>
      </c>
      <c r="DY17" s="61">
        <v>0</v>
      </c>
      <c r="DZ17" s="61">
        <v>0</v>
      </c>
      <c r="EA17" s="61">
        <v>0</v>
      </c>
      <c r="EB17" s="61">
        <v>0</v>
      </c>
      <c r="EC17" s="62">
        <v>0</v>
      </c>
      <c r="ED17" s="63">
        <v>0</v>
      </c>
      <c r="EE17" s="60">
        <v>1</v>
      </c>
      <c r="EF17" s="61">
        <v>0</v>
      </c>
      <c r="EG17" s="62">
        <v>1</v>
      </c>
      <c r="EH17" s="443">
        <v>0</v>
      </c>
      <c r="EI17" s="61">
        <v>4</v>
      </c>
      <c r="EJ17" s="61">
        <v>0</v>
      </c>
      <c r="EK17" s="61">
        <v>0</v>
      </c>
      <c r="EL17" s="61">
        <v>0</v>
      </c>
      <c r="EM17" s="61">
        <v>0</v>
      </c>
      <c r="EN17" s="62">
        <v>4</v>
      </c>
      <c r="EO17" s="63">
        <v>5</v>
      </c>
      <c r="EP17" s="60">
        <v>3</v>
      </c>
      <c r="EQ17" s="61">
        <v>2</v>
      </c>
      <c r="ER17" s="62">
        <v>5</v>
      </c>
      <c r="ES17" s="443">
        <v>0</v>
      </c>
      <c r="ET17" s="61">
        <v>3</v>
      </c>
      <c r="EU17" s="61">
        <v>1</v>
      </c>
      <c r="EV17" s="61">
        <v>0</v>
      </c>
      <c r="EW17" s="61">
        <v>1</v>
      </c>
      <c r="EX17" s="61">
        <v>0</v>
      </c>
      <c r="EY17" s="62">
        <v>5</v>
      </c>
      <c r="EZ17" s="63">
        <v>10</v>
      </c>
      <c r="FA17" s="60">
        <v>1</v>
      </c>
      <c r="FB17" s="61">
        <v>2</v>
      </c>
      <c r="FC17" s="62">
        <v>3</v>
      </c>
      <c r="FD17" s="443">
        <v>0</v>
      </c>
      <c r="FE17" s="61">
        <v>2</v>
      </c>
      <c r="FF17" s="61">
        <v>2</v>
      </c>
      <c r="FG17" s="61">
        <v>1</v>
      </c>
      <c r="FH17" s="61">
        <v>2</v>
      </c>
      <c r="FI17" s="61">
        <v>0</v>
      </c>
      <c r="FJ17" s="62">
        <v>7</v>
      </c>
      <c r="FK17" s="63">
        <v>10</v>
      </c>
      <c r="FL17" s="60">
        <v>3</v>
      </c>
      <c r="FM17" s="61">
        <v>1</v>
      </c>
      <c r="FN17" s="62">
        <v>4</v>
      </c>
      <c r="FO17" s="443">
        <v>0</v>
      </c>
      <c r="FP17" s="61">
        <v>3</v>
      </c>
      <c r="FQ17" s="61">
        <v>4</v>
      </c>
      <c r="FR17" s="61">
        <v>1</v>
      </c>
      <c r="FS17" s="61">
        <v>5</v>
      </c>
      <c r="FT17" s="61">
        <v>2</v>
      </c>
      <c r="FU17" s="62">
        <v>15</v>
      </c>
      <c r="FV17" s="63">
        <v>19</v>
      </c>
      <c r="FW17" s="60">
        <v>0</v>
      </c>
      <c r="FX17" s="61">
        <v>0</v>
      </c>
      <c r="FY17" s="62">
        <v>0</v>
      </c>
      <c r="FZ17" s="443">
        <v>0</v>
      </c>
      <c r="GA17" s="61">
        <v>0</v>
      </c>
      <c r="GB17" s="61">
        <v>0</v>
      </c>
      <c r="GC17" s="61">
        <v>0</v>
      </c>
      <c r="GD17" s="61">
        <v>0</v>
      </c>
      <c r="GE17" s="61">
        <v>0</v>
      </c>
      <c r="GF17" s="62">
        <v>0</v>
      </c>
      <c r="GG17" s="63">
        <v>0</v>
      </c>
      <c r="GH17" s="60">
        <v>8</v>
      </c>
      <c r="GI17" s="61">
        <v>5</v>
      </c>
      <c r="GJ17" s="62">
        <v>13</v>
      </c>
      <c r="GK17" s="443">
        <v>0</v>
      </c>
      <c r="GL17" s="61">
        <v>12</v>
      </c>
      <c r="GM17" s="61">
        <v>7</v>
      </c>
      <c r="GN17" s="61">
        <v>2</v>
      </c>
      <c r="GO17" s="61">
        <v>8</v>
      </c>
      <c r="GP17" s="61">
        <v>2</v>
      </c>
      <c r="GQ17" s="62">
        <v>31</v>
      </c>
      <c r="GR17" s="63">
        <v>44</v>
      </c>
      <c r="GS17" s="113">
        <v>49</v>
      </c>
      <c r="GT17" s="72">
        <v>38</v>
      </c>
      <c r="GU17" s="73">
        <v>87</v>
      </c>
      <c r="GV17" s="443">
        <v>0</v>
      </c>
      <c r="GW17" s="72">
        <v>84</v>
      </c>
      <c r="GX17" s="72">
        <v>72</v>
      </c>
      <c r="GY17" s="72">
        <v>63</v>
      </c>
      <c r="GZ17" s="72">
        <v>46</v>
      </c>
      <c r="HA17" s="72">
        <v>27</v>
      </c>
      <c r="HB17" s="74">
        <v>292</v>
      </c>
      <c r="HC17" s="75">
        <v>379</v>
      </c>
      <c r="HD17" s="60">
        <v>0</v>
      </c>
      <c r="HE17" s="61">
        <v>0</v>
      </c>
      <c r="HF17" s="62">
        <v>0</v>
      </c>
      <c r="HG17" s="443">
        <v>0</v>
      </c>
      <c r="HH17" s="61">
        <v>1</v>
      </c>
      <c r="HI17" s="61">
        <v>1</v>
      </c>
      <c r="HJ17" s="61">
        <v>0</v>
      </c>
      <c r="HK17" s="61">
        <v>0</v>
      </c>
      <c r="HL17" s="61">
        <v>0</v>
      </c>
      <c r="HM17" s="62">
        <v>2</v>
      </c>
      <c r="HN17" s="63">
        <v>2</v>
      </c>
      <c r="HO17" s="60">
        <v>3</v>
      </c>
      <c r="HP17" s="61">
        <v>0</v>
      </c>
      <c r="HQ17" s="62">
        <v>3</v>
      </c>
      <c r="HR17" s="443">
        <v>0</v>
      </c>
      <c r="HS17" s="61">
        <v>3</v>
      </c>
      <c r="HT17" s="61">
        <v>0</v>
      </c>
      <c r="HU17" s="61">
        <v>3</v>
      </c>
      <c r="HV17" s="61">
        <v>1</v>
      </c>
      <c r="HW17" s="61">
        <v>2</v>
      </c>
      <c r="HX17" s="62">
        <v>9</v>
      </c>
      <c r="HY17" s="63">
        <v>12</v>
      </c>
      <c r="HZ17" s="60">
        <v>3</v>
      </c>
      <c r="IA17" s="61">
        <v>1</v>
      </c>
      <c r="IB17" s="62">
        <v>4</v>
      </c>
      <c r="IC17" s="443">
        <v>0</v>
      </c>
      <c r="ID17" s="61">
        <v>7</v>
      </c>
      <c r="IE17" s="61">
        <v>2</v>
      </c>
      <c r="IF17" s="61">
        <v>6</v>
      </c>
      <c r="IG17" s="61">
        <v>1</v>
      </c>
      <c r="IH17" s="61">
        <v>1</v>
      </c>
      <c r="II17" s="62">
        <v>17</v>
      </c>
      <c r="IJ17" s="63">
        <v>21</v>
      </c>
      <c r="IK17" s="60">
        <v>9</v>
      </c>
      <c r="IL17" s="61">
        <v>9</v>
      </c>
      <c r="IM17" s="62">
        <v>18</v>
      </c>
      <c r="IN17" s="443">
        <v>0</v>
      </c>
      <c r="IO17" s="61">
        <v>17</v>
      </c>
      <c r="IP17" s="61">
        <v>13</v>
      </c>
      <c r="IQ17" s="61">
        <v>8</v>
      </c>
      <c r="IR17" s="61">
        <v>9</v>
      </c>
      <c r="IS17" s="61">
        <v>7</v>
      </c>
      <c r="IT17" s="62">
        <v>54</v>
      </c>
      <c r="IU17" s="63">
        <v>72</v>
      </c>
      <c r="IV17" s="60">
        <v>20</v>
      </c>
      <c r="IW17" s="61">
        <v>17</v>
      </c>
      <c r="IX17" s="62">
        <v>37</v>
      </c>
      <c r="IY17" s="443">
        <v>0</v>
      </c>
      <c r="IZ17" s="61">
        <v>25</v>
      </c>
      <c r="JA17" s="61">
        <v>23</v>
      </c>
      <c r="JB17" s="61">
        <v>23</v>
      </c>
      <c r="JC17" s="61">
        <v>15</v>
      </c>
      <c r="JD17" s="61">
        <v>4</v>
      </c>
      <c r="JE17" s="62">
        <v>90</v>
      </c>
      <c r="JF17" s="63">
        <v>127</v>
      </c>
      <c r="JG17" s="60">
        <v>14</v>
      </c>
      <c r="JH17" s="61">
        <v>11</v>
      </c>
      <c r="JI17" s="62">
        <v>25</v>
      </c>
      <c r="JJ17" s="443">
        <v>0</v>
      </c>
      <c r="JK17" s="61">
        <v>31</v>
      </c>
      <c r="JL17" s="61">
        <v>33</v>
      </c>
      <c r="JM17" s="61">
        <v>23</v>
      </c>
      <c r="JN17" s="61">
        <v>20</v>
      </c>
      <c r="JO17" s="61">
        <v>13</v>
      </c>
      <c r="JP17" s="62">
        <v>120</v>
      </c>
      <c r="JQ17" s="63">
        <v>145</v>
      </c>
      <c r="JR17" s="60">
        <v>0</v>
      </c>
      <c r="JS17" s="61">
        <v>0</v>
      </c>
      <c r="JT17" s="62">
        <v>0</v>
      </c>
      <c r="JU17" s="443">
        <v>0</v>
      </c>
      <c r="JV17" s="61">
        <v>0</v>
      </c>
      <c r="JW17" s="61">
        <v>0</v>
      </c>
      <c r="JX17" s="61">
        <v>0</v>
      </c>
      <c r="JY17" s="61">
        <v>0</v>
      </c>
      <c r="JZ17" s="61">
        <v>0</v>
      </c>
      <c r="KA17" s="62">
        <v>0</v>
      </c>
      <c r="KB17" s="63">
        <v>0</v>
      </c>
      <c r="KC17" s="60">
        <v>49</v>
      </c>
      <c r="KD17" s="61">
        <v>38</v>
      </c>
      <c r="KE17" s="62">
        <v>87</v>
      </c>
      <c r="KF17" s="443">
        <v>0</v>
      </c>
      <c r="KG17" s="61">
        <v>84</v>
      </c>
      <c r="KH17" s="61">
        <v>72</v>
      </c>
      <c r="KI17" s="61">
        <v>63</v>
      </c>
      <c r="KJ17" s="61">
        <v>46</v>
      </c>
      <c r="KK17" s="61">
        <v>27</v>
      </c>
      <c r="KL17" s="62">
        <v>292</v>
      </c>
      <c r="KM17" s="63">
        <v>379</v>
      </c>
    </row>
    <row r="18" spans="2:299" ht="21" customHeight="1" x14ac:dyDescent="0.2">
      <c r="B18" s="437" t="s">
        <v>15</v>
      </c>
      <c r="C18" s="287">
        <v>24</v>
      </c>
      <c r="D18" s="72">
        <v>26</v>
      </c>
      <c r="E18" s="73">
        <v>50</v>
      </c>
      <c r="F18" s="443">
        <v>0</v>
      </c>
      <c r="G18" s="72">
        <v>38</v>
      </c>
      <c r="H18" s="72">
        <v>26</v>
      </c>
      <c r="I18" s="72">
        <v>23</v>
      </c>
      <c r="J18" s="72">
        <v>25</v>
      </c>
      <c r="K18" s="72">
        <v>6</v>
      </c>
      <c r="L18" s="74">
        <v>118</v>
      </c>
      <c r="M18" s="75">
        <v>168</v>
      </c>
      <c r="N18" s="60">
        <v>0</v>
      </c>
      <c r="O18" s="61">
        <v>1</v>
      </c>
      <c r="P18" s="62">
        <v>1</v>
      </c>
      <c r="Q18" s="443">
        <v>0</v>
      </c>
      <c r="R18" s="61">
        <v>0</v>
      </c>
      <c r="S18" s="61">
        <v>1</v>
      </c>
      <c r="T18" s="61">
        <v>0</v>
      </c>
      <c r="U18" s="61">
        <v>3</v>
      </c>
      <c r="V18" s="61">
        <v>0</v>
      </c>
      <c r="W18" s="62">
        <v>4</v>
      </c>
      <c r="X18" s="63">
        <v>5</v>
      </c>
      <c r="Y18" s="60">
        <v>2</v>
      </c>
      <c r="Z18" s="61">
        <v>2</v>
      </c>
      <c r="AA18" s="62">
        <v>4</v>
      </c>
      <c r="AB18" s="443">
        <v>0</v>
      </c>
      <c r="AC18" s="61">
        <v>3</v>
      </c>
      <c r="AD18" s="61">
        <v>1</v>
      </c>
      <c r="AE18" s="61">
        <v>2</v>
      </c>
      <c r="AF18" s="61">
        <v>2</v>
      </c>
      <c r="AG18" s="61">
        <v>1</v>
      </c>
      <c r="AH18" s="62">
        <v>9</v>
      </c>
      <c r="AI18" s="63">
        <v>13</v>
      </c>
      <c r="AJ18" s="60">
        <v>2</v>
      </c>
      <c r="AK18" s="61">
        <v>1</v>
      </c>
      <c r="AL18" s="62">
        <v>3</v>
      </c>
      <c r="AM18" s="443">
        <v>0</v>
      </c>
      <c r="AN18" s="61">
        <v>6</v>
      </c>
      <c r="AO18" s="61">
        <v>6</v>
      </c>
      <c r="AP18" s="61">
        <v>2</v>
      </c>
      <c r="AQ18" s="61">
        <v>0</v>
      </c>
      <c r="AR18" s="61">
        <v>2</v>
      </c>
      <c r="AS18" s="62">
        <v>16</v>
      </c>
      <c r="AT18" s="63">
        <v>19</v>
      </c>
      <c r="AU18" s="60">
        <v>8</v>
      </c>
      <c r="AV18" s="61">
        <v>5</v>
      </c>
      <c r="AW18" s="62">
        <v>13</v>
      </c>
      <c r="AX18" s="443">
        <v>0</v>
      </c>
      <c r="AY18" s="61">
        <v>8</v>
      </c>
      <c r="AZ18" s="61">
        <v>4</v>
      </c>
      <c r="BA18" s="61">
        <v>5</v>
      </c>
      <c r="BB18" s="61">
        <v>3</v>
      </c>
      <c r="BC18" s="61">
        <v>1</v>
      </c>
      <c r="BD18" s="62">
        <v>21</v>
      </c>
      <c r="BE18" s="63">
        <v>34</v>
      </c>
      <c r="BF18" s="60">
        <v>4</v>
      </c>
      <c r="BG18" s="61">
        <v>10</v>
      </c>
      <c r="BH18" s="62">
        <v>14</v>
      </c>
      <c r="BI18" s="443">
        <v>0</v>
      </c>
      <c r="BJ18" s="61">
        <v>9</v>
      </c>
      <c r="BK18" s="61">
        <v>3</v>
      </c>
      <c r="BL18" s="61">
        <v>6</v>
      </c>
      <c r="BM18" s="61">
        <v>6</v>
      </c>
      <c r="BN18" s="61">
        <v>1</v>
      </c>
      <c r="BO18" s="62">
        <v>25</v>
      </c>
      <c r="BP18" s="63">
        <v>39</v>
      </c>
      <c r="BQ18" s="60">
        <v>8</v>
      </c>
      <c r="BR18" s="61">
        <v>7</v>
      </c>
      <c r="BS18" s="62">
        <v>15</v>
      </c>
      <c r="BT18" s="443">
        <v>0</v>
      </c>
      <c r="BU18" s="61">
        <v>12</v>
      </c>
      <c r="BV18" s="61">
        <v>11</v>
      </c>
      <c r="BW18" s="61">
        <v>8</v>
      </c>
      <c r="BX18" s="61">
        <v>11</v>
      </c>
      <c r="BY18" s="61">
        <v>1</v>
      </c>
      <c r="BZ18" s="62">
        <v>43</v>
      </c>
      <c r="CA18" s="63">
        <v>58</v>
      </c>
      <c r="CB18" s="60">
        <v>0</v>
      </c>
      <c r="CC18" s="61">
        <v>0</v>
      </c>
      <c r="CD18" s="62">
        <v>0</v>
      </c>
      <c r="CE18" s="443">
        <v>0</v>
      </c>
      <c r="CF18" s="61">
        <v>0</v>
      </c>
      <c r="CG18" s="61">
        <v>0</v>
      </c>
      <c r="CH18" s="61">
        <v>0</v>
      </c>
      <c r="CI18" s="61">
        <v>0</v>
      </c>
      <c r="CJ18" s="61">
        <v>0</v>
      </c>
      <c r="CK18" s="62">
        <v>0</v>
      </c>
      <c r="CL18" s="63">
        <v>0</v>
      </c>
      <c r="CM18" s="60">
        <v>24</v>
      </c>
      <c r="CN18" s="61">
        <v>26</v>
      </c>
      <c r="CO18" s="62">
        <v>50</v>
      </c>
      <c r="CP18" s="443">
        <v>0</v>
      </c>
      <c r="CQ18" s="61">
        <v>38</v>
      </c>
      <c r="CR18" s="61">
        <v>26</v>
      </c>
      <c r="CS18" s="61">
        <v>23</v>
      </c>
      <c r="CT18" s="61">
        <v>25</v>
      </c>
      <c r="CU18" s="61">
        <v>6</v>
      </c>
      <c r="CV18" s="62">
        <v>118</v>
      </c>
      <c r="CW18" s="63">
        <v>168</v>
      </c>
      <c r="CX18" s="113">
        <v>6</v>
      </c>
      <c r="CY18" s="72">
        <v>6</v>
      </c>
      <c r="CZ18" s="73">
        <v>12</v>
      </c>
      <c r="DA18" s="443">
        <v>0</v>
      </c>
      <c r="DB18" s="72">
        <v>7</v>
      </c>
      <c r="DC18" s="72">
        <v>4</v>
      </c>
      <c r="DD18" s="72">
        <v>1</v>
      </c>
      <c r="DE18" s="72">
        <v>5</v>
      </c>
      <c r="DF18" s="72">
        <v>1</v>
      </c>
      <c r="DG18" s="74">
        <v>18</v>
      </c>
      <c r="DH18" s="75">
        <v>30</v>
      </c>
      <c r="DI18" s="60">
        <v>0</v>
      </c>
      <c r="DJ18" s="61">
        <v>0</v>
      </c>
      <c r="DK18" s="62">
        <v>0</v>
      </c>
      <c r="DL18" s="443">
        <v>0</v>
      </c>
      <c r="DM18" s="61">
        <v>1</v>
      </c>
      <c r="DN18" s="61">
        <v>0</v>
      </c>
      <c r="DO18" s="61">
        <v>0</v>
      </c>
      <c r="DP18" s="61">
        <v>0</v>
      </c>
      <c r="DQ18" s="61">
        <v>0</v>
      </c>
      <c r="DR18" s="62">
        <v>1</v>
      </c>
      <c r="DS18" s="63">
        <v>1</v>
      </c>
      <c r="DT18" s="60">
        <v>1</v>
      </c>
      <c r="DU18" s="61">
        <v>0</v>
      </c>
      <c r="DV18" s="62">
        <v>1</v>
      </c>
      <c r="DW18" s="443">
        <v>0</v>
      </c>
      <c r="DX18" s="61">
        <v>1</v>
      </c>
      <c r="DY18" s="61">
        <v>0</v>
      </c>
      <c r="DZ18" s="61">
        <v>0</v>
      </c>
      <c r="EA18" s="61">
        <v>0</v>
      </c>
      <c r="EB18" s="61">
        <v>0</v>
      </c>
      <c r="EC18" s="62">
        <v>1</v>
      </c>
      <c r="ED18" s="63">
        <v>2</v>
      </c>
      <c r="EE18" s="60">
        <v>2</v>
      </c>
      <c r="EF18" s="61">
        <v>2</v>
      </c>
      <c r="EG18" s="62">
        <v>4</v>
      </c>
      <c r="EH18" s="443">
        <v>0</v>
      </c>
      <c r="EI18" s="61">
        <v>0</v>
      </c>
      <c r="EJ18" s="61">
        <v>0</v>
      </c>
      <c r="EK18" s="61">
        <v>0</v>
      </c>
      <c r="EL18" s="61">
        <v>0</v>
      </c>
      <c r="EM18" s="61">
        <v>0</v>
      </c>
      <c r="EN18" s="62">
        <v>0</v>
      </c>
      <c r="EO18" s="63">
        <v>4</v>
      </c>
      <c r="EP18" s="60">
        <v>0</v>
      </c>
      <c r="EQ18" s="61">
        <v>1</v>
      </c>
      <c r="ER18" s="62">
        <v>1</v>
      </c>
      <c r="ES18" s="443">
        <v>0</v>
      </c>
      <c r="ET18" s="61">
        <v>2</v>
      </c>
      <c r="EU18" s="61">
        <v>0</v>
      </c>
      <c r="EV18" s="61">
        <v>0</v>
      </c>
      <c r="EW18" s="61">
        <v>1</v>
      </c>
      <c r="EX18" s="61">
        <v>0</v>
      </c>
      <c r="EY18" s="62">
        <v>3</v>
      </c>
      <c r="EZ18" s="63">
        <v>4</v>
      </c>
      <c r="FA18" s="60">
        <v>2</v>
      </c>
      <c r="FB18" s="61">
        <v>1</v>
      </c>
      <c r="FC18" s="62">
        <v>3</v>
      </c>
      <c r="FD18" s="443">
        <v>0</v>
      </c>
      <c r="FE18" s="61">
        <v>1</v>
      </c>
      <c r="FF18" s="61">
        <v>1</v>
      </c>
      <c r="FG18" s="61">
        <v>0</v>
      </c>
      <c r="FH18" s="61">
        <v>1</v>
      </c>
      <c r="FI18" s="61">
        <v>1</v>
      </c>
      <c r="FJ18" s="62">
        <v>4</v>
      </c>
      <c r="FK18" s="63">
        <v>7</v>
      </c>
      <c r="FL18" s="60">
        <v>1</v>
      </c>
      <c r="FM18" s="61">
        <v>2</v>
      </c>
      <c r="FN18" s="62">
        <v>3</v>
      </c>
      <c r="FO18" s="443">
        <v>0</v>
      </c>
      <c r="FP18" s="61">
        <v>2</v>
      </c>
      <c r="FQ18" s="61">
        <v>3</v>
      </c>
      <c r="FR18" s="61">
        <v>1</v>
      </c>
      <c r="FS18" s="61">
        <v>3</v>
      </c>
      <c r="FT18" s="61">
        <v>0</v>
      </c>
      <c r="FU18" s="62">
        <v>9</v>
      </c>
      <c r="FV18" s="63">
        <v>12</v>
      </c>
      <c r="FW18" s="60">
        <v>0</v>
      </c>
      <c r="FX18" s="61">
        <v>0</v>
      </c>
      <c r="FY18" s="62">
        <v>0</v>
      </c>
      <c r="FZ18" s="443">
        <v>0</v>
      </c>
      <c r="GA18" s="61">
        <v>0</v>
      </c>
      <c r="GB18" s="61">
        <v>0</v>
      </c>
      <c r="GC18" s="61">
        <v>0</v>
      </c>
      <c r="GD18" s="61">
        <v>0</v>
      </c>
      <c r="GE18" s="61">
        <v>0</v>
      </c>
      <c r="GF18" s="62">
        <v>0</v>
      </c>
      <c r="GG18" s="63">
        <v>0</v>
      </c>
      <c r="GH18" s="60">
        <v>6</v>
      </c>
      <c r="GI18" s="61">
        <v>6</v>
      </c>
      <c r="GJ18" s="62">
        <v>12</v>
      </c>
      <c r="GK18" s="443">
        <v>0</v>
      </c>
      <c r="GL18" s="61">
        <v>7</v>
      </c>
      <c r="GM18" s="61">
        <v>4</v>
      </c>
      <c r="GN18" s="61">
        <v>1</v>
      </c>
      <c r="GO18" s="61">
        <v>5</v>
      </c>
      <c r="GP18" s="61">
        <v>1</v>
      </c>
      <c r="GQ18" s="62">
        <v>18</v>
      </c>
      <c r="GR18" s="63">
        <v>30</v>
      </c>
      <c r="GS18" s="113">
        <v>30</v>
      </c>
      <c r="GT18" s="72">
        <v>32</v>
      </c>
      <c r="GU18" s="73">
        <v>62</v>
      </c>
      <c r="GV18" s="443">
        <v>0</v>
      </c>
      <c r="GW18" s="72">
        <v>45</v>
      </c>
      <c r="GX18" s="72">
        <v>30</v>
      </c>
      <c r="GY18" s="72">
        <v>24</v>
      </c>
      <c r="GZ18" s="72">
        <v>30</v>
      </c>
      <c r="HA18" s="72">
        <v>7</v>
      </c>
      <c r="HB18" s="74">
        <v>136</v>
      </c>
      <c r="HC18" s="75">
        <v>198</v>
      </c>
      <c r="HD18" s="60">
        <v>0</v>
      </c>
      <c r="HE18" s="61">
        <v>1</v>
      </c>
      <c r="HF18" s="62">
        <v>1</v>
      </c>
      <c r="HG18" s="443">
        <v>0</v>
      </c>
      <c r="HH18" s="61">
        <v>1</v>
      </c>
      <c r="HI18" s="61">
        <v>1</v>
      </c>
      <c r="HJ18" s="61">
        <v>0</v>
      </c>
      <c r="HK18" s="61">
        <v>3</v>
      </c>
      <c r="HL18" s="61">
        <v>0</v>
      </c>
      <c r="HM18" s="62">
        <v>5</v>
      </c>
      <c r="HN18" s="63">
        <v>6</v>
      </c>
      <c r="HO18" s="60">
        <v>3</v>
      </c>
      <c r="HP18" s="61">
        <v>2</v>
      </c>
      <c r="HQ18" s="62">
        <v>5</v>
      </c>
      <c r="HR18" s="443">
        <v>0</v>
      </c>
      <c r="HS18" s="61">
        <v>4</v>
      </c>
      <c r="HT18" s="61">
        <v>1</v>
      </c>
      <c r="HU18" s="61">
        <v>2</v>
      </c>
      <c r="HV18" s="61">
        <v>2</v>
      </c>
      <c r="HW18" s="61">
        <v>1</v>
      </c>
      <c r="HX18" s="62">
        <v>10</v>
      </c>
      <c r="HY18" s="63">
        <v>15</v>
      </c>
      <c r="HZ18" s="60">
        <v>4</v>
      </c>
      <c r="IA18" s="61">
        <v>3</v>
      </c>
      <c r="IB18" s="62">
        <v>7</v>
      </c>
      <c r="IC18" s="443">
        <v>0</v>
      </c>
      <c r="ID18" s="61">
        <v>6</v>
      </c>
      <c r="IE18" s="61">
        <v>6</v>
      </c>
      <c r="IF18" s="61">
        <v>2</v>
      </c>
      <c r="IG18" s="61">
        <v>0</v>
      </c>
      <c r="IH18" s="61">
        <v>2</v>
      </c>
      <c r="II18" s="62">
        <v>16</v>
      </c>
      <c r="IJ18" s="63">
        <v>23</v>
      </c>
      <c r="IK18" s="60">
        <v>8</v>
      </c>
      <c r="IL18" s="61">
        <v>6</v>
      </c>
      <c r="IM18" s="62">
        <v>14</v>
      </c>
      <c r="IN18" s="443">
        <v>0</v>
      </c>
      <c r="IO18" s="61">
        <v>10</v>
      </c>
      <c r="IP18" s="61">
        <v>4</v>
      </c>
      <c r="IQ18" s="61">
        <v>5</v>
      </c>
      <c r="IR18" s="61">
        <v>4</v>
      </c>
      <c r="IS18" s="61">
        <v>1</v>
      </c>
      <c r="IT18" s="62">
        <v>24</v>
      </c>
      <c r="IU18" s="63">
        <v>38</v>
      </c>
      <c r="IV18" s="60">
        <v>6</v>
      </c>
      <c r="IW18" s="61">
        <v>11</v>
      </c>
      <c r="IX18" s="62">
        <v>17</v>
      </c>
      <c r="IY18" s="443">
        <v>0</v>
      </c>
      <c r="IZ18" s="61">
        <v>10</v>
      </c>
      <c r="JA18" s="61">
        <v>4</v>
      </c>
      <c r="JB18" s="61">
        <v>6</v>
      </c>
      <c r="JC18" s="61">
        <v>7</v>
      </c>
      <c r="JD18" s="61">
        <v>2</v>
      </c>
      <c r="JE18" s="62">
        <v>29</v>
      </c>
      <c r="JF18" s="63">
        <v>46</v>
      </c>
      <c r="JG18" s="60">
        <v>9</v>
      </c>
      <c r="JH18" s="61">
        <v>9</v>
      </c>
      <c r="JI18" s="62">
        <v>18</v>
      </c>
      <c r="JJ18" s="443">
        <v>0</v>
      </c>
      <c r="JK18" s="61">
        <v>14</v>
      </c>
      <c r="JL18" s="61">
        <v>14</v>
      </c>
      <c r="JM18" s="61">
        <v>9</v>
      </c>
      <c r="JN18" s="61">
        <v>14</v>
      </c>
      <c r="JO18" s="61">
        <v>1</v>
      </c>
      <c r="JP18" s="62">
        <v>52</v>
      </c>
      <c r="JQ18" s="63">
        <v>70</v>
      </c>
      <c r="JR18" s="60">
        <v>0</v>
      </c>
      <c r="JS18" s="61">
        <v>0</v>
      </c>
      <c r="JT18" s="62">
        <v>0</v>
      </c>
      <c r="JU18" s="443">
        <v>0</v>
      </c>
      <c r="JV18" s="61">
        <v>0</v>
      </c>
      <c r="JW18" s="61">
        <v>0</v>
      </c>
      <c r="JX18" s="61">
        <v>0</v>
      </c>
      <c r="JY18" s="61">
        <v>0</v>
      </c>
      <c r="JZ18" s="61">
        <v>0</v>
      </c>
      <c r="KA18" s="62">
        <v>0</v>
      </c>
      <c r="KB18" s="63">
        <v>0</v>
      </c>
      <c r="KC18" s="60">
        <v>30</v>
      </c>
      <c r="KD18" s="61">
        <v>32</v>
      </c>
      <c r="KE18" s="62">
        <v>62</v>
      </c>
      <c r="KF18" s="443">
        <v>0</v>
      </c>
      <c r="KG18" s="61">
        <v>45</v>
      </c>
      <c r="KH18" s="61">
        <v>30</v>
      </c>
      <c r="KI18" s="61">
        <v>24</v>
      </c>
      <c r="KJ18" s="61">
        <v>30</v>
      </c>
      <c r="KK18" s="61">
        <v>7</v>
      </c>
      <c r="KL18" s="62">
        <v>136</v>
      </c>
      <c r="KM18" s="63">
        <v>198</v>
      </c>
    </row>
    <row r="19" spans="2:299" ht="21" customHeight="1" x14ac:dyDescent="0.2">
      <c r="B19" s="437" t="s">
        <v>16</v>
      </c>
      <c r="C19" s="287">
        <v>40</v>
      </c>
      <c r="D19" s="72">
        <v>47</v>
      </c>
      <c r="E19" s="73">
        <v>87</v>
      </c>
      <c r="F19" s="443">
        <v>0</v>
      </c>
      <c r="G19" s="72">
        <v>71</v>
      </c>
      <c r="H19" s="72">
        <v>99</v>
      </c>
      <c r="I19" s="72">
        <v>51</v>
      </c>
      <c r="J19" s="72">
        <v>36</v>
      </c>
      <c r="K19" s="72">
        <v>25</v>
      </c>
      <c r="L19" s="74">
        <v>282</v>
      </c>
      <c r="M19" s="75">
        <v>369</v>
      </c>
      <c r="N19" s="60">
        <v>2</v>
      </c>
      <c r="O19" s="61">
        <v>0</v>
      </c>
      <c r="P19" s="62">
        <v>2</v>
      </c>
      <c r="Q19" s="443">
        <v>0</v>
      </c>
      <c r="R19" s="61">
        <v>0</v>
      </c>
      <c r="S19" s="61">
        <v>2</v>
      </c>
      <c r="T19" s="61">
        <v>0</v>
      </c>
      <c r="U19" s="61">
        <v>0</v>
      </c>
      <c r="V19" s="61">
        <v>1</v>
      </c>
      <c r="W19" s="62">
        <v>3</v>
      </c>
      <c r="X19" s="63">
        <v>5</v>
      </c>
      <c r="Y19" s="60">
        <v>0</v>
      </c>
      <c r="Z19" s="61">
        <v>3</v>
      </c>
      <c r="AA19" s="62">
        <v>3</v>
      </c>
      <c r="AB19" s="443">
        <v>0</v>
      </c>
      <c r="AC19" s="61">
        <v>7</v>
      </c>
      <c r="AD19" s="61">
        <v>8</v>
      </c>
      <c r="AE19" s="61">
        <v>4</v>
      </c>
      <c r="AF19" s="61">
        <v>1</v>
      </c>
      <c r="AG19" s="61">
        <v>2</v>
      </c>
      <c r="AH19" s="62">
        <v>22</v>
      </c>
      <c r="AI19" s="63">
        <v>25</v>
      </c>
      <c r="AJ19" s="60">
        <v>6</v>
      </c>
      <c r="AK19" s="61">
        <v>5</v>
      </c>
      <c r="AL19" s="62">
        <v>11</v>
      </c>
      <c r="AM19" s="443">
        <v>0</v>
      </c>
      <c r="AN19" s="61">
        <v>5</v>
      </c>
      <c r="AO19" s="61">
        <v>6</v>
      </c>
      <c r="AP19" s="61">
        <v>10</v>
      </c>
      <c r="AQ19" s="61">
        <v>2</v>
      </c>
      <c r="AR19" s="61">
        <v>4</v>
      </c>
      <c r="AS19" s="62">
        <v>27</v>
      </c>
      <c r="AT19" s="63">
        <v>38</v>
      </c>
      <c r="AU19" s="60">
        <v>11</v>
      </c>
      <c r="AV19" s="61">
        <v>9</v>
      </c>
      <c r="AW19" s="62">
        <v>20</v>
      </c>
      <c r="AX19" s="443">
        <v>0</v>
      </c>
      <c r="AY19" s="61">
        <v>16</v>
      </c>
      <c r="AZ19" s="61">
        <v>26</v>
      </c>
      <c r="BA19" s="61">
        <v>8</v>
      </c>
      <c r="BB19" s="61">
        <v>4</v>
      </c>
      <c r="BC19" s="61">
        <v>7</v>
      </c>
      <c r="BD19" s="62">
        <v>61</v>
      </c>
      <c r="BE19" s="63">
        <v>81</v>
      </c>
      <c r="BF19" s="60">
        <v>11</v>
      </c>
      <c r="BG19" s="61">
        <v>17</v>
      </c>
      <c r="BH19" s="62">
        <v>28</v>
      </c>
      <c r="BI19" s="443">
        <v>0</v>
      </c>
      <c r="BJ19" s="61">
        <v>23</v>
      </c>
      <c r="BK19" s="61">
        <v>23</v>
      </c>
      <c r="BL19" s="61">
        <v>11</v>
      </c>
      <c r="BM19" s="61">
        <v>4</v>
      </c>
      <c r="BN19" s="61">
        <v>4</v>
      </c>
      <c r="BO19" s="62">
        <v>65</v>
      </c>
      <c r="BP19" s="63">
        <v>93</v>
      </c>
      <c r="BQ19" s="60">
        <v>10</v>
      </c>
      <c r="BR19" s="61">
        <v>13</v>
      </c>
      <c r="BS19" s="62">
        <v>23</v>
      </c>
      <c r="BT19" s="443">
        <v>0</v>
      </c>
      <c r="BU19" s="61">
        <v>20</v>
      </c>
      <c r="BV19" s="61">
        <v>34</v>
      </c>
      <c r="BW19" s="61">
        <v>18</v>
      </c>
      <c r="BX19" s="61">
        <v>25</v>
      </c>
      <c r="BY19" s="61">
        <v>7</v>
      </c>
      <c r="BZ19" s="62">
        <v>104</v>
      </c>
      <c r="CA19" s="63">
        <v>127</v>
      </c>
      <c r="CB19" s="60">
        <v>0</v>
      </c>
      <c r="CC19" s="61">
        <v>0</v>
      </c>
      <c r="CD19" s="62">
        <v>0</v>
      </c>
      <c r="CE19" s="443">
        <v>0</v>
      </c>
      <c r="CF19" s="61">
        <v>0</v>
      </c>
      <c r="CG19" s="61">
        <v>0</v>
      </c>
      <c r="CH19" s="61">
        <v>0</v>
      </c>
      <c r="CI19" s="61">
        <v>0</v>
      </c>
      <c r="CJ19" s="61">
        <v>0</v>
      </c>
      <c r="CK19" s="62">
        <v>0</v>
      </c>
      <c r="CL19" s="63">
        <v>0</v>
      </c>
      <c r="CM19" s="60">
        <v>40</v>
      </c>
      <c r="CN19" s="61">
        <v>47</v>
      </c>
      <c r="CO19" s="62">
        <v>87</v>
      </c>
      <c r="CP19" s="443">
        <v>0</v>
      </c>
      <c r="CQ19" s="61">
        <v>71</v>
      </c>
      <c r="CR19" s="61">
        <v>99</v>
      </c>
      <c r="CS19" s="61">
        <v>51</v>
      </c>
      <c r="CT19" s="61">
        <v>36</v>
      </c>
      <c r="CU19" s="61">
        <v>25</v>
      </c>
      <c r="CV19" s="62">
        <v>282</v>
      </c>
      <c r="CW19" s="63">
        <v>369</v>
      </c>
      <c r="CX19" s="113">
        <v>9</v>
      </c>
      <c r="CY19" s="72">
        <v>14</v>
      </c>
      <c r="CZ19" s="73">
        <v>23</v>
      </c>
      <c r="DA19" s="443">
        <v>0</v>
      </c>
      <c r="DB19" s="72">
        <v>5</v>
      </c>
      <c r="DC19" s="72">
        <v>9</v>
      </c>
      <c r="DD19" s="72">
        <v>6</v>
      </c>
      <c r="DE19" s="72">
        <v>11</v>
      </c>
      <c r="DF19" s="72">
        <v>10</v>
      </c>
      <c r="DG19" s="74">
        <v>41</v>
      </c>
      <c r="DH19" s="75">
        <v>64</v>
      </c>
      <c r="DI19" s="60">
        <v>0</v>
      </c>
      <c r="DJ19" s="61">
        <v>1</v>
      </c>
      <c r="DK19" s="62">
        <v>1</v>
      </c>
      <c r="DL19" s="443">
        <v>0</v>
      </c>
      <c r="DM19" s="61">
        <v>0</v>
      </c>
      <c r="DN19" s="61">
        <v>0</v>
      </c>
      <c r="DO19" s="61">
        <v>0</v>
      </c>
      <c r="DP19" s="61">
        <v>0</v>
      </c>
      <c r="DQ19" s="61">
        <v>0</v>
      </c>
      <c r="DR19" s="62">
        <v>0</v>
      </c>
      <c r="DS19" s="63">
        <v>1</v>
      </c>
      <c r="DT19" s="60">
        <v>0</v>
      </c>
      <c r="DU19" s="61">
        <v>2</v>
      </c>
      <c r="DV19" s="62">
        <v>2</v>
      </c>
      <c r="DW19" s="443">
        <v>0</v>
      </c>
      <c r="DX19" s="61">
        <v>0</v>
      </c>
      <c r="DY19" s="61">
        <v>0</v>
      </c>
      <c r="DZ19" s="61">
        <v>0</v>
      </c>
      <c r="EA19" s="61">
        <v>0</v>
      </c>
      <c r="EB19" s="61">
        <v>1</v>
      </c>
      <c r="EC19" s="62">
        <v>1</v>
      </c>
      <c r="ED19" s="63">
        <v>3</v>
      </c>
      <c r="EE19" s="60">
        <v>1</v>
      </c>
      <c r="EF19" s="61">
        <v>1</v>
      </c>
      <c r="EG19" s="62">
        <v>2</v>
      </c>
      <c r="EH19" s="443">
        <v>0</v>
      </c>
      <c r="EI19" s="61">
        <v>1</v>
      </c>
      <c r="EJ19" s="61">
        <v>0</v>
      </c>
      <c r="EK19" s="61">
        <v>0</v>
      </c>
      <c r="EL19" s="61">
        <v>1</v>
      </c>
      <c r="EM19" s="61">
        <v>1</v>
      </c>
      <c r="EN19" s="62">
        <v>3</v>
      </c>
      <c r="EO19" s="63">
        <v>5</v>
      </c>
      <c r="EP19" s="60">
        <v>2</v>
      </c>
      <c r="EQ19" s="61">
        <v>2</v>
      </c>
      <c r="ER19" s="62">
        <v>4</v>
      </c>
      <c r="ES19" s="443">
        <v>0</v>
      </c>
      <c r="ET19" s="61">
        <v>2</v>
      </c>
      <c r="EU19" s="61">
        <v>6</v>
      </c>
      <c r="EV19" s="61">
        <v>0</v>
      </c>
      <c r="EW19" s="61">
        <v>2</v>
      </c>
      <c r="EX19" s="61">
        <v>1</v>
      </c>
      <c r="EY19" s="62">
        <v>11</v>
      </c>
      <c r="EZ19" s="63">
        <v>15</v>
      </c>
      <c r="FA19" s="60">
        <v>4</v>
      </c>
      <c r="FB19" s="61">
        <v>6</v>
      </c>
      <c r="FC19" s="62">
        <v>10</v>
      </c>
      <c r="FD19" s="443">
        <v>0</v>
      </c>
      <c r="FE19" s="61">
        <v>0</v>
      </c>
      <c r="FF19" s="61">
        <v>2</v>
      </c>
      <c r="FG19" s="61">
        <v>3</v>
      </c>
      <c r="FH19" s="61">
        <v>3</v>
      </c>
      <c r="FI19" s="61">
        <v>2</v>
      </c>
      <c r="FJ19" s="62">
        <v>10</v>
      </c>
      <c r="FK19" s="63">
        <v>20</v>
      </c>
      <c r="FL19" s="60">
        <v>2</v>
      </c>
      <c r="FM19" s="61">
        <v>2</v>
      </c>
      <c r="FN19" s="62">
        <v>4</v>
      </c>
      <c r="FO19" s="443">
        <v>0</v>
      </c>
      <c r="FP19" s="61">
        <v>2</v>
      </c>
      <c r="FQ19" s="61">
        <v>1</v>
      </c>
      <c r="FR19" s="61">
        <v>3</v>
      </c>
      <c r="FS19" s="61">
        <v>5</v>
      </c>
      <c r="FT19" s="61">
        <v>5</v>
      </c>
      <c r="FU19" s="62">
        <v>16</v>
      </c>
      <c r="FV19" s="63">
        <v>20</v>
      </c>
      <c r="FW19" s="60">
        <v>0</v>
      </c>
      <c r="FX19" s="61">
        <v>0</v>
      </c>
      <c r="FY19" s="62">
        <v>0</v>
      </c>
      <c r="FZ19" s="443">
        <v>0</v>
      </c>
      <c r="GA19" s="61">
        <v>0</v>
      </c>
      <c r="GB19" s="61">
        <v>0</v>
      </c>
      <c r="GC19" s="61">
        <v>0</v>
      </c>
      <c r="GD19" s="61">
        <v>0</v>
      </c>
      <c r="GE19" s="61">
        <v>0</v>
      </c>
      <c r="GF19" s="62">
        <v>0</v>
      </c>
      <c r="GG19" s="63">
        <v>0</v>
      </c>
      <c r="GH19" s="60">
        <v>9</v>
      </c>
      <c r="GI19" s="61">
        <v>14</v>
      </c>
      <c r="GJ19" s="62">
        <v>23</v>
      </c>
      <c r="GK19" s="443">
        <v>0</v>
      </c>
      <c r="GL19" s="61">
        <v>5</v>
      </c>
      <c r="GM19" s="61">
        <v>9</v>
      </c>
      <c r="GN19" s="61">
        <v>6</v>
      </c>
      <c r="GO19" s="61">
        <v>11</v>
      </c>
      <c r="GP19" s="61">
        <v>10</v>
      </c>
      <c r="GQ19" s="62">
        <v>41</v>
      </c>
      <c r="GR19" s="63">
        <v>64</v>
      </c>
      <c r="GS19" s="113">
        <v>49</v>
      </c>
      <c r="GT19" s="72">
        <v>61</v>
      </c>
      <c r="GU19" s="73">
        <v>110</v>
      </c>
      <c r="GV19" s="443">
        <v>0</v>
      </c>
      <c r="GW19" s="72">
        <v>76</v>
      </c>
      <c r="GX19" s="72">
        <v>108</v>
      </c>
      <c r="GY19" s="72">
        <v>57</v>
      </c>
      <c r="GZ19" s="72">
        <v>47</v>
      </c>
      <c r="HA19" s="72">
        <v>35</v>
      </c>
      <c r="HB19" s="74">
        <v>323</v>
      </c>
      <c r="HC19" s="75">
        <v>433</v>
      </c>
      <c r="HD19" s="60">
        <v>2</v>
      </c>
      <c r="HE19" s="61">
        <v>1</v>
      </c>
      <c r="HF19" s="62">
        <v>3</v>
      </c>
      <c r="HG19" s="443">
        <v>0</v>
      </c>
      <c r="HH19" s="61">
        <v>0</v>
      </c>
      <c r="HI19" s="61">
        <v>2</v>
      </c>
      <c r="HJ19" s="61">
        <v>0</v>
      </c>
      <c r="HK19" s="61">
        <v>0</v>
      </c>
      <c r="HL19" s="61">
        <v>1</v>
      </c>
      <c r="HM19" s="62">
        <v>3</v>
      </c>
      <c r="HN19" s="63">
        <v>6</v>
      </c>
      <c r="HO19" s="60">
        <v>0</v>
      </c>
      <c r="HP19" s="61">
        <v>5</v>
      </c>
      <c r="HQ19" s="62">
        <v>5</v>
      </c>
      <c r="HR19" s="443">
        <v>0</v>
      </c>
      <c r="HS19" s="61">
        <v>7</v>
      </c>
      <c r="HT19" s="61">
        <v>8</v>
      </c>
      <c r="HU19" s="61">
        <v>4</v>
      </c>
      <c r="HV19" s="61">
        <v>1</v>
      </c>
      <c r="HW19" s="61">
        <v>3</v>
      </c>
      <c r="HX19" s="62">
        <v>23</v>
      </c>
      <c r="HY19" s="63">
        <v>28</v>
      </c>
      <c r="HZ19" s="60">
        <v>7</v>
      </c>
      <c r="IA19" s="61">
        <v>6</v>
      </c>
      <c r="IB19" s="62">
        <v>13</v>
      </c>
      <c r="IC19" s="443">
        <v>0</v>
      </c>
      <c r="ID19" s="61">
        <v>6</v>
      </c>
      <c r="IE19" s="61">
        <v>6</v>
      </c>
      <c r="IF19" s="61">
        <v>10</v>
      </c>
      <c r="IG19" s="61">
        <v>3</v>
      </c>
      <c r="IH19" s="61">
        <v>5</v>
      </c>
      <c r="II19" s="62">
        <v>30</v>
      </c>
      <c r="IJ19" s="63">
        <v>43</v>
      </c>
      <c r="IK19" s="60">
        <v>13</v>
      </c>
      <c r="IL19" s="61">
        <v>11</v>
      </c>
      <c r="IM19" s="62">
        <v>24</v>
      </c>
      <c r="IN19" s="443">
        <v>0</v>
      </c>
      <c r="IO19" s="61">
        <v>18</v>
      </c>
      <c r="IP19" s="61">
        <v>32</v>
      </c>
      <c r="IQ19" s="61">
        <v>8</v>
      </c>
      <c r="IR19" s="61">
        <v>6</v>
      </c>
      <c r="IS19" s="61">
        <v>8</v>
      </c>
      <c r="IT19" s="62">
        <v>72</v>
      </c>
      <c r="IU19" s="63">
        <v>96</v>
      </c>
      <c r="IV19" s="60">
        <v>15</v>
      </c>
      <c r="IW19" s="61">
        <v>23</v>
      </c>
      <c r="IX19" s="62">
        <v>38</v>
      </c>
      <c r="IY19" s="443">
        <v>0</v>
      </c>
      <c r="IZ19" s="61">
        <v>23</v>
      </c>
      <c r="JA19" s="61">
        <v>25</v>
      </c>
      <c r="JB19" s="61">
        <v>14</v>
      </c>
      <c r="JC19" s="61">
        <v>7</v>
      </c>
      <c r="JD19" s="61">
        <v>6</v>
      </c>
      <c r="JE19" s="62">
        <v>75</v>
      </c>
      <c r="JF19" s="63">
        <v>113</v>
      </c>
      <c r="JG19" s="60">
        <v>12</v>
      </c>
      <c r="JH19" s="61">
        <v>15</v>
      </c>
      <c r="JI19" s="62">
        <v>27</v>
      </c>
      <c r="JJ19" s="443">
        <v>0</v>
      </c>
      <c r="JK19" s="61">
        <v>22</v>
      </c>
      <c r="JL19" s="61">
        <v>35</v>
      </c>
      <c r="JM19" s="61">
        <v>21</v>
      </c>
      <c r="JN19" s="61">
        <v>30</v>
      </c>
      <c r="JO19" s="61">
        <v>12</v>
      </c>
      <c r="JP19" s="62">
        <v>120</v>
      </c>
      <c r="JQ19" s="63">
        <v>147</v>
      </c>
      <c r="JR19" s="60">
        <v>0</v>
      </c>
      <c r="JS19" s="61">
        <v>0</v>
      </c>
      <c r="JT19" s="62">
        <v>0</v>
      </c>
      <c r="JU19" s="443">
        <v>0</v>
      </c>
      <c r="JV19" s="61">
        <v>0</v>
      </c>
      <c r="JW19" s="61">
        <v>0</v>
      </c>
      <c r="JX19" s="61">
        <v>0</v>
      </c>
      <c r="JY19" s="61">
        <v>0</v>
      </c>
      <c r="JZ19" s="61">
        <v>0</v>
      </c>
      <c r="KA19" s="62">
        <v>0</v>
      </c>
      <c r="KB19" s="63">
        <v>0</v>
      </c>
      <c r="KC19" s="60">
        <v>49</v>
      </c>
      <c r="KD19" s="61">
        <v>61</v>
      </c>
      <c r="KE19" s="62">
        <v>110</v>
      </c>
      <c r="KF19" s="443">
        <v>0</v>
      </c>
      <c r="KG19" s="61">
        <v>76</v>
      </c>
      <c r="KH19" s="61">
        <v>108</v>
      </c>
      <c r="KI19" s="61">
        <v>57</v>
      </c>
      <c r="KJ19" s="61">
        <v>47</v>
      </c>
      <c r="KK19" s="61">
        <v>35</v>
      </c>
      <c r="KL19" s="62">
        <v>323</v>
      </c>
      <c r="KM19" s="63">
        <v>433</v>
      </c>
    </row>
    <row r="20" spans="2:299" ht="21" customHeight="1" x14ac:dyDescent="0.2">
      <c r="B20" s="437" t="s">
        <v>17</v>
      </c>
      <c r="C20" s="287">
        <v>66</v>
      </c>
      <c r="D20" s="72">
        <v>52</v>
      </c>
      <c r="E20" s="73">
        <v>118</v>
      </c>
      <c r="F20" s="443">
        <v>0</v>
      </c>
      <c r="G20" s="72">
        <v>108</v>
      </c>
      <c r="H20" s="72">
        <v>110</v>
      </c>
      <c r="I20" s="72">
        <v>67</v>
      </c>
      <c r="J20" s="72">
        <v>33</v>
      </c>
      <c r="K20" s="72">
        <v>28</v>
      </c>
      <c r="L20" s="74">
        <v>346</v>
      </c>
      <c r="M20" s="75">
        <v>464</v>
      </c>
      <c r="N20" s="60">
        <v>2</v>
      </c>
      <c r="O20" s="61">
        <v>3</v>
      </c>
      <c r="P20" s="62">
        <v>5</v>
      </c>
      <c r="Q20" s="443">
        <v>0</v>
      </c>
      <c r="R20" s="61">
        <v>2</v>
      </c>
      <c r="S20" s="61">
        <v>1</v>
      </c>
      <c r="T20" s="61">
        <v>3</v>
      </c>
      <c r="U20" s="61">
        <v>0</v>
      </c>
      <c r="V20" s="61">
        <v>2</v>
      </c>
      <c r="W20" s="62">
        <v>8</v>
      </c>
      <c r="X20" s="63">
        <v>13</v>
      </c>
      <c r="Y20" s="60">
        <v>1</v>
      </c>
      <c r="Z20" s="61">
        <v>1</v>
      </c>
      <c r="AA20" s="62">
        <v>2</v>
      </c>
      <c r="AB20" s="443">
        <v>0</v>
      </c>
      <c r="AC20" s="61">
        <v>7</v>
      </c>
      <c r="AD20" s="61">
        <v>2</v>
      </c>
      <c r="AE20" s="61">
        <v>3</v>
      </c>
      <c r="AF20" s="61">
        <v>2</v>
      </c>
      <c r="AG20" s="61">
        <v>1</v>
      </c>
      <c r="AH20" s="62">
        <v>15</v>
      </c>
      <c r="AI20" s="63">
        <v>17</v>
      </c>
      <c r="AJ20" s="60">
        <v>8</v>
      </c>
      <c r="AK20" s="61">
        <v>4</v>
      </c>
      <c r="AL20" s="62">
        <v>12</v>
      </c>
      <c r="AM20" s="443">
        <v>0</v>
      </c>
      <c r="AN20" s="61">
        <v>12</v>
      </c>
      <c r="AO20" s="61">
        <v>15</v>
      </c>
      <c r="AP20" s="61">
        <v>5</v>
      </c>
      <c r="AQ20" s="61">
        <v>2</v>
      </c>
      <c r="AR20" s="61">
        <v>2</v>
      </c>
      <c r="AS20" s="62">
        <v>36</v>
      </c>
      <c r="AT20" s="63">
        <v>48</v>
      </c>
      <c r="AU20" s="60">
        <v>18</v>
      </c>
      <c r="AV20" s="61">
        <v>14</v>
      </c>
      <c r="AW20" s="62">
        <v>32</v>
      </c>
      <c r="AX20" s="443">
        <v>0</v>
      </c>
      <c r="AY20" s="61">
        <v>26</v>
      </c>
      <c r="AZ20" s="61">
        <v>28</v>
      </c>
      <c r="BA20" s="61">
        <v>12</v>
      </c>
      <c r="BB20" s="61">
        <v>6</v>
      </c>
      <c r="BC20" s="61">
        <v>4</v>
      </c>
      <c r="BD20" s="62">
        <v>76</v>
      </c>
      <c r="BE20" s="63">
        <v>108</v>
      </c>
      <c r="BF20" s="60">
        <v>17</v>
      </c>
      <c r="BG20" s="61">
        <v>13</v>
      </c>
      <c r="BH20" s="62">
        <v>30</v>
      </c>
      <c r="BI20" s="443">
        <v>0</v>
      </c>
      <c r="BJ20" s="61">
        <v>34</v>
      </c>
      <c r="BK20" s="61">
        <v>36</v>
      </c>
      <c r="BL20" s="61">
        <v>25</v>
      </c>
      <c r="BM20" s="61">
        <v>11</v>
      </c>
      <c r="BN20" s="61">
        <v>8</v>
      </c>
      <c r="BO20" s="62">
        <v>114</v>
      </c>
      <c r="BP20" s="63">
        <v>144</v>
      </c>
      <c r="BQ20" s="60">
        <v>20</v>
      </c>
      <c r="BR20" s="61">
        <v>17</v>
      </c>
      <c r="BS20" s="62">
        <v>37</v>
      </c>
      <c r="BT20" s="443">
        <v>0</v>
      </c>
      <c r="BU20" s="61">
        <v>27</v>
      </c>
      <c r="BV20" s="61">
        <v>28</v>
      </c>
      <c r="BW20" s="61">
        <v>19</v>
      </c>
      <c r="BX20" s="61">
        <v>12</v>
      </c>
      <c r="BY20" s="61">
        <v>11</v>
      </c>
      <c r="BZ20" s="62">
        <v>97</v>
      </c>
      <c r="CA20" s="63">
        <v>134</v>
      </c>
      <c r="CB20" s="60">
        <v>0</v>
      </c>
      <c r="CC20" s="61">
        <v>0</v>
      </c>
      <c r="CD20" s="62">
        <v>0</v>
      </c>
      <c r="CE20" s="443">
        <v>0</v>
      </c>
      <c r="CF20" s="61">
        <v>0</v>
      </c>
      <c r="CG20" s="61">
        <v>0</v>
      </c>
      <c r="CH20" s="61">
        <v>0</v>
      </c>
      <c r="CI20" s="61">
        <v>0</v>
      </c>
      <c r="CJ20" s="61">
        <v>0</v>
      </c>
      <c r="CK20" s="62">
        <v>0</v>
      </c>
      <c r="CL20" s="63">
        <v>0</v>
      </c>
      <c r="CM20" s="60">
        <v>66</v>
      </c>
      <c r="CN20" s="61">
        <v>52</v>
      </c>
      <c r="CO20" s="62">
        <v>118</v>
      </c>
      <c r="CP20" s="443">
        <v>0</v>
      </c>
      <c r="CQ20" s="61">
        <v>108</v>
      </c>
      <c r="CR20" s="61">
        <v>110</v>
      </c>
      <c r="CS20" s="61">
        <v>67</v>
      </c>
      <c r="CT20" s="61">
        <v>33</v>
      </c>
      <c r="CU20" s="61">
        <v>28</v>
      </c>
      <c r="CV20" s="62">
        <v>346</v>
      </c>
      <c r="CW20" s="63">
        <v>464</v>
      </c>
      <c r="CX20" s="113">
        <v>10</v>
      </c>
      <c r="CY20" s="72">
        <v>9</v>
      </c>
      <c r="CZ20" s="73">
        <v>19</v>
      </c>
      <c r="DA20" s="443">
        <v>0</v>
      </c>
      <c r="DB20" s="72">
        <v>10</v>
      </c>
      <c r="DC20" s="72">
        <v>18</v>
      </c>
      <c r="DD20" s="72">
        <v>8</v>
      </c>
      <c r="DE20" s="72">
        <v>13</v>
      </c>
      <c r="DF20" s="72">
        <v>5</v>
      </c>
      <c r="DG20" s="74">
        <v>54</v>
      </c>
      <c r="DH20" s="75">
        <v>73</v>
      </c>
      <c r="DI20" s="60">
        <v>0</v>
      </c>
      <c r="DJ20" s="61">
        <v>0</v>
      </c>
      <c r="DK20" s="62">
        <v>0</v>
      </c>
      <c r="DL20" s="443">
        <v>0</v>
      </c>
      <c r="DM20" s="61">
        <v>0</v>
      </c>
      <c r="DN20" s="61">
        <v>2</v>
      </c>
      <c r="DO20" s="61">
        <v>0</v>
      </c>
      <c r="DP20" s="61">
        <v>1</v>
      </c>
      <c r="DQ20" s="61">
        <v>0</v>
      </c>
      <c r="DR20" s="62">
        <v>3</v>
      </c>
      <c r="DS20" s="63">
        <v>3</v>
      </c>
      <c r="DT20" s="60">
        <v>0</v>
      </c>
      <c r="DU20" s="61">
        <v>1</v>
      </c>
      <c r="DV20" s="62">
        <v>1</v>
      </c>
      <c r="DW20" s="443">
        <v>0</v>
      </c>
      <c r="DX20" s="61">
        <v>0</v>
      </c>
      <c r="DY20" s="61">
        <v>1</v>
      </c>
      <c r="DZ20" s="61">
        <v>1</v>
      </c>
      <c r="EA20" s="61">
        <v>0</v>
      </c>
      <c r="EB20" s="61">
        <v>0</v>
      </c>
      <c r="EC20" s="62">
        <v>2</v>
      </c>
      <c r="ED20" s="63">
        <v>3</v>
      </c>
      <c r="EE20" s="60">
        <v>5</v>
      </c>
      <c r="EF20" s="61">
        <v>4</v>
      </c>
      <c r="EG20" s="62">
        <v>9</v>
      </c>
      <c r="EH20" s="443">
        <v>0</v>
      </c>
      <c r="EI20" s="61">
        <v>0</v>
      </c>
      <c r="EJ20" s="61">
        <v>0</v>
      </c>
      <c r="EK20" s="61">
        <v>0</v>
      </c>
      <c r="EL20" s="61">
        <v>0</v>
      </c>
      <c r="EM20" s="61">
        <v>0</v>
      </c>
      <c r="EN20" s="62">
        <v>0</v>
      </c>
      <c r="EO20" s="63">
        <v>9</v>
      </c>
      <c r="EP20" s="60">
        <v>2</v>
      </c>
      <c r="EQ20" s="61">
        <v>1</v>
      </c>
      <c r="ER20" s="62">
        <v>3</v>
      </c>
      <c r="ES20" s="443">
        <v>0</v>
      </c>
      <c r="ET20" s="61">
        <v>4</v>
      </c>
      <c r="EU20" s="61">
        <v>3</v>
      </c>
      <c r="EV20" s="61">
        <v>2</v>
      </c>
      <c r="EW20" s="61">
        <v>1</v>
      </c>
      <c r="EX20" s="61">
        <v>0</v>
      </c>
      <c r="EY20" s="62">
        <v>10</v>
      </c>
      <c r="EZ20" s="63">
        <v>13</v>
      </c>
      <c r="FA20" s="60">
        <v>3</v>
      </c>
      <c r="FB20" s="61">
        <v>1</v>
      </c>
      <c r="FC20" s="62">
        <v>4</v>
      </c>
      <c r="FD20" s="443">
        <v>0</v>
      </c>
      <c r="FE20" s="61">
        <v>3</v>
      </c>
      <c r="FF20" s="61">
        <v>5</v>
      </c>
      <c r="FG20" s="61">
        <v>0</v>
      </c>
      <c r="FH20" s="61">
        <v>3</v>
      </c>
      <c r="FI20" s="61">
        <v>0</v>
      </c>
      <c r="FJ20" s="62">
        <v>11</v>
      </c>
      <c r="FK20" s="63">
        <v>15</v>
      </c>
      <c r="FL20" s="60">
        <v>0</v>
      </c>
      <c r="FM20" s="61">
        <v>2</v>
      </c>
      <c r="FN20" s="62">
        <v>2</v>
      </c>
      <c r="FO20" s="443">
        <v>0</v>
      </c>
      <c r="FP20" s="61">
        <v>3</v>
      </c>
      <c r="FQ20" s="61">
        <v>7</v>
      </c>
      <c r="FR20" s="61">
        <v>5</v>
      </c>
      <c r="FS20" s="61">
        <v>8</v>
      </c>
      <c r="FT20" s="61">
        <v>5</v>
      </c>
      <c r="FU20" s="62">
        <v>28</v>
      </c>
      <c r="FV20" s="63">
        <v>30</v>
      </c>
      <c r="FW20" s="60">
        <v>0</v>
      </c>
      <c r="FX20" s="61">
        <v>0</v>
      </c>
      <c r="FY20" s="62">
        <v>0</v>
      </c>
      <c r="FZ20" s="443">
        <v>0</v>
      </c>
      <c r="GA20" s="61">
        <v>0</v>
      </c>
      <c r="GB20" s="61">
        <v>0</v>
      </c>
      <c r="GC20" s="61">
        <v>0</v>
      </c>
      <c r="GD20" s="61">
        <v>0</v>
      </c>
      <c r="GE20" s="61">
        <v>0</v>
      </c>
      <c r="GF20" s="62">
        <v>0</v>
      </c>
      <c r="GG20" s="63">
        <v>0</v>
      </c>
      <c r="GH20" s="60">
        <v>10</v>
      </c>
      <c r="GI20" s="61">
        <v>9</v>
      </c>
      <c r="GJ20" s="62">
        <v>19</v>
      </c>
      <c r="GK20" s="443">
        <v>0</v>
      </c>
      <c r="GL20" s="61">
        <v>10</v>
      </c>
      <c r="GM20" s="61">
        <v>18</v>
      </c>
      <c r="GN20" s="61">
        <v>8</v>
      </c>
      <c r="GO20" s="61">
        <v>13</v>
      </c>
      <c r="GP20" s="61">
        <v>5</v>
      </c>
      <c r="GQ20" s="62">
        <v>54</v>
      </c>
      <c r="GR20" s="63">
        <v>73</v>
      </c>
      <c r="GS20" s="113">
        <v>76</v>
      </c>
      <c r="GT20" s="72">
        <v>61</v>
      </c>
      <c r="GU20" s="73">
        <v>137</v>
      </c>
      <c r="GV20" s="443">
        <v>0</v>
      </c>
      <c r="GW20" s="72">
        <v>118</v>
      </c>
      <c r="GX20" s="72">
        <v>128</v>
      </c>
      <c r="GY20" s="72">
        <v>75</v>
      </c>
      <c r="GZ20" s="72">
        <v>46</v>
      </c>
      <c r="HA20" s="72">
        <v>33</v>
      </c>
      <c r="HB20" s="74">
        <v>400</v>
      </c>
      <c r="HC20" s="75">
        <v>537</v>
      </c>
      <c r="HD20" s="60">
        <v>2</v>
      </c>
      <c r="HE20" s="61">
        <v>3</v>
      </c>
      <c r="HF20" s="62">
        <v>5</v>
      </c>
      <c r="HG20" s="443">
        <v>0</v>
      </c>
      <c r="HH20" s="61">
        <v>2</v>
      </c>
      <c r="HI20" s="61">
        <v>3</v>
      </c>
      <c r="HJ20" s="61">
        <v>3</v>
      </c>
      <c r="HK20" s="61">
        <v>1</v>
      </c>
      <c r="HL20" s="61">
        <v>2</v>
      </c>
      <c r="HM20" s="62">
        <v>11</v>
      </c>
      <c r="HN20" s="63">
        <v>16</v>
      </c>
      <c r="HO20" s="60">
        <v>1</v>
      </c>
      <c r="HP20" s="61">
        <v>2</v>
      </c>
      <c r="HQ20" s="62">
        <v>3</v>
      </c>
      <c r="HR20" s="443">
        <v>0</v>
      </c>
      <c r="HS20" s="61">
        <v>7</v>
      </c>
      <c r="HT20" s="61">
        <v>3</v>
      </c>
      <c r="HU20" s="61">
        <v>4</v>
      </c>
      <c r="HV20" s="61">
        <v>2</v>
      </c>
      <c r="HW20" s="61">
        <v>1</v>
      </c>
      <c r="HX20" s="62">
        <v>17</v>
      </c>
      <c r="HY20" s="63">
        <v>20</v>
      </c>
      <c r="HZ20" s="60">
        <v>13</v>
      </c>
      <c r="IA20" s="61">
        <v>8</v>
      </c>
      <c r="IB20" s="62">
        <v>21</v>
      </c>
      <c r="IC20" s="443">
        <v>0</v>
      </c>
      <c r="ID20" s="61">
        <v>12</v>
      </c>
      <c r="IE20" s="61">
        <v>15</v>
      </c>
      <c r="IF20" s="61">
        <v>5</v>
      </c>
      <c r="IG20" s="61">
        <v>2</v>
      </c>
      <c r="IH20" s="61">
        <v>2</v>
      </c>
      <c r="II20" s="62">
        <v>36</v>
      </c>
      <c r="IJ20" s="63">
        <v>57</v>
      </c>
      <c r="IK20" s="60">
        <v>20</v>
      </c>
      <c r="IL20" s="61">
        <v>15</v>
      </c>
      <c r="IM20" s="62">
        <v>35</v>
      </c>
      <c r="IN20" s="443">
        <v>0</v>
      </c>
      <c r="IO20" s="61">
        <v>30</v>
      </c>
      <c r="IP20" s="61">
        <v>31</v>
      </c>
      <c r="IQ20" s="61">
        <v>14</v>
      </c>
      <c r="IR20" s="61">
        <v>7</v>
      </c>
      <c r="IS20" s="61">
        <v>4</v>
      </c>
      <c r="IT20" s="62">
        <v>86</v>
      </c>
      <c r="IU20" s="63">
        <v>121</v>
      </c>
      <c r="IV20" s="60">
        <v>20</v>
      </c>
      <c r="IW20" s="61">
        <v>14</v>
      </c>
      <c r="IX20" s="62">
        <v>34</v>
      </c>
      <c r="IY20" s="443">
        <v>0</v>
      </c>
      <c r="IZ20" s="61">
        <v>37</v>
      </c>
      <c r="JA20" s="61">
        <v>41</v>
      </c>
      <c r="JB20" s="61">
        <v>25</v>
      </c>
      <c r="JC20" s="61">
        <v>14</v>
      </c>
      <c r="JD20" s="61">
        <v>8</v>
      </c>
      <c r="JE20" s="62">
        <v>125</v>
      </c>
      <c r="JF20" s="63">
        <v>159</v>
      </c>
      <c r="JG20" s="60">
        <v>20</v>
      </c>
      <c r="JH20" s="61">
        <v>19</v>
      </c>
      <c r="JI20" s="62">
        <v>39</v>
      </c>
      <c r="JJ20" s="443">
        <v>0</v>
      </c>
      <c r="JK20" s="61">
        <v>30</v>
      </c>
      <c r="JL20" s="61">
        <v>35</v>
      </c>
      <c r="JM20" s="61">
        <v>24</v>
      </c>
      <c r="JN20" s="61">
        <v>20</v>
      </c>
      <c r="JO20" s="61">
        <v>16</v>
      </c>
      <c r="JP20" s="62">
        <v>125</v>
      </c>
      <c r="JQ20" s="63">
        <v>164</v>
      </c>
      <c r="JR20" s="60">
        <v>0</v>
      </c>
      <c r="JS20" s="61">
        <v>0</v>
      </c>
      <c r="JT20" s="62">
        <v>0</v>
      </c>
      <c r="JU20" s="443">
        <v>0</v>
      </c>
      <c r="JV20" s="61">
        <v>0</v>
      </c>
      <c r="JW20" s="61">
        <v>0</v>
      </c>
      <c r="JX20" s="61">
        <v>0</v>
      </c>
      <c r="JY20" s="61">
        <v>0</v>
      </c>
      <c r="JZ20" s="61">
        <v>0</v>
      </c>
      <c r="KA20" s="62">
        <v>0</v>
      </c>
      <c r="KB20" s="63">
        <v>0</v>
      </c>
      <c r="KC20" s="60">
        <v>76</v>
      </c>
      <c r="KD20" s="61">
        <v>61</v>
      </c>
      <c r="KE20" s="62">
        <v>137</v>
      </c>
      <c r="KF20" s="443">
        <v>0</v>
      </c>
      <c r="KG20" s="61">
        <v>118</v>
      </c>
      <c r="KH20" s="61">
        <v>128</v>
      </c>
      <c r="KI20" s="61">
        <v>75</v>
      </c>
      <c r="KJ20" s="61">
        <v>46</v>
      </c>
      <c r="KK20" s="61">
        <v>33</v>
      </c>
      <c r="KL20" s="62">
        <v>400</v>
      </c>
      <c r="KM20" s="63">
        <v>537</v>
      </c>
    </row>
    <row r="21" spans="2:299" ht="21" customHeight="1" x14ac:dyDescent="0.2">
      <c r="B21" s="437" t="s">
        <v>18</v>
      </c>
      <c r="C21" s="287">
        <v>63</v>
      </c>
      <c r="D21" s="72">
        <v>79</v>
      </c>
      <c r="E21" s="73">
        <v>142</v>
      </c>
      <c r="F21" s="443">
        <v>0</v>
      </c>
      <c r="G21" s="72">
        <v>167</v>
      </c>
      <c r="H21" s="72">
        <v>121</v>
      </c>
      <c r="I21" s="72">
        <v>80</v>
      </c>
      <c r="J21" s="72">
        <v>60</v>
      </c>
      <c r="K21" s="72">
        <v>36</v>
      </c>
      <c r="L21" s="74">
        <v>464</v>
      </c>
      <c r="M21" s="75">
        <v>606</v>
      </c>
      <c r="N21" s="60">
        <v>1</v>
      </c>
      <c r="O21" s="61">
        <v>0</v>
      </c>
      <c r="P21" s="62">
        <v>1</v>
      </c>
      <c r="Q21" s="443">
        <v>0</v>
      </c>
      <c r="R21" s="61">
        <v>6</v>
      </c>
      <c r="S21" s="61">
        <v>2</v>
      </c>
      <c r="T21" s="61">
        <v>2</v>
      </c>
      <c r="U21" s="61">
        <v>3</v>
      </c>
      <c r="V21" s="61">
        <v>1</v>
      </c>
      <c r="W21" s="62">
        <v>14</v>
      </c>
      <c r="X21" s="63">
        <v>15</v>
      </c>
      <c r="Y21" s="60">
        <v>2</v>
      </c>
      <c r="Z21" s="61">
        <v>3</v>
      </c>
      <c r="AA21" s="62">
        <v>5</v>
      </c>
      <c r="AB21" s="443">
        <v>0</v>
      </c>
      <c r="AC21" s="61">
        <v>11</v>
      </c>
      <c r="AD21" s="61">
        <v>8</v>
      </c>
      <c r="AE21" s="61">
        <v>5</v>
      </c>
      <c r="AF21" s="61">
        <v>4</v>
      </c>
      <c r="AG21" s="61">
        <v>3</v>
      </c>
      <c r="AH21" s="62">
        <v>31</v>
      </c>
      <c r="AI21" s="63">
        <v>36</v>
      </c>
      <c r="AJ21" s="60">
        <v>8</v>
      </c>
      <c r="AK21" s="61">
        <v>8</v>
      </c>
      <c r="AL21" s="62">
        <v>16</v>
      </c>
      <c r="AM21" s="443">
        <v>0</v>
      </c>
      <c r="AN21" s="61">
        <v>10</v>
      </c>
      <c r="AO21" s="61">
        <v>5</v>
      </c>
      <c r="AP21" s="61">
        <v>4</v>
      </c>
      <c r="AQ21" s="61">
        <v>3</v>
      </c>
      <c r="AR21" s="61">
        <v>2</v>
      </c>
      <c r="AS21" s="62">
        <v>24</v>
      </c>
      <c r="AT21" s="63">
        <v>40</v>
      </c>
      <c r="AU21" s="60">
        <v>16</v>
      </c>
      <c r="AV21" s="61">
        <v>10</v>
      </c>
      <c r="AW21" s="62">
        <v>26</v>
      </c>
      <c r="AX21" s="443">
        <v>0</v>
      </c>
      <c r="AY21" s="61">
        <v>26</v>
      </c>
      <c r="AZ21" s="61">
        <v>28</v>
      </c>
      <c r="BA21" s="61">
        <v>8</v>
      </c>
      <c r="BB21" s="61">
        <v>13</v>
      </c>
      <c r="BC21" s="61">
        <v>7</v>
      </c>
      <c r="BD21" s="62">
        <v>82</v>
      </c>
      <c r="BE21" s="63">
        <v>108</v>
      </c>
      <c r="BF21" s="60">
        <v>18</v>
      </c>
      <c r="BG21" s="61">
        <v>29</v>
      </c>
      <c r="BH21" s="62">
        <v>47</v>
      </c>
      <c r="BI21" s="443">
        <v>0</v>
      </c>
      <c r="BJ21" s="61">
        <v>61</v>
      </c>
      <c r="BK21" s="61">
        <v>36</v>
      </c>
      <c r="BL21" s="61">
        <v>28</v>
      </c>
      <c r="BM21" s="61">
        <v>17</v>
      </c>
      <c r="BN21" s="61">
        <v>12</v>
      </c>
      <c r="BO21" s="62">
        <v>154</v>
      </c>
      <c r="BP21" s="63">
        <v>201</v>
      </c>
      <c r="BQ21" s="60">
        <v>18</v>
      </c>
      <c r="BR21" s="61">
        <v>29</v>
      </c>
      <c r="BS21" s="62">
        <v>47</v>
      </c>
      <c r="BT21" s="443">
        <v>0</v>
      </c>
      <c r="BU21" s="61">
        <v>53</v>
      </c>
      <c r="BV21" s="61">
        <v>42</v>
      </c>
      <c r="BW21" s="61">
        <v>33</v>
      </c>
      <c r="BX21" s="61">
        <v>20</v>
      </c>
      <c r="BY21" s="61">
        <v>11</v>
      </c>
      <c r="BZ21" s="62">
        <v>159</v>
      </c>
      <c r="CA21" s="63">
        <v>206</v>
      </c>
      <c r="CB21" s="60">
        <v>0</v>
      </c>
      <c r="CC21" s="61">
        <v>0</v>
      </c>
      <c r="CD21" s="62">
        <v>0</v>
      </c>
      <c r="CE21" s="443">
        <v>0</v>
      </c>
      <c r="CF21" s="61">
        <v>0</v>
      </c>
      <c r="CG21" s="61">
        <v>0</v>
      </c>
      <c r="CH21" s="61">
        <v>0</v>
      </c>
      <c r="CI21" s="61">
        <v>0</v>
      </c>
      <c r="CJ21" s="61">
        <v>0</v>
      </c>
      <c r="CK21" s="62">
        <v>0</v>
      </c>
      <c r="CL21" s="63">
        <v>0</v>
      </c>
      <c r="CM21" s="60">
        <v>63</v>
      </c>
      <c r="CN21" s="61">
        <v>79</v>
      </c>
      <c r="CO21" s="62">
        <v>142</v>
      </c>
      <c r="CP21" s="443">
        <v>0</v>
      </c>
      <c r="CQ21" s="61">
        <v>167</v>
      </c>
      <c r="CR21" s="61">
        <v>121</v>
      </c>
      <c r="CS21" s="61">
        <v>80</v>
      </c>
      <c r="CT21" s="61">
        <v>60</v>
      </c>
      <c r="CU21" s="61">
        <v>36</v>
      </c>
      <c r="CV21" s="62">
        <v>464</v>
      </c>
      <c r="CW21" s="63">
        <v>606</v>
      </c>
      <c r="CX21" s="113">
        <v>10</v>
      </c>
      <c r="CY21" s="72">
        <v>18</v>
      </c>
      <c r="CZ21" s="73">
        <v>28</v>
      </c>
      <c r="DA21" s="443">
        <v>0</v>
      </c>
      <c r="DB21" s="72">
        <v>21</v>
      </c>
      <c r="DC21" s="72">
        <v>12</v>
      </c>
      <c r="DD21" s="72">
        <v>9</v>
      </c>
      <c r="DE21" s="72">
        <v>5</v>
      </c>
      <c r="DF21" s="72">
        <v>4</v>
      </c>
      <c r="DG21" s="74">
        <v>51</v>
      </c>
      <c r="DH21" s="75">
        <v>79</v>
      </c>
      <c r="DI21" s="60">
        <v>0</v>
      </c>
      <c r="DJ21" s="61">
        <v>0</v>
      </c>
      <c r="DK21" s="62">
        <v>0</v>
      </c>
      <c r="DL21" s="443">
        <v>0</v>
      </c>
      <c r="DM21" s="61">
        <v>0</v>
      </c>
      <c r="DN21" s="61">
        <v>0</v>
      </c>
      <c r="DO21" s="61">
        <v>0</v>
      </c>
      <c r="DP21" s="61">
        <v>0</v>
      </c>
      <c r="DQ21" s="61">
        <v>1</v>
      </c>
      <c r="DR21" s="62">
        <v>1</v>
      </c>
      <c r="DS21" s="63">
        <v>1</v>
      </c>
      <c r="DT21" s="60">
        <v>0</v>
      </c>
      <c r="DU21" s="61">
        <v>4</v>
      </c>
      <c r="DV21" s="62">
        <v>4</v>
      </c>
      <c r="DW21" s="443">
        <v>0</v>
      </c>
      <c r="DX21" s="61">
        <v>0</v>
      </c>
      <c r="DY21" s="61">
        <v>2</v>
      </c>
      <c r="DZ21" s="61">
        <v>1</v>
      </c>
      <c r="EA21" s="61">
        <v>0</v>
      </c>
      <c r="EB21" s="61">
        <v>0</v>
      </c>
      <c r="EC21" s="62">
        <v>3</v>
      </c>
      <c r="ED21" s="63">
        <v>7</v>
      </c>
      <c r="EE21" s="60">
        <v>2</v>
      </c>
      <c r="EF21" s="61">
        <v>4</v>
      </c>
      <c r="EG21" s="62">
        <v>6</v>
      </c>
      <c r="EH21" s="443">
        <v>0</v>
      </c>
      <c r="EI21" s="61">
        <v>3</v>
      </c>
      <c r="EJ21" s="61">
        <v>0</v>
      </c>
      <c r="EK21" s="61">
        <v>0</v>
      </c>
      <c r="EL21" s="61">
        <v>0</v>
      </c>
      <c r="EM21" s="61">
        <v>0</v>
      </c>
      <c r="EN21" s="62">
        <v>3</v>
      </c>
      <c r="EO21" s="63">
        <v>9</v>
      </c>
      <c r="EP21" s="60">
        <v>3</v>
      </c>
      <c r="EQ21" s="61">
        <v>7</v>
      </c>
      <c r="ER21" s="62">
        <v>10</v>
      </c>
      <c r="ES21" s="443">
        <v>0</v>
      </c>
      <c r="ET21" s="61">
        <v>5</v>
      </c>
      <c r="EU21" s="61">
        <v>1</v>
      </c>
      <c r="EV21" s="61">
        <v>2</v>
      </c>
      <c r="EW21" s="61">
        <v>0</v>
      </c>
      <c r="EX21" s="61">
        <v>0</v>
      </c>
      <c r="EY21" s="62">
        <v>8</v>
      </c>
      <c r="EZ21" s="63">
        <v>18</v>
      </c>
      <c r="FA21" s="60">
        <v>2</v>
      </c>
      <c r="FB21" s="61">
        <v>1</v>
      </c>
      <c r="FC21" s="62">
        <v>3</v>
      </c>
      <c r="FD21" s="443">
        <v>0</v>
      </c>
      <c r="FE21" s="61">
        <v>7</v>
      </c>
      <c r="FF21" s="61">
        <v>5</v>
      </c>
      <c r="FG21" s="61">
        <v>2</v>
      </c>
      <c r="FH21" s="61">
        <v>1</v>
      </c>
      <c r="FI21" s="61">
        <v>1</v>
      </c>
      <c r="FJ21" s="62">
        <v>16</v>
      </c>
      <c r="FK21" s="63">
        <v>19</v>
      </c>
      <c r="FL21" s="60">
        <v>3</v>
      </c>
      <c r="FM21" s="61">
        <v>2</v>
      </c>
      <c r="FN21" s="62">
        <v>5</v>
      </c>
      <c r="FO21" s="443">
        <v>0</v>
      </c>
      <c r="FP21" s="61">
        <v>6</v>
      </c>
      <c r="FQ21" s="61">
        <v>4</v>
      </c>
      <c r="FR21" s="61">
        <v>4</v>
      </c>
      <c r="FS21" s="61">
        <v>4</v>
      </c>
      <c r="FT21" s="61">
        <v>2</v>
      </c>
      <c r="FU21" s="62">
        <v>20</v>
      </c>
      <c r="FV21" s="63">
        <v>25</v>
      </c>
      <c r="FW21" s="60">
        <v>0</v>
      </c>
      <c r="FX21" s="61">
        <v>0</v>
      </c>
      <c r="FY21" s="62">
        <v>0</v>
      </c>
      <c r="FZ21" s="443">
        <v>0</v>
      </c>
      <c r="GA21" s="61">
        <v>0</v>
      </c>
      <c r="GB21" s="61">
        <v>0</v>
      </c>
      <c r="GC21" s="61">
        <v>0</v>
      </c>
      <c r="GD21" s="61">
        <v>0</v>
      </c>
      <c r="GE21" s="61">
        <v>0</v>
      </c>
      <c r="GF21" s="62">
        <v>0</v>
      </c>
      <c r="GG21" s="63">
        <v>0</v>
      </c>
      <c r="GH21" s="60">
        <v>10</v>
      </c>
      <c r="GI21" s="61">
        <v>18</v>
      </c>
      <c r="GJ21" s="62">
        <v>28</v>
      </c>
      <c r="GK21" s="443">
        <v>0</v>
      </c>
      <c r="GL21" s="61">
        <v>21</v>
      </c>
      <c r="GM21" s="61">
        <v>12</v>
      </c>
      <c r="GN21" s="61">
        <v>9</v>
      </c>
      <c r="GO21" s="61">
        <v>5</v>
      </c>
      <c r="GP21" s="61">
        <v>4</v>
      </c>
      <c r="GQ21" s="62">
        <v>51</v>
      </c>
      <c r="GR21" s="63">
        <v>79</v>
      </c>
      <c r="GS21" s="113">
        <v>73</v>
      </c>
      <c r="GT21" s="72">
        <v>97</v>
      </c>
      <c r="GU21" s="73">
        <v>170</v>
      </c>
      <c r="GV21" s="443">
        <v>0</v>
      </c>
      <c r="GW21" s="72">
        <v>188</v>
      </c>
      <c r="GX21" s="72">
        <v>133</v>
      </c>
      <c r="GY21" s="72">
        <v>89</v>
      </c>
      <c r="GZ21" s="72">
        <v>65</v>
      </c>
      <c r="HA21" s="72">
        <v>40</v>
      </c>
      <c r="HB21" s="74">
        <v>515</v>
      </c>
      <c r="HC21" s="75">
        <v>685</v>
      </c>
      <c r="HD21" s="60">
        <v>1</v>
      </c>
      <c r="HE21" s="61">
        <v>0</v>
      </c>
      <c r="HF21" s="62">
        <v>1</v>
      </c>
      <c r="HG21" s="443">
        <v>0</v>
      </c>
      <c r="HH21" s="61">
        <v>6</v>
      </c>
      <c r="HI21" s="61">
        <v>2</v>
      </c>
      <c r="HJ21" s="61">
        <v>2</v>
      </c>
      <c r="HK21" s="61">
        <v>3</v>
      </c>
      <c r="HL21" s="61">
        <v>2</v>
      </c>
      <c r="HM21" s="62">
        <v>15</v>
      </c>
      <c r="HN21" s="63">
        <v>16</v>
      </c>
      <c r="HO21" s="60">
        <v>2</v>
      </c>
      <c r="HP21" s="61">
        <v>7</v>
      </c>
      <c r="HQ21" s="62">
        <v>9</v>
      </c>
      <c r="HR21" s="443">
        <v>0</v>
      </c>
      <c r="HS21" s="61">
        <v>11</v>
      </c>
      <c r="HT21" s="61">
        <v>10</v>
      </c>
      <c r="HU21" s="61">
        <v>6</v>
      </c>
      <c r="HV21" s="61">
        <v>4</v>
      </c>
      <c r="HW21" s="61">
        <v>3</v>
      </c>
      <c r="HX21" s="62">
        <v>34</v>
      </c>
      <c r="HY21" s="63">
        <v>43</v>
      </c>
      <c r="HZ21" s="60">
        <v>10</v>
      </c>
      <c r="IA21" s="61">
        <v>12</v>
      </c>
      <c r="IB21" s="62">
        <v>22</v>
      </c>
      <c r="IC21" s="443">
        <v>0</v>
      </c>
      <c r="ID21" s="61">
        <v>13</v>
      </c>
      <c r="IE21" s="61">
        <v>5</v>
      </c>
      <c r="IF21" s="61">
        <v>4</v>
      </c>
      <c r="IG21" s="61">
        <v>3</v>
      </c>
      <c r="IH21" s="61">
        <v>2</v>
      </c>
      <c r="II21" s="62">
        <v>27</v>
      </c>
      <c r="IJ21" s="63">
        <v>49</v>
      </c>
      <c r="IK21" s="60">
        <v>19</v>
      </c>
      <c r="IL21" s="61">
        <v>17</v>
      </c>
      <c r="IM21" s="62">
        <v>36</v>
      </c>
      <c r="IN21" s="443">
        <v>0</v>
      </c>
      <c r="IO21" s="61">
        <v>31</v>
      </c>
      <c r="IP21" s="61">
        <v>29</v>
      </c>
      <c r="IQ21" s="61">
        <v>10</v>
      </c>
      <c r="IR21" s="61">
        <v>13</v>
      </c>
      <c r="IS21" s="61">
        <v>7</v>
      </c>
      <c r="IT21" s="62">
        <v>90</v>
      </c>
      <c r="IU21" s="63">
        <v>126</v>
      </c>
      <c r="IV21" s="60">
        <v>20</v>
      </c>
      <c r="IW21" s="61">
        <v>30</v>
      </c>
      <c r="IX21" s="62">
        <v>50</v>
      </c>
      <c r="IY21" s="443">
        <v>0</v>
      </c>
      <c r="IZ21" s="61">
        <v>68</v>
      </c>
      <c r="JA21" s="61">
        <v>41</v>
      </c>
      <c r="JB21" s="61">
        <v>30</v>
      </c>
      <c r="JC21" s="61">
        <v>18</v>
      </c>
      <c r="JD21" s="61">
        <v>13</v>
      </c>
      <c r="JE21" s="62">
        <v>170</v>
      </c>
      <c r="JF21" s="63">
        <v>220</v>
      </c>
      <c r="JG21" s="60">
        <v>21</v>
      </c>
      <c r="JH21" s="61">
        <v>31</v>
      </c>
      <c r="JI21" s="62">
        <v>52</v>
      </c>
      <c r="JJ21" s="443">
        <v>0</v>
      </c>
      <c r="JK21" s="61">
        <v>59</v>
      </c>
      <c r="JL21" s="61">
        <v>46</v>
      </c>
      <c r="JM21" s="61">
        <v>37</v>
      </c>
      <c r="JN21" s="61">
        <v>24</v>
      </c>
      <c r="JO21" s="61">
        <v>13</v>
      </c>
      <c r="JP21" s="62">
        <v>179</v>
      </c>
      <c r="JQ21" s="63">
        <v>231</v>
      </c>
      <c r="JR21" s="60">
        <v>0</v>
      </c>
      <c r="JS21" s="61">
        <v>0</v>
      </c>
      <c r="JT21" s="62">
        <v>0</v>
      </c>
      <c r="JU21" s="443">
        <v>0</v>
      </c>
      <c r="JV21" s="61">
        <v>0</v>
      </c>
      <c r="JW21" s="61">
        <v>0</v>
      </c>
      <c r="JX21" s="61">
        <v>0</v>
      </c>
      <c r="JY21" s="61">
        <v>0</v>
      </c>
      <c r="JZ21" s="61">
        <v>0</v>
      </c>
      <c r="KA21" s="62">
        <v>0</v>
      </c>
      <c r="KB21" s="63">
        <v>0</v>
      </c>
      <c r="KC21" s="60">
        <v>73</v>
      </c>
      <c r="KD21" s="61">
        <v>97</v>
      </c>
      <c r="KE21" s="62">
        <v>170</v>
      </c>
      <c r="KF21" s="443">
        <v>0</v>
      </c>
      <c r="KG21" s="61">
        <v>188</v>
      </c>
      <c r="KH21" s="61">
        <v>133</v>
      </c>
      <c r="KI21" s="61">
        <v>89</v>
      </c>
      <c r="KJ21" s="61">
        <v>65</v>
      </c>
      <c r="KK21" s="61">
        <v>40</v>
      </c>
      <c r="KL21" s="62">
        <v>515</v>
      </c>
      <c r="KM21" s="63">
        <v>685</v>
      </c>
    </row>
    <row r="22" spans="2:299" ht="21" customHeight="1" x14ac:dyDescent="0.2">
      <c r="B22" s="437" t="s">
        <v>19</v>
      </c>
      <c r="C22" s="287">
        <v>39</v>
      </c>
      <c r="D22" s="72">
        <v>35</v>
      </c>
      <c r="E22" s="73">
        <v>74</v>
      </c>
      <c r="F22" s="443">
        <v>0</v>
      </c>
      <c r="G22" s="72">
        <v>72</v>
      </c>
      <c r="H22" s="72">
        <v>43</v>
      </c>
      <c r="I22" s="72">
        <v>30</v>
      </c>
      <c r="J22" s="72">
        <v>20</v>
      </c>
      <c r="K22" s="72">
        <v>25</v>
      </c>
      <c r="L22" s="74">
        <v>190</v>
      </c>
      <c r="M22" s="75">
        <v>264</v>
      </c>
      <c r="N22" s="76">
        <v>0</v>
      </c>
      <c r="O22" s="61">
        <v>2</v>
      </c>
      <c r="P22" s="62">
        <v>2</v>
      </c>
      <c r="Q22" s="443">
        <v>0</v>
      </c>
      <c r="R22" s="61">
        <v>1</v>
      </c>
      <c r="S22" s="61">
        <v>1</v>
      </c>
      <c r="T22" s="61">
        <v>1</v>
      </c>
      <c r="U22" s="61">
        <v>0</v>
      </c>
      <c r="V22" s="61">
        <v>1</v>
      </c>
      <c r="W22" s="62">
        <v>4</v>
      </c>
      <c r="X22" s="63">
        <v>6</v>
      </c>
      <c r="Y22" s="60">
        <v>0</v>
      </c>
      <c r="Z22" s="61">
        <v>0</v>
      </c>
      <c r="AA22" s="62">
        <v>0</v>
      </c>
      <c r="AB22" s="443">
        <v>0</v>
      </c>
      <c r="AC22" s="61">
        <v>3</v>
      </c>
      <c r="AD22" s="61">
        <v>3</v>
      </c>
      <c r="AE22" s="61">
        <v>0</v>
      </c>
      <c r="AF22" s="61">
        <v>1</v>
      </c>
      <c r="AG22" s="61">
        <v>0</v>
      </c>
      <c r="AH22" s="62">
        <v>7</v>
      </c>
      <c r="AI22" s="63">
        <v>7</v>
      </c>
      <c r="AJ22" s="76">
        <v>2</v>
      </c>
      <c r="AK22" s="61">
        <v>2</v>
      </c>
      <c r="AL22" s="62">
        <v>4</v>
      </c>
      <c r="AM22" s="443">
        <v>0</v>
      </c>
      <c r="AN22" s="61">
        <v>7</v>
      </c>
      <c r="AO22" s="61">
        <v>2</v>
      </c>
      <c r="AP22" s="61">
        <v>1</v>
      </c>
      <c r="AQ22" s="61">
        <v>0</v>
      </c>
      <c r="AR22" s="61">
        <v>1</v>
      </c>
      <c r="AS22" s="62">
        <v>11</v>
      </c>
      <c r="AT22" s="63">
        <v>15</v>
      </c>
      <c r="AU22" s="60">
        <v>9</v>
      </c>
      <c r="AV22" s="61">
        <v>7</v>
      </c>
      <c r="AW22" s="62">
        <v>16</v>
      </c>
      <c r="AX22" s="443">
        <v>0</v>
      </c>
      <c r="AY22" s="61">
        <v>11</v>
      </c>
      <c r="AZ22" s="61">
        <v>6</v>
      </c>
      <c r="BA22" s="61">
        <v>7</v>
      </c>
      <c r="BB22" s="61">
        <v>5</v>
      </c>
      <c r="BC22" s="61">
        <v>6</v>
      </c>
      <c r="BD22" s="62">
        <v>35</v>
      </c>
      <c r="BE22" s="63">
        <v>51</v>
      </c>
      <c r="BF22" s="76">
        <v>14</v>
      </c>
      <c r="BG22" s="61">
        <v>13</v>
      </c>
      <c r="BH22" s="62">
        <v>27</v>
      </c>
      <c r="BI22" s="443">
        <v>0</v>
      </c>
      <c r="BJ22" s="61">
        <v>32</v>
      </c>
      <c r="BK22" s="61">
        <v>9</v>
      </c>
      <c r="BL22" s="61">
        <v>10</v>
      </c>
      <c r="BM22" s="61">
        <v>9</v>
      </c>
      <c r="BN22" s="61">
        <v>12</v>
      </c>
      <c r="BO22" s="62">
        <v>72</v>
      </c>
      <c r="BP22" s="63">
        <v>99</v>
      </c>
      <c r="BQ22" s="60">
        <v>14</v>
      </c>
      <c r="BR22" s="61">
        <v>11</v>
      </c>
      <c r="BS22" s="62">
        <v>25</v>
      </c>
      <c r="BT22" s="443">
        <v>0</v>
      </c>
      <c r="BU22" s="61">
        <v>18</v>
      </c>
      <c r="BV22" s="61">
        <v>22</v>
      </c>
      <c r="BW22" s="61">
        <v>11</v>
      </c>
      <c r="BX22" s="61">
        <v>5</v>
      </c>
      <c r="BY22" s="61">
        <v>5</v>
      </c>
      <c r="BZ22" s="62">
        <v>61</v>
      </c>
      <c r="CA22" s="63">
        <v>86</v>
      </c>
      <c r="CB22" s="60">
        <v>0</v>
      </c>
      <c r="CC22" s="61">
        <v>0</v>
      </c>
      <c r="CD22" s="62">
        <v>0</v>
      </c>
      <c r="CE22" s="443">
        <v>0</v>
      </c>
      <c r="CF22" s="61">
        <v>0</v>
      </c>
      <c r="CG22" s="61">
        <v>0</v>
      </c>
      <c r="CH22" s="61">
        <v>0</v>
      </c>
      <c r="CI22" s="61">
        <v>0</v>
      </c>
      <c r="CJ22" s="61">
        <v>0</v>
      </c>
      <c r="CK22" s="62">
        <v>0</v>
      </c>
      <c r="CL22" s="63">
        <v>0</v>
      </c>
      <c r="CM22" s="60">
        <v>39</v>
      </c>
      <c r="CN22" s="61">
        <v>35</v>
      </c>
      <c r="CO22" s="62">
        <v>74</v>
      </c>
      <c r="CP22" s="443">
        <v>0</v>
      </c>
      <c r="CQ22" s="61">
        <v>72</v>
      </c>
      <c r="CR22" s="61">
        <v>43</v>
      </c>
      <c r="CS22" s="61">
        <v>30</v>
      </c>
      <c r="CT22" s="61">
        <v>20</v>
      </c>
      <c r="CU22" s="61">
        <v>25</v>
      </c>
      <c r="CV22" s="62">
        <v>190</v>
      </c>
      <c r="CW22" s="63">
        <v>264</v>
      </c>
      <c r="CX22" s="113">
        <v>3</v>
      </c>
      <c r="CY22" s="72">
        <v>6</v>
      </c>
      <c r="CZ22" s="73">
        <v>9</v>
      </c>
      <c r="DA22" s="443">
        <v>0</v>
      </c>
      <c r="DB22" s="72">
        <v>11</v>
      </c>
      <c r="DC22" s="72">
        <v>6</v>
      </c>
      <c r="DD22" s="72">
        <v>6</v>
      </c>
      <c r="DE22" s="72">
        <v>4</v>
      </c>
      <c r="DF22" s="72">
        <v>5</v>
      </c>
      <c r="DG22" s="74">
        <v>32</v>
      </c>
      <c r="DH22" s="75">
        <v>41</v>
      </c>
      <c r="DI22" s="76">
        <v>1</v>
      </c>
      <c r="DJ22" s="61">
        <v>0</v>
      </c>
      <c r="DK22" s="62">
        <v>1</v>
      </c>
      <c r="DL22" s="443">
        <v>0</v>
      </c>
      <c r="DM22" s="61">
        <v>0</v>
      </c>
      <c r="DN22" s="61">
        <v>1</v>
      </c>
      <c r="DO22" s="61">
        <v>0</v>
      </c>
      <c r="DP22" s="61">
        <v>0</v>
      </c>
      <c r="DQ22" s="61">
        <v>0</v>
      </c>
      <c r="DR22" s="62">
        <v>1</v>
      </c>
      <c r="DS22" s="63">
        <v>2</v>
      </c>
      <c r="DT22" s="60">
        <v>0</v>
      </c>
      <c r="DU22" s="61">
        <v>0</v>
      </c>
      <c r="DV22" s="62">
        <v>0</v>
      </c>
      <c r="DW22" s="443">
        <v>0</v>
      </c>
      <c r="DX22" s="61">
        <v>0</v>
      </c>
      <c r="DY22" s="61">
        <v>0</v>
      </c>
      <c r="DZ22" s="61">
        <v>0</v>
      </c>
      <c r="EA22" s="61">
        <v>0</v>
      </c>
      <c r="EB22" s="61">
        <v>0</v>
      </c>
      <c r="EC22" s="62">
        <v>0</v>
      </c>
      <c r="ED22" s="63">
        <v>0</v>
      </c>
      <c r="EE22" s="76">
        <v>0</v>
      </c>
      <c r="EF22" s="61">
        <v>1</v>
      </c>
      <c r="EG22" s="62">
        <v>1</v>
      </c>
      <c r="EH22" s="443">
        <v>0</v>
      </c>
      <c r="EI22" s="61">
        <v>0</v>
      </c>
      <c r="EJ22" s="61">
        <v>0</v>
      </c>
      <c r="EK22" s="61">
        <v>0</v>
      </c>
      <c r="EL22" s="61">
        <v>1</v>
      </c>
      <c r="EM22" s="61">
        <v>0</v>
      </c>
      <c r="EN22" s="62">
        <v>1</v>
      </c>
      <c r="EO22" s="63">
        <v>2</v>
      </c>
      <c r="EP22" s="60">
        <v>2</v>
      </c>
      <c r="EQ22" s="61">
        <v>3</v>
      </c>
      <c r="ER22" s="62">
        <v>5</v>
      </c>
      <c r="ES22" s="443">
        <v>0</v>
      </c>
      <c r="ET22" s="61">
        <v>4</v>
      </c>
      <c r="EU22" s="61">
        <v>1</v>
      </c>
      <c r="EV22" s="61">
        <v>1</v>
      </c>
      <c r="EW22" s="61">
        <v>0</v>
      </c>
      <c r="EX22" s="61">
        <v>0</v>
      </c>
      <c r="EY22" s="62">
        <v>6</v>
      </c>
      <c r="EZ22" s="63">
        <v>11</v>
      </c>
      <c r="FA22" s="76">
        <v>0</v>
      </c>
      <c r="FB22" s="61">
        <v>1</v>
      </c>
      <c r="FC22" s="62">
        <v>1</v>
      </c>
      <c r="FD22" s="443">
        <v>0</v>
      </c>
      <c r="FE22" s="61">
        <v>4</v>
      </c>
      <c r="FF22" s="61">
        <v>2</v>
      </c>
      <c r="FG22" s="61">
        <v>1</v>
      </c>
      <c r="FH22" s="61">
        <v>2</v>
      </c>
      <c r="FI22" s="61">
        <v>1</v>
      </c>
      <c r="FJ22" s="62">
        <v>10</v>
      </c>
      <c r="FK22" s="63">
        <v>11</v>
      </c>
      <c r="FL22" s="60">
        <v>0</v>
      </c>
      <c r="FM22" s="61">
        <v>1</v>
      </c>
      <c r="FN22" s="62">
        <v>1</v>
      </c>
      <c r="FO22" s="443">
        <v>0</v>
      </c>
      <c r="FP22" s="61">
        <v>3</v>
      </c>
      <c r="FQ22" s="61">
        <v>2</v>
      </c>
      <c r="FR22" s="61">
        <v>4</v>
      </c>
      <c r="FS22" s="61">
        <v>1</v>
      </c>
      <c r="FT22" s="61">
        <v>4</v>
      </c>
      <c r="FU22" s="62">
        <v>14</v>
      </c>
      <c r="FV22" s="63">
        <v>15</v>
      </c>
      <c r="FW22" s="60">
        <v>0</v>
      </c>
      <c r="FX22" s="61">
        <v>0</v>
      </c>
      <c r="FY22" s="62">
        <v>0</v>
      </c>
      <c r="FZ22" s="443">
        <v>0</v>
      </c>
      <c r="GA22" s="61">
        <v>0</v>
      </c>
      <c r="GB22" s="61">
        <v>0</v>
      </c>
      <c r="GC22" s="61">
        <v>0</v>
      </c>
      <c r="GD22" s="61">
        <v>0</v>
      </c>
      <c r="GE22" s="61">
        <v>0</v>
      </c>
      <c r="GF22" s="62">
        <v>0</v>
      </c>
      <c r="GG22" s="63">
        <v>0</v>
      </c>
      <c r="GH22" s="60">
        <v>3</v>
      </c>
      <c r="GI22" s="61">
        <v>6</v>
      </c>
      <c r="GJ22" s="62">
        <v>9</v>
      </c>
      <c r="GK22" s="443">
        <v>0</v>
      </c>
      <c r="GL22" s="61">
        <v>11</v>
      </c>
      <c r="GM22" s="61">
        <v>6</v>
      </c>
      <c r="GN22" s="61">
        <v>6</v>
      </c>
      <c r="GO22" s="61">
        <v>4</v>
      </c>
      <c r="GP22" s="61">
        <v>5</v>
      </c>
      <c r="GQ22" s="62">
        <v>32</v>
      </c>
      <c r="GR22" s="63">
        <v>41</v>
      </c>
      <c r="GS22" s="113">
        <v>42</v>
      </c>
      <c r="GT22" s="72">
        <v>41</v>
      </c>
      <c r="GU22" s="73">
        <v>83</v>
      </c>
      <c r="GV22" s="443">
        <v>0</v>
      </c>
      <c r="GW22" s="72">
        <v>83</v>
      </c>
      <c r="GX22" s="72">
        <v>49</v>
      </c>
      <c r="GY22" s="72">
        <v>36</v>
      </c>
      <c r="GZ22" s="72">
        <v>24</v>
      </c>
      <c r="HA22" s="72">
        <v>30</v>
      </c>
      <c r="HB22" s="74">
        <v>222</v>
      </c>
      <c r="HC22" s="75">
        <v>305</v>
      </c>
      <c r="HD22" s="76">
        <v>1</v>
      </c>
      <c r="HE22" s="61">
        <v>2</v>
      </c>
      <c r="HF22" s="62">
        <v>3</v>
      </c>
      <c r="HG22" s="443">
        <v>0</v>
      </c>
      <c r="HH22" s="61">
        <v>1</v>
      </c>
      <c r="HI22" s="61">
        <v>2</v>
      </c>
      <c r="HJ22" s="61">
        <v>1</v>
      </c>
      <c r="HK22" s="61">
        <v>0</v>
      </c>
      <c r="HL22" s="61">
        <v>1</v>
      </c>
      <c r="HM22" s="62">
        <v>5</v>
      </c>
      <c r="HN22" s="63">
        <v>8</v>
      </c>
      <c r="HO22" s="60">
        <v>0</v>
      </c>
      <c r="HP22" s="61">
        <v>0</v>
      </c>
      <c r="HQ22" s="62">
        <v>0</v>
      </c>
      <c r="HR22" s="443">
        <v>0</v>
      </c>
      <c r="HS22" s="61">
        <v>3</v>
      </c>
      <c r="HT22" s="61">
        <v>3</v>
      </c>
      <c r="HU22" s="61">
        <v>0</v>
      </c>
      <c r="HV22" s="61">
        <v>1</v>
      </c>
      <c r="HW22" s="61">
        <v>0</v>
      </c>
      <c r="HX22" s="62">
        <v>7</v>
      </c>
      <c r="HY22" s="63">
        <v>7</v>
      </c>
      <c r="HZ22" s="76">
        <v>2</v>
      </c>
      <c r="IA22" s="61">
        <v>3</v>
      </c>
      <c r="IB22" s="62">
        <v>5</v>
      </c>
      <c r="IC22" s="443">
        <v>0</v>
      </c>
      <c r="ID22" s="61">
        <v>7</v>
      </c>
      <c r="IE22" s="61">
        <v>2</v>
      </c>
      <c r="IF22" s="61">
        <v>1</v>
      </c>
      <c r="IG22" s="61">
        <v>1</v>
      </c>
      <c r="IH22" s="61">
        <v>1</v>
      </c>
      <c r="II22" s="62">
        <v>12</v>
      </c>
      <c r="IJ22" s="63">
        <v>17</v>
      </c>
      <c r="IK22" s="60">
        <v>11</v>
      </c>
      <c r="IL22" s="61">
        <v>10</v>
      </c>
      <c r="IM22" s="62">
        <v>21</v>
      </c>
      <c r="IN22" s="443">
        <v>0</v>
      </c>
      <c r="IO22" s="61">
        <v>15</v>
      </c>
      <c r="IP22" s="61">
        <v>7</v>
      </c>
      <c r="IQ22" s="61">
        <v>8</v>
      </c>
      <c r="IR22" s="61">
        <v>5</v>
      </c>
      <c r="IS22" s="61">
        <v>6</v>
      </c>
      <c r="IT22" s="62">
        <v>41</v>
      </c>
      <c r="IU22" s="63">
        <v>62</v>
      </c>
      <c r="IV22" s="76">
        <v>14</v>
      </c>
      <c r="IW22" s="61">
        <v>14</v>
      </c>
      <c r="IX22" s="62">
        <v>28</v>
      </c>
      <c r="IY22" s="443">
        <v>0</v>
      </c>
      <c r="IZ22" s="61">
        <v>36</v>
      </c>
      <c r="JA22" s="61">
        <v>11</v>
      </c>
      <c r="JB22" s="61">
        <v>11</v>
      </c>
      <c r="JC22" s="61">
        <v>11</v>
      </c>
      <c r="JD22" s="61">
        <v>13</v>
      </c>
      <c r="JE22" s="62">
        <v>82</v>
      </c>
      <c r="JF22" s="63">
        <v>110</v>
      </c>
      <c r="JG22" s="60">
        <v>14</v>
      </c>
      <c r="JH22" s="61">
        <v>12</v>
      </c>
      <c r="JI22" s="62">
        <v>26</v>
      </c>
      <c r="JJ22" s="443">
        <v>0</v>
      </c>
      <c r="JK22" s="61">
        <v>21</v>
      </c>
      <c r="JL22" s="61">
        <v>24</v>
      </c>
      <c r="JM22" s="61">
        <v>15</v>
      </c>
      <c r="JN22" s="61">
        <v>6</v>
      </c>
      <c r="JO22" s="61">
        <v>9</v>
      </c>
      <c r="JP22" s="62">
        <v>75</v>
      </c>
      <c r="JQ22" s="63">
        <v>101</v>
      </c>
      <c r="JR22" s="60">
        <v>0</v>
      </c>
      <c r="JS22" s="61">
        <v>0</v>
      </c>
      <c r="JT22" s="62">
        <v>0</v>
      </c>
      <c r="JU22" s="443">
        <v>0</v>
      </c>
      <c r="JV22" s="61">
        <v>0</v>
      </c>
      <c r="JW22" s="61">
        <v>0</v>
      </c>
      <c r="JX22" s="61">
        <v>0</v>
      </c>
      <c r="JY22" s="61">
        <v>0</v>
      </c>
      <c r="JZ22" s="61">
        <v>0</v>
      </c>
      <c r="KA22" s="62">
        <v>0</v>
      </c>
      <c r="KB22" s="63">
        <v>0</v>
      </c>
      <c r="KC22" s="60">
        <v>42</v>
      </c>
      <c r="KD22" s="61">
        <v>41</v>
      </c>
      <c r="KE22" s="62">
        <v>83</v>
      </c>
      <c r="KF22" s="443">
        <v>0</v>
      </c>
      <c r="KG22" s="61">
        <v>83</v>
      </c>
      <c r="KH22" s="61">
        <v>49</v>
      </c>
      <c r="KI22" s="61">
        <v>36</v>
      </c>
      <c r="KJ22" s="61">
        <v>24</v>
      </c>
      <c r="KK22" s="61">
        <v>30</v>
      </c>
      <c r="KL22" s="62">
        <v>222</v>
      </c>
      <c r="KM22" s="63">
        <v>305</v>
      </c>
    </row>
    <row r="23" spans="2:299" ht="21" customHeight="1" x14ac:dyDescent="0.2">
      <c r="B23" s="437" t="s">
        <v>20</v>
      </c>
      <c r="C23" s="287">
        <v>62</v>
      </c>
      <c r="D23" s="72">
        <v>68</v>
      </c>
      <c r="E23" s="73">
        <v>130</v>
      </c>
      <c r="F23" s="443">
        <v>0</v>
      </c>
      <c r="G23" s="72">
        <v>122</v>
      </c>
      <c r="H23" s="72">
        <v>73</v>
      </c>
      <c r="I23" s="72">
        <v>46</v>
      </c>
      <c r="J23" s="72">
        <v>38</v>
      </c>
      <c r="K23" s="72">
        <v>20</v>
      </c>
      <c r="L23" s="74">
        <v>299</v>
      </c>
      <c r="M23" s="75">
        <v>429</v>
      </c>
      <c r="N23" s="60">
        <v>0</v>
      </c>
      <c r="O23" s="61">
        <v>2</v>
      </c>
      <c r="P23" s="62">
        <v>2</v>
      </c>
      <c r="Q23" s="443">
        <v>0</v>
      </c>
      <c r="R23" s="61">
        <v>1</v>
      </c>
      <c r="S23" s="61">
        <v>1</v>
      </c>
      <c r="T23" s="61">
        <v>3</v>
      </c>
      <c r="U23" s="61">
        <v>0</v>
      </c>
      <c r="V23" s="61">
        <v>0</v>
      </c>
      <c r="W23" s="62">
        <v>5</v>
      </c>
      <c r="X23" s="63">
        <v>7</v>
      </c>
      <c r="Y23" s="60">
        <v>2</v>
      </c>
      <c r="Z23" s="61">
        <v>1</v>
      </c>
      <c r="AA23" s="62">
        <v>3</v>
      </c>
      <c r="AB23" s="443">
        <v>0</v>
      </c>
      <c r="AC23" s="61">
        <v>5</v>
      </c>
      <c r="AD23" s="61">
        <v>4</v>
      </c>
      <c r="AE23" s="61">
        <v>2</v>
      </c>
      <c r="AF23" s="61">
        <v>2</v>
      </c>
      <c r="AG23" s="61">
        <v>0</v>
      </c>
      <c r="AH23" s="62">
        <v>13</v>
      </c>
      <c r="AI23" s="63">
        <v>16</v>
      </c>
      <c r="AJ23" s="60">
        <v>9</v>
      </c>
      <c r="AK23" s="61">
        <v>5</v>
      </c>
      <c r="AL23" s="62">
        <v>14</v>
      </c>
      <c r="AM23" s="443">
        <v>0</v>
      </c>
      <c r="AN23" s="61">
        <v>11</v>
      </c>
      <c r="AO23" s="61">
        <v>5</v>
      </c>
      <c r="AP23" s="61">
        <v>7</v>
      </c>
      <c r="AQ23" s="61">
        <v>5</v>
      </c>
      <c r="AR23" s="61">
        <v>3</v>
      </c>
      <c r="AS23" s="62">
        <v>31</v>
      </c>
      <c r="AT23" s="63">
        <v>45</v>
      </c>
      <c r="AU23" s="60">
        <v>12</v>
      </c>
      <c r="AV23" s="61">
        <v>13</v>
      </c>
      <c r="AW23" s="62">
        <v>25</v>
      </c>
      <c r="AX23" s="443">
        <v>0</v>
      </c>
      <c r="AY23" s="61">
        <v>35</v>
      </c>
      <c r="AZ23" s="61">
        <v>17</v>
      </c>
      <c r="BA23" s="61">
        <v>10</v>
      </c>
      <c r="BB23" s="61">
        <v>12</v>
      </c>
      <c r="BC23" s="61">
        <v>6</v>
      </c>
      <c r="BD23" s="62">
        <v>80</v>
      </c>
      <c r="BE23" s="63">
        <v>105</v>
      </c>
      <c r="BF23" s="60">
        <v>24</v>
      </c>
      <c r="BG23" s="61">
        <v>28</v>
      </c>
      <c r="BH23" s="62">
        <v>52</v>
      </c>
      <c r="BI23" s="443">
        <v>0</v>
      </c>
      <c r="BJ23" s="61">
        <v>39</v>
      </c>
      <c r="BK23" s="61">
        <v>23</v>
      </c>
      <c r="BL23" s="61">
        <v>14</v>
      </c>
      <c r="BM23" s="61">
        <v>10</v>
      </c>
      <c r="BN23" s="61">
        <v>6</v>
      </c>
      <c r="BO23" s="62">
        <v>92</v>
      </c>
      <c r="BP23" s="63">
        <v>144</v>
      </c>
      <c r="BQ23" s="60">
        <v>15</v>
      </c>
      <c r="BR23" s="61">
        <v>19</v>
      </c>
      <c r="BS23" s="62">
        <v>34</v>
      </c>
      <c r="BT23" s="443">
        <v>0</v>
      </c>
      <c r="BU23" s="61">
        <v>31</v>
      </c>
      <c r="BV23" s="61">
        <v>23</v>
      </c>
      <c r="BW23" s="61">
        <v>10</v>
      </c>
      <c r="BX23" s="61">
        <v>9</v>
      </c>
      <c r="BY23" s="61">
        <v>5</v>
      </c>
      <c r="BZ23" s="62">
        <v>78</v>
      </c>
      <c r="CA23" s="63">
        <v>112</v>
      </c>
      <c r="CB23" s="60">
        <v>0</v>
      </c>
      <c r="CC23" s="61">
        <v>0</v>
      </c>
      <c r="CD23" s="62">
        <v>0</v>
      </c>
      <c r="CE23" s="443">
        <v>0</v>
      </c>
      <c r="CF23" s="61">
        <v>0</v>
      </c>
      <c r="CG23" s="61">
        <v>0</v>
      </c>
      <c r="CH23" s="61">
        <v>0</v>
      </c>
      <c r="CI23" s="61">
        <v>0</v>
      </c>
      <c r="CJ23" s="61">
        <v>0</v>
      </c>
      <c r="CK23" s="62">
        <v>0</v>
      </c>
      <c r="CL23" s="63">
        <v>0</v>
      </c>
      <c r="CM23" s="60">
        <v>62</v>
      </c>
      <c r="CN23" s="61">
        <v>68</v>
      </c>
      <c r="CO23" s="62">
        <v>130</v>
      </c>
      <c r="CP23" s="443">
        <v>0</v>
      </c>
      <c r="CQ23" s="61">
        <v>122</v>
      </c>
      <c r="CR23" s="61">
        <v>73</v>
      </c>
      <c r="CS23" s="61">
        <v>46</v>
      </c>
      <c r="CT23" s="61">
        <v>38</v>
      </c>
      <c r="CU23" s="61">
        <v>20</v>
      </c>
      <c r="CV23" s="62">
        <v>299</v>
      </c>
      <c r="CW23" s="63">
        <v>429</v>
      </c>
      <c r="CX23" s="113">
        <v>8</v>
      </c>
      <c r="CY23" s="72">
        <v>12</v>
      </c>
      <c r="CZ23" s="73">
        <v>20</v>
      </c>
      <c r="DA23" s="443">
        <v>0</v>
      </c>
      <c r="DB23" s="72">
        <v>16</v>
      </c>
      <c r="DC23" s="72">
        <v>5</v>
      </c>
      <c r="DD23" s="72">
        <v>3</v>
      </c>
      <c r="DE23" s="72">
        <v>6</v>
      </c>
      <c r="DF23" s="72">
        <v>2</v>
      </c>
      <c r="DG23" s="74">
        <v>32</v>
      </c>
      <c r="DH23" s="75">
        <v>52</v>
      </c>
      <c r="DI23" s="60">
        <v>0</v>
      </c>
      <c r="DJ23" s="61">
        <v>0</v>
      </c>
      <c r="DK23" s="62">
        <v>0</v>
      </c>
      <c r="DL23" s="443">
        <v>0</v>
      </c>
      <c r="DM23" s="61">
        <v>1</v>
      </c>
      <c r="DN23" s="61">
        <v>0</v>
      </c>
      <c r="DO23" s="61">
        <v>0</v>
      </c>
      <c r="DP23" s="61">
        <v>0</v>
      </c>
      <c r="DQ23" s="61">
        <v>0</v>
      </c>
      <c r="DR23" s="62">
        <v>1</v>
      </c>
      <c r="DS23" s="63">
        <v>1</v>
      </c>
      <c r="DT23" s="60">
        <v>1</v>
      </c>
      <c r="DU23" s="61">
        <v>1</v>
      </c>
      <c r="DV23" s="62">
        <v>2</v>
      </c>
      <c r="DW23" s="443">
        <v>0</v>
      </c>
      <c r="DX23" s="61">
        <v>0</v>
      </c>
      <c r="DY23" s="61">
        <v>1</v>
      </c>
      <c r="DZ23" s="61">
        <v>0</v>
      </c>
      <c r="EA23" s="61">
        <v>0</v>
      </c>
      <c r="EB23" s="61">
        <v>0</v>
      </c>
      <c r="EC23" s="62">
        <v>1</v>
      </c>
      <c r="ED23" s="63">
        <v>3</v>
      </c>
      <c r="EE23" s="60">
        <v>2</v>
      </c>
      <c r="EF23" s="61">
        <v>1</v>
      </c>
      <c r="EG23" s="62">
        <v>3</v>
      </c>
      <c r="EH23" s="443">
        <v>0</v>
      </c>
      <c r="EI23" s="61">
        <v>2</v>
      </c>
      <c r="EJ23" s="61">
        <v>1</v>
      </c>
      <c r="EK23" s="61">
        <v>0</v>
      </c>
      <c r="EL23" s="61">
        <v>0</v>
      </c>
      <c r="EM23" s="61">
        <v>1</v>
      </c>
      <c r="EN23" s="62">
        <v>4</v>
      </c>
      <c r="EO23" s="63">
        <v>7</v>
      </c>
      <c r="EP23" s="60">
        <v>5</v>
      </c>
      <c r="EQ23" s="61">
        <v>2</v>
      </c>
      <c r="ER23" s="62">
        <v>7</v>
      </c>
      <c r="ES23" s="443">
        <v>0</v>
      </c>
      <c r="ET23" s="61">
        <v>4</v>
      </c>
      <c r="EU23" s="61">
        <v>0</v>
      </c>
      <c r="EV23" s="61">
        <v>1</v>
      </c>
      <c r="EW23" s="61">
        <v>1</v>
      </c>
      <c r="EX23" s="61">
        <v>1</v>
      </c>
      <c r="EY23" s="62">
        <v>7</v>
      </c>
      <c r="EZ23" s="63">
        <v>14</v>
      </c>
      <c r="FA23" s="60">
        <v>0</v>
      </c>
      <c r="FB23" s="61">
        <v>5</v>
      </c>
      <c r="FC23" s="62">
        <v>5</v>
      </c>
      <c r="FD23" s="443">
        <v>0</v>
      </c>
      <c r="FE23" s="61">
        <v>2</v>
      </c>
      <c r="FF23" s="61">
        <v>0</v>
      </c>
      <c r="FG23" s="61">
        <v>0</v>
      </c>
      <c r="FH23" s="61">
        <v>2</v>
      </c>
      <c r="FI23" s="61">
        <v>0</v>
      </c>
      <c r="FJ23" s="62">
        <v>4</v>
      </c>
      <c r="FK23" s="63">
        <v>9</v>
      </c>
      <c r="FL23" s="60">
        <v>0</v>
      </c>
      <c r="FM23" s="61">
        <v>3</v>
      </c>
      <c r="FN23" s="62">
        <v>3</v>
      </c>
      <c r="FO23" s="443">
        <v>0</v>
      </c>
      <c r="FP23" s="61">
        <v>7</v>
      </c>
      <c r="FQ23" s="61">
        <v>3</v>
      </c>
      <c r="FR23" s="61">
        <v>2</v>
      </c>
      <c r="FS23" s="61">
        <v>3</v>
      </c>
      <c r="FT23" s="61">
        <v>0</v>
      </c>
      <c r="FU23" s="62">
        <v>15</v>
      </c>
      <c r="FV23" s="63">
        <v>18</v>
      </c>
      <c r="FW23" s="60">
        <v>0</v>
      </c>
      <c r="FX23" s="61">
        <v>0</v>
      </c>
      <c r="FY23" s="62">
        <v>0</v>
      </c>
      <c r="FZ23" s="443">
        <v>0</v>
      </c>
      <c r="GA23" s="61">
        <v>0</v>
      </c>
      <c r="GB23" s="61">
        <v>0</v>
      </c>
      <c r="GC23" s="61">
        <v>0</v>
      </c>
      <c r="GD23" s="61">
        <v>0</v>
      </c>
      <c r="GE23" s="61">
        <v>0</v>
      </c>
      <c r="GF23" s="62">
        <v>0</v>
      </c>
      <c r="GG23" s="63">
        <v>0</v>
      </c>
      <c r="GH23" s="60">
        <v>8</v>
      </c>
      <c r="GI23" s="61">
        <v>12</v>
      </c>
      <c r="GJ23" s="62">
        <v>20</v>
      </c>
      <c r="GK23" s="443">
        <v>0</v>
      </c>
      <c r="GL23" s="61">
        <v>16</v>
      </c>
      <c r="GM23" s="61">
        <v>5</v>
      </c>
      <c r="GN23" s="61">
        <v>3</v>
      </c>
      <c r="GO23" s="61">
        <v>6</v>
      </c>
      <c r="GP23" s="61">
        <v>2</v>
      </c>
      <c r="GQ23" s="62">
        <v>32</v>
      </c>
      <c r="GR23" s="63">
        <v>52</v>
      </c>
      <c r="GS23" s="113">
        <v>70</v>
      </c>
      <c r="GT23" s="72">
        <v>80</v>
      </c>
      <c r="GU23" s="73">
        <v>150</v>
      </c>
      <c r="GV23" s="443">
        <v>0</v>
      </c>
      <c r="GW23" s="72">
        <v>138</v>
      </c>
      <c r="GX23" s="72">
        <v>78</v>
      </c>
      <c r="GY23" s="72">
        <v>49</v>
      </c>
      <c r="GZ23" s="72">
        <v>44</v>
      </c>
      <c r="HA23" s="72">
        <v>22</v>
      </c>
      <c r="HB23" s="74">
        <v>331</v>
      </c>
      <c r="HC23" s="75">
        <v>481</v>
      </c>
      <c r="HD23" s="60">
        <v>0</v>
      </c>
      <c r="HE23" s="61">
        <v>2</v>
      </c>
      <c r="HF23" s="62">
        <v>2</v>
      </c>
      <c r="HG23" s="443">
        <v>0</v>
      </c>
      <c r="HH23" s="61">
        <v>2</v>
      </c>
      <c r="HI23" s="61">
        <v>1</v>
      </c>
      <c r="HJ23" s="61">
        <v>3</v>
      </c>
      <c r="HK23" s="61">
        <v>0</v>
      </c>
      <c r="HL23" s="61">
        <v>0</v>
      </c>
      <c r="HM23" s="62">
        <v>6</v>
      </c>
      <c r="HN23" s="63">
        <v>8</v>
      </c>
      <c r="HO23" s="60">
        <v>3</v>
      </c>
      <c r="HP23" s="61">
        <v>2</v>
      </c>
      <c r="HQ23" s="62">
        <v>5</v>
      </c>
      <c r="HR23" s="443">
        <v>0</v>
      </c>
      <c r="HS23" s="61">
        <v>5</v>
      </c>
      <c r="HT23" s="61">
        <v>5</v>
      </c>
      <c r="HU23" s="61">
        <v>2</v>
      </c>
      <c r="HV23" s="61">
        <v>2</v>
      </c>
      <c r="HW23" s="61">
        <v>0</v>
      </c>
      <c r="HX23" s="62">
        <v>14</v>
      </c>
      <c r="HY23" s="63">
        <v>19</v>
      </c>
      <c r="HZ23" s="60">
        <v>11</v>
      </c>
      <c r="IA23" s="61">
        <v>6</v>
      </c>
      <c r="IB23" s="62">
        <v>17</v>
      </c>
      <c r="IC23" s="443">
        <v>0</v>
      </c>
      <c r="ID23" s="61">
        <v>13</v>
      </c>
      <c r="IE23" s="61">
        <v>6</v>
      </c>
      <c r="IF23" s="61">
        <v>7</v>
      </c>
      <c r="IG23" s="61">
        <v>5</v>
      </c>
      <c r="IH23" s="61">
        <v>4</v>
      </c>
      <c r="II23" s="62">
        <v>35</v>
      </c>
      <c r="IJ23" s="63">
        <v>52</v>
      </c>
      <c r="IK23" s="60">
        <v>17</v>
      </c>
      <c r="IL23" s="61">
        <v>15</v>
      </c>
      <c r="IM23" s="62">
        <v>32</v>
      </c>
      <c r="IN23" s="443">
        <v>0</v>
      </c>
      <c r="IO23" s="61">
        <v>39</v>
      </c>
      <c r="IP23" s="61">
        <v>17</v>
      </c>
      <c r="IQ23" s="61">
        <v>11</v>
      </c>
      <c r="IR23" s="61">
        <v>13</v>
      </c>
      <c r="IS23" s="61">
        <v>7</v>
      </c>
      <c r="IT23" s="62">
        <v>87</v>
      </c>
      <c r="IU23" s="63">
        <v>119</v>
      </c>
      <c r="IV23" s="60">
        <v>24</v>
      </c>
      <c r="IW23" s="61">
        <v>33</v>
      </c>
      <c r="IX23" s="62">
        <v>57</v>
      </c>
      <c r="IY23" s="443">
        <v>0</v>
      </c>
      <c r="IZ23" s="61">
        <v>41</v>
      </c>
      <c r="JA23" s="61">
        <v>23</v>
      </c>
      <c r="JB23" s="61">
        <v>14</v>
      </c>
      <c r="JC23" s="61">
        <v>12</v>
      </c>
      <c r="JD23" s="61">
        <v>6</v>
      </c>
      <c r="JE23" s="62">
        <v>96</v>
      </c>
      <c r="JF23" s="63">
        <v>153</v>
      </c>
      <c r="JG23" s="60">
        <v>15</v>
      </c>
      <c r="JH23" s="61">
        <v>22</v>
      </c>
      <c r="JI23" s="62">
        <v>37</v>
      </c>
      <c r="JJ23" s="443">
        <v>0</v>
      </c>
      <c r="JK23" s="61">
        <v>38</v>
      </c>
      <c r="JL23" s="61">
        <v>26</v>
      </c>
      <c r="JM23" s="61">
        <v>12</v>
      </c>
      <c r="JN23" s="61">
        <v>12</v>
      </c>
      <c r="JO23" s="61">
        <v>5</v>
      </c>
      <c r="JP23" s="62">
        <v>93</v>
      </c>
      <c r="JQ23" s="63">
        <v>130</v>
      </c>
      <c r="JR23" s="60">
        <v>0</v>
      </c>
      <c r="JS23" s="61">
        <v>0</v>
      </c>
      <c r="JT23" s="62">
        <v>0</v>
      </c>
      <c r="JU23" s="443">
        <v>0</v>
      </c>
      <c r="JV23" s="61">
        <v>0</v>
      </c>
      <c r="JW23" s="61">
        <v>0</v>
      </c>
      <c r="JX23" s="61">
        <v>0</v>
      </c>
      <c r="JY23" s="61">
        <v>0</v>
      </c>
      <c r="JZ23" s="61">
        <v>0</v>
      </c>
      <c r="KA23" s="62">
        <v>0</v>
      </c>
      <c r="KB23" s="63">
        <v>0</v>
      </c>
      <c r="KC23" s="60">
        <v>70</v>
      </c>
      <c r="KD23" s="61">
        <v>80</v>
      </c>
      <c r="KE23" s="62">
        <v>150</v>
      </c>
      <c r="KF23" s="443">
        <v>0</v>
      </c>
      <c r="KG23" s="61">
        <v>138</v>
      </c>
      <c r="KH23" s="61">
        <v>78</v>
      </c>
      <c r="KI23" s="61">
        <v>49</v>
      </c>
      <c r="KJ23" s="61">
        <v>44</v>
      </c>
      <c r="KK23" s="61">
        <v>22</v>
      </c>
      <c r="KL23" s="62">
        <v>331</v>
      </c>
      <c r="KM23" s="63">
        <v>481</v>
      </c>
    </row>
    <row r="24" spans="2:299" ht="21" customHeight="1" x14ac:dyDescent="0.2">
      <c r="B24" s="437" t="s">
        <v>21</v>
      </c>
      <c r="C24" s="287">
        <v>50</v>
      </c>
      <c r="D24" s="72">
        <v>38</v>
      </c>
      <c r="E24" s="73">
        <v>88</v>
      </c>
      <c r="F24" s="443">
        <v>0</v>
      </c>
      <c r="G24" s="72">
        <v>71</v>
      </c>
      <c r="H24" s="72">
        <v>56</v>
      </c>
      <c r="I24" s="72">
        <v>35</v>
      </c>
      <c r="J24" s="72">
        <v>24</v>
      </c>
      <c r="K24" s="72">
        <v>25</v>
      </c>
      <c r="L24" s="74">
        <v>211</v>
      </c>
      <c r="M24" s="75">
        <v>299</v>
      </c>
      <c r="N24" s="60">
        <v>1</v>
      </c>
      <c r="O24" s="61">
        <v>0</v>
      </c>
      <c r="P24" s="62">
        <v>1</v>
      </c>
      <c r="Q24" s="443">
        <v>0</v>
      </c>
      <c r="R24" s="61">
        <v>0</v>
      </c>
      <c r="S24" s="61">
        <v>2</v>
      </c>
      <c r="T24" s="61">
        <v>1</v>
      </c>
      <c r="U24" s="61">
        <v>0</v>
      </c>
      <c r="V24" s="61">
        <v>1</v>
      </c>
      <c r="W24" s="62">
        <v>4</v>
      </c>
      <c r="X24" s="63">
        <v>5</v>
      </c>
      <c r="Y24" s="60">
        <v>2</v>
      </c>
      <c r="Z24" s="61">
        <v>1</v>
      </c>
      <c r="AA24" s="62">
        <v>3</v>
      </c>
      <c r="AB24" s="443">
        <v>0</v>
      </c>
      <c r="AC24" s="61">
        <v>2</v>
      </c>
      <c r="AD24" s="61">
        <v>2</v>
      </c>
      <c r="AE24" s="61">
        <v>3</v>
      </c>
      <c r="AF24" s="61">
        <v>1</v>
      </c>
      <c r="AG24" s="61">
        <v>0</v>
      </c>
      <c r="AH24" s="62">
        <v>8</v>
      </c>
      <c r="AI24" s="63">
        <v>11</v>
      </c>
      <c r="AJ24" s="60">
        <v>6</v>
      </c>
      <c r="AK24" s="61">
        <v>5</v>
      </c>
      <c r="AL24" s="62">
        <v>11</v>
      </c>
      <c r="AM24" s="443">
        <v>0</v>
      </c>
      <c r="AN24" s="61">
        <v>12</v>
      </c>
      <c r="AO24" s="61">
        <v>6</v>
      </c>
      <c r="AP24" s="61">
        <v>4</v>
      </c>
      <c r="AQ24" s="61">
        <v>4</v>
      </c>
      <c r="AR24" s="61">
        <v>3</v>
      </c>
      <c r="AS24" s="62">
        <v>29</v>
      </c>
      <c r="AT24" s="63">
        <v>40</v>
      </c>
      <c r="AU24" s="60">
        <v>12</v>
      </c>
      <c r="AV24" s="61">
        <v>5</v>
      </c>
      <c r="AW24" s="62">
        <v>17</v>
      </c>
      <c r="AX24" s="443">
        <v>0</v>
      </c>
      <c r="AY24" s="61">
        <v>16</v>
      </c>
      <c r="AZ24" s="61">
        <v>15</v>
      </c>
      <c r="BA24" s="61">
        <v>6</v>
      </c>
      <c r="BB24" s="61">
        <v>5</v>
      </c>
      <c r="BC24" s="61">
        <v>5</v>
      </c>
      <c r="BD24" s="62">
        <v>47</v>
      </c>
      <c r="BE24" s="63">
        <v>64</v>
      </c>
      <c r="BF24" s="60">
        <v>18</v>
      </c>
      <c r="BG24" s="61">
        <v>13</v>
      </c>
      <c r="BH24" s="62">
        <v>31</v>
      </c>
      <c r="BI24" s="443">
        <v>0</v>
      </c>
      <c r="BJ24" s="61">
        <v>24</v>
      </c>
      <c r="BK24" s="61">
        <v>11</v>
      </c>
      <c r="BL24" s="61">
        <v>10</v>
      </c>
      <c r="BM24" s="61">
        <v>3</v>
      </c>
      <c r="BN24" s="61">
        <v>8</v>
      </c>
      <c r="BO24" s="62">
        <v>56</v>
      </c>
      <c r="BP24" s="63">
        <v>87</v>
      </c>
      <c r="BQ24" s="60">
        <v>11</v>
      </c>
      <c r="BR24" s="61">
        <v>14</v>
      </c>
      <c r="BS24" s="62">
        <v>25</v>
      </c>
      <c r="BT24" s="443">
        <v>0</v>
      </c>
      <c r="BU24" s="61">
        <v>17</v>
      </c>
      <c r="BV24" s="61">
        <v>20</v>
      </c>
      <c r="BW24" s="61">
        <v>11</v>
      </c>
      <c r="BX24" s="61">
        <v>11</v>
      </c>
      <c r="BY24" s="61">
        <v>8</v>
      </c>
      <c r="BZ24" s="62">
        <v>67</v>
      </c>
      <c r="CA24" s="63">
        <v>92</v>
      </c>
      <c r="CB24" s="60">
        <v>0</v>
      </c>
      <c r="CC24" s="61">
        <v>0</v>
      </c>
      <c r="CD24" s="62">
        <v>0</v>
      </c>
      <c r="CE24" s="443">
        <v>0</v>
      </c>
      <c r="CF24" s="61">
        <v>0</v>
      </c>
      <c r="CG24" s="61">
        <v>0</v>
      </c>
      <c r="CH24" s="61">
        <v>0</v>
      </c>
      <c r="CI24" s="61">
        <v>0</v>
      </c>
      <c r="CJ24" s="61">
        <v>0</v>
      </c>
      <c r="CK24" s="62">
        <v>0</v>
      </c>
      <c r="CL24" s="63">
        <v>0</v>
      </c>
      <c r="CM24" s="60">
        <v>50</v>
      </c>
      <c r="CN24" s="61">
        <v>38</v>
      </c>
      <c r="CO24" s="62">
        <v>88</v>
      </c>
      <c r="CP24" s="443">
        <v>0</v>
      </c>
      <c r="CQ24" s="61">
        <v>71</v>
      </c>
      <c r="CR24" s="61">
        <v>56</v>
      </c>
      <c r="CS24" s="61">
        <v>35</v>
      </c>
      <c r="CT24" s="61">
        <v>24</v>
      </c>
      <c r="CU24" s="61">
        <v>25</v>
      </c>
      <c r="CV24" s="62">
        <v>211</v>
      </c>
      <c r="CW24" s="63">
        <v>299</v>
      </c>
      <c r="CX24" s="113">
        <v>7</v>
      </c>
      <c r="CY24" s="72">
        <v>6</v>
      </c>
      <c r="CZ24" s="73">
        <v>13</v>
      </c>
      <c r="DA24" s="443">
        <v>0</v>
      </c>
      <c r="DB24" s="72">
        <v>12</v>
      </c>
      <c r="DC24" s="72">
        <v>8</v>
      </c>
      <c r="DD24" s="72">
        <v>6</v>
      </c>
      <c r="DE24" s="72">
        <v>6</v>
      </c>
      <c r="DF24" s="72">
        <v>4</v>
      </c>
      <c r="DG24" s="74">
        <v>36</v>
      </c>
      <c r="DH24" s="75">
        <v>49</v>
      </c>
      <c r="DI24" s="60">
        <v>0</v>
      </c>
      <c r="DJ24" s="61">
        <v>0</v>
      </c>
      <c r="DK24" s="62">
        <v>0</v>
      </c>
      <c r="DL24" s="443">
        <v>0</v>
      </c>
      <c r="DM24" s="61">
        <v>3</v>
      </c>
      <c r="DN24" s="61">
        <v>0</v>
      </c>
      <c r="DO24" s="61">
        <v>0</v>
      </c>
      <c r="DP24" s="61">
        <v>0</v>
      </c>
      <c r="DQ24" s="61">
        <v>0</v>
      </c>
      <c r="DR24" s="62">
        <v>3</v>
      </c>
      <c r="DS24" s="63">
        <v>3</v>
      </c>
      <c r="DT24" s="60">
        <v>0</v>
      </c>
      <c r="DU24" s="61">
        <v>0</v>
      </c>
      <c r="DV24" s="62">
        <v>0</v>
      </c>
      <c r="DW24" s="443">
        <v>0</v>
      </c>
      <c r="DX24" s="61">
        <v>0</v>
      </c>
      <c r="DY24" s="61">
        <v>1</v>
      </c>
      <c r="DZ24" s="61">
        <v>0</v>
      </c>
      <c r="EA24" s="61">
        <v>0</v>
      </c>
      <c r="EB24" s="61">
        <v>1</v>
      </c>
      <c r="EC24" s="62">
        <v>2</v>
      </c>
      <c r="ED24" s="63">
        <v>2</v>
      </c>
      <c r="EE24" s="60">
        <v>2</v>
      </c>
      <c r="EF24" s="61">
        <v>2</v>
      </c>
      <c r="EG24" s="62">
        <v>4</v>
      </c>
      <c r="EH24" s="443">
        <v>0</v>
      </c>
      <c r="EI24" s="61">
        <v>1</v>
      </c>
      <c r="EJ24" s="61">
        <v>0</v>
      </c>
      <c r="EK24" s="61">
        <v>0</v>
      </c>
      <c r="EL24" s="61">
        <v>0</v>
      </c>
      <c r="EM24" s="61">
        <v>0</v>
      </c>
      <c r="EN24" s="62">
        <v>1</v>
      </c>
      <c r="EO24" s="63">
        <v>5</v>
      </c>
      <c r="EP24" s="60">
        <v>1</v>
      </c>
      <c r="EQ24" s="61">
        <v>0</v>
      </c>
      <c r="ER24" s="62">
        <v>1</v>
      </c>
      <c r="ES24" s="443">
        <v>0</v>
      </c>
      <c r="ET24" s="61">
        <v>1</v>
      </c>
      <c r="EU24" s="61">
        <v>0</v>
      </c>
      <c r="EV24" s="61">
        <v>2</v>
      </c>
      <c r="EW24" s="61">
        <v>0</v>
      </c>
      <c r="EX24" s="61">
        <v>1</v>
      </c>
      <c r="EY24" s="62">
        <v>4</v>
      </c>
      <c r="EZ24" s="63">
        <v>5</v>
      </c>
      <c r="FA24" s="60">
        <v>3</v>
      </c>
      <c r="FB24" s="61">
        <v>1</v>
      </c>
      <c r="FC24" s="62">
        <v>4</v>
      </c>
      <c r="FD24" s="443">
        <v>0</v>
      </c>
      <c r="FE24" s="61">
        <v>4</v>
      </c>
      <c r="FF24" s="61">
        <v>3</v>
      </c>
      <c r="FG24" s="61">
        <v>1</v>
      </c>
      <c r="FH24" s="61">
        <v>2</v>
      </c>
      <c r="FI24" s="61">
        <v>1</v>
      </c>
      <c r="FJ24" s="62">
        <v>11</v>
      </c>
      <c r="FK24" s="63">
        <v>15</v>
      </c>
      <c r="FL24" s="60">
        <v>1</v>
      </c>
      <c r="FM24" s="61">
        <v>3</v>
      </c>
      <c r="FN24" s="62">
        <v>4</v>
      </c>
      <c r="FO24" s="443">
        <v>0</v>
      </c>
      <c r="FP24" s="61">
        <v>3</v>
      </c>
      <c r="FQ24" s="61">
        <v>4</v>
      </c>
      <c r="FR24" s="61">
        <v>3</v>
      </c>
      <c r="FS24" s="61">
        <v>4</v>
      </c>
      <c r="FT24" s="61">
        <v>1</v>
      </c>
      <c r="FU24" s="62">
        <v>15</v>
      </c>
      <c r="FV24" s="63">
        <v>19</v>
      </c>
      <c r="FW24" s="60">
        <v>0</v>
      </c>
      <c r="FX24" s="61">
        <v>0</v>
      </c>
      <c r="FY24" s="62">
        <v>0</v>
      </c>
      <c r="FZ24" s="443">
        <v>0</v>
      </c>
      <c r="GA24" s="61">
        <v>0</v>
      </c>
      <c r="GB24" s="61">
        <v>0</v>
      </c>
      <c r="GC24" s="61">
        <v>0</v>
      </c>
      <c r="GD24" s="61">
        <v>0</v>
      </c>
      <c r="GE24" s="61">
        <v>0</v>
      </c>
      <c r="GF24" s="62">
        <v>0</v>
      </c>
      <c r="GG24" s="63">
        <v>0</v>
      </c>
      <c r="GH24" s="60">
        <v>7</v>
      </c>
      <c r="GI24" s="61">
        <v>6</v>
      </c>
      <c r="GJ24" s="62">
        <v>13</v>
      </c>
      <c r="GK24" s="443">
        <v>0</v>
      </c>
      <c r="GL24" s="61">
        <v>12</v>
      </c>
      <c r="GM24" s="61">
        <v>8</v>
      </c>
      <c r="GN24" s="61">
        <v>6</v>
      </c>
      <c r="GO24" s="61">
        <v>6</v>
      </c>
      <c r="GP24" s="61">
        <v>4</v>
      </c>
      <c r="GQ24" s="62">
        <v>36</v>
      </c>
      <c r="GR24" s="63">
        <v>49</v>
      </c>
      <c r="GS24" s="113">
        <v>57</v>
      </c>
      <c r="GT24" s="72">
        <v>44</v>
      </c>
      <c r="GU24" s="73">
        <v>101</v>
      </c>
      <c r="GV24" s="443">
        <v>0</v>
      </c>
      <c r="GW24" s="72">
        <v>83</v>
      </c>
      <c r="GX24" s="72">
        <v>64</v>
      </c>
      <c r="GY24" s="72">
        <v>41</v>
      </c>
      <c r="GZ24" s="72">
        <v>30</v>
      </c>
      <c r="HA24" s="72">
        <v>29</v>
      </c>
      <c r="HB24" s="74">
        <v>247</v>
      </c>
      <c r="HC24" s="75">
        <v>348</v>
      </c>
      <c r="HD24" s="60">
        <v>1</v>
      </c>
      <c r="HE24" s="61">
        <v>0</v>
      </c>
      <c r="HF24" s="62">
        <v>1</v>
      </c>
      <c r="HG24" s="443">
        <v>0</v>
      </c>
      <c r="HH24" s="61">
        <v>3</v>
      </c>
      <c r="HI24" s="61">
        <v>2</v>
      </c>
      <c r="HJ24" s="61">
        <v>1</v>
      </c>
      <c r="HK24" s="61">
        <v>0</v>
      </c>
      <c r="HL24" s="61">
        <v>1</v>
      </c>
      <c r="HM24" s="62">
        <v>7</v>
      </c>
      <c r="HN24" s="63">
        <v>8</v>
      </c>
      <c r="HO24" s="60">
        <v>2</v>
      </c>
      <c r="HP24" s="61">
        <v>1</v>
      </c>
      <c r="HQ24" s="62">
        <v>3</v>
      </c>
      <c r="HR24" s="443">
        <v>0</v>
      </c>
      <c r="HS24" s="61">
        <v>2</v>
      </c>
      <c r="HT24" s="61">
        <v>3</v>
      </c>
      <c r="HU24" s="61">
        <v>3</v>
      </c>
      <c r="HV24" s="61">
        <v>1</v>
      </c>
      <c r="HW24" s="61">
        <v>1</v>
      </c>
      <c r="HX24" s="62">
        <v>10</v>
      </c>
      <c r="HY24" s="63">
        <v>13</v>
      </c>
      <c r="HZ24" s="60">
        <v>8</v>
      </c>
      <c r="IA24" s="61">
        <v>7</v>
      </c>
      <c r="IB24" s="62">
        <v>15</v>
      </c>
      <c r="IC24" s="443">
        <v>0</v>
      </c>
      <c r="ID24" s="61">
        <v>13</v>
      </c>
      <c r="IE24" s="61">
        <v>6</v>
      </c>
      <c r="IF24" s="61">
        <v>4</v>
      </c>
      <c r="IG24" s="61">
        <v>4</v>
      </c>
      <c r="IH24" s="61">
        <v>3</v>
      </c>
      <c r="II24" s="62">
        <v>30</v>
      </c>
      <c r="IJ24" s="63">
        <v>45</v>
      </c>
      <c r="IK24" s="60">
        <v>13</v>
      </c>
      <c r="IL24" s="61">
        <v>5</v>
      </c>
      <c r="IM24" s="62">
        <v>18</v>
      </c>
      <c r="IN24" s="443">
        <v>0</v>
      </c>
      <c r="IO24" s="61">
        <v>17</v>
      </c>
      <c r="IP24" s="61">
        <v>15</v>
      </c>
      <c r="IQ24" s="61">
        <v>8</v>
      </c>
      <c r="IR24" s="61">
        <v>5</v>
      </c>
      <c r="IS24" s="61">
        <v>6</v>
      </c>
      <c r="IT24" s="62">
        <v>51</v>
      </c>
      <c r="IU24" s="63">
        <v>69</v>
      </c>
      <c r="IV24" s="60">
        <v>21</v>
      </c>
      <c r="IW24" s="61">
        <v>14</v>
      </c>
      <c r="IX24" s="62">
        <v>35</v>
      </c>
      <c r="IY24" s="443">
        <v>0</v>
      </c>
      <c r="IZ24" s="61">
        <v>28</v>
      </c>
      <c r="JA24" s="61">
        <v>14</v>
      </c>
      <c r="JB24" s="61">
        <v>11</v>
      </c>
      <c r="JC24" s="61">
        <v>5</v>
      </c>
      <c r="JD24" s="61">
        <v>9</v>
      </c>
      <c r="JE24" s="62">
        <v>67</v>
      </c>
      <c r="JF24" s="63">
        <v>102</v>
      </c>
      <c r="JG24" s="60">
        <v>12</v>
      </c>
      <c r="JH24" s="61">
        <v>17</v>
      </c>
      <c r="JI24" s="62">
        <v>29</v>
      </c>
      <c r="JJ24" s="443">
        <v>0</v>
      </c>
      <c r="JK24" s="61">
        <v>20</v>
      </c>
      <c r="JL24" s="61">
        <v>24</v>
      </c>
      <c r="JM24" s="61">
        <v>14</v>
      </c>
      <c r="JN24" s="61">
        <v>15</v>
      </c>
      <c r="JO24" s="61">
        <v>9</v>
      </c>
      <c r="JP24" s="62">
        <v>82</v>
      </c>
      <c r="JQ24" s="63">
        <v>111</v>
      </c>
      <c r="JR24" s="60">
        <v>0</v>
      </c>
      <c r="JS24" s="61">
        <v>0</v>
      </c>
      <c r="JT24" s="62">
        <v>0</v>
      </c>
      <c r="JU24" s="443">
        <v>0</v>
      </c>
      <c r="JV24" s="61">
        <v>0</v>
      </c>
      <c r="JW24" s="61">
        <v>0</v>
      </c>
      <c r="JX24" s="61">
        <v>0</v>
      </c>
      <c r="JY24" s="61">
        <v>0</v>
      </c>
      <c r="JZ24" s="61">
        <v>0</v>
      </c>
      <c r="KA24" s="62">
        <v>0</v>
      </c>
      <c r="KB24" s="63">
        <v>0</v>
      </c>
      <c r="KC24" s="60">
        <v>57</v>
      </c>
      <c r="KD24" s="61">
        <v>44</v>
      </c>
      <c r="KE24" s="62">
        <v>101</v>
      </c>
      <c r="KF24" s="443">
        <v>0</v>
      </c>
      <c r="KG24" s="61">
        <v>83</v>
      </c>
      <c r="KH24" s="61">
        <v>64</v>
      </c>
      <c r="KI24" s="61">
        <v>41</v>
      </c>
      <c r="KJ24" s="61">
        <v>30</v>
      </c>
      <c r="KK24" s="61">
        <v>29</v>
      </c>
      <c r="KL24" s="62">
        <v>247</v>
      </c>
      <c r="KM24" s="63">
        <v>348</v>
      </c>
    </row>
    <row r="25" spans="2:299" ht="21" customHeight="1" x14ac:dyDescent="0.2">
      <c r="B25" s="437" t="s">
        <v>22</v>
      </c>
      <c r="C25" s="287">
        <v>16</v>
      </c>
      <c r="D25" s="72">
        <v>13</v>
      </c>
      <c r="E25" s="73">
        <v>29</v>
      </c>
      <c r="F25" s="443">
        <v>0</v>
      </c>
      <c r="G25" s="72">
        <v>39</v>
      </c>
      <c r="H25" s="72">
        <v>30</v>
      </c>
      <c r="I25" s="72">
        <v>19</v>
      </c>
      <c r="J25" s="72">
        <v>16</v>
      </c>
      <c r="K25" s="72">
        <v>9</v>
      </c>
      <c r="L25" s="74">
        <v>113</v>
      </c>
      <c r="M25" s="75">
        <v>142</v>
      </c>
      <c r="N25" s="60">
        <v>0</v>
      </c>
      <c r="O25" s="61">
        <v>0</v>
      </c>
      <c r="P25" s="62">
        <v>0</v>
      </c>
      <c r="Q25" s="443">
        <v>0</v>
      </c>
      <c r="R25" s="61">
        <v>0</v>
      </c>
      <c r="S25" s="61">
        <v>0</v>
      </c>
      <c r="T25" s="61">
        <v>0</v>
      </c>
      <c r="U25" s="61">
        <v>0</v>
      </c>
      <c r="V25" s="61">
        <v>0</v>
      </c>
      <c r="W25" s="62">
        <v>0</v>
      </c>
      <c r="X25" s="63">
        <v>0</v>
      </c>
      <c r="Y25" s="60">
        <v>0</v>
      </c>
      <c r="Z25" s="61">
        <v>0</v>
      </c>
      <c r="AA25" s="62">
        <v>0</v>
      </c>
      <c r="AB25" s="443">
        <v>0</v>
      </c>
      <c r="AC25" s="61">
        <v>0</v>
      </c>
      <c r="AD25" s="61">
        <v>0</v>
      </c>
      <c r="AE25" s="61">
        <v>0</v>
      </c>
      <c r="AF25" s="61">
        <v>0</v>
      </c>
      <c r="AG25" s="61">
        <v>2</v>
      </c>
      <c r="AH25" s="62">
        <v>2</v>
      </c>
      <c r="AI25" s="63">
        <v>2</v>
      </c>
      <c r="AJ25" s="60">
        <v>0</v>
      </c>
      <c r="AK25" s="61">
        <v>1</v>
      </c>
      <c r="AL25" s="62">
        <v>1</v>
      </c>
      <c r="AM25" s="443">
        <v>0</v>
      </c>
      <c r="AN25" s="61">
        <v>5</v>
      </c>
      <c r="AO25" s="61">
        <v>6</v>
      </c>
      <c r="AP25" s="61">
        <v>3</v>
      </c>
      <c r="AQ25" s="61">
        <v>1</v>
      </c>
      <c r="AR25" s="61">
        <v>1</v>
      </c>
      <c r="AS25" s="62">
        <v>16</v>
      </c>
      <c r="AT25" s="63">
        <v>17</v>
      </c>
      <c r="AU25" s="60">
        <v>2</v>
      </c>
      <c r="AV25" s="61">
        <v>2</v>
      </c>
      <c r="AW25" s="62">
        <v>4</v>
      </c>
      <c r="AX25" s="443">
        <v>0</v>
      </c>
      <c r="AY25" s="61">
        <v>4</v>
      </c>
      <c r="AZ25" s="61">
        <v>5</v>
      </c>
      <c r="BA25" s="61">
        <v>3</v>
      </c>
      <c r="BB25" s="61">
        <v>2</v>
      </c>
      <c r="BC25" s="61">
        <v>3</v>
      </c>
      <c r="BD25" s="62">
        <v>17</v>
      </c>
      <c r="BE25" s="63">
        <v>21</v>
      </c>
      <c r="BF25" s="60">
        <v>7</v>
      </c>
      <c r="BG25" s="61">
        <v>7</v>
      </c>
      <c r="BH25" s="62">
        <v>14</v>
      </c>
      <c r="BI25" s="443">
        <v>0</v>
      </c>
      <c r="BJ25" s="61">
        <v>10</v>
      </c>
      <c r="BK25" s="61">
        <v>11</v>
      </c>
      <c r="BL25" s="61">
        <v>4</v>
      </c>
      <c r="BM25" s="61">
        <v>7</v>
      </c>
      <c r="BN25" s="61">
        <v>0</v>
      </c>
      <c r="BO25" s="62">
        <v>32</v>
      </c>
      <c r="BP25" s="63">
        <v>46</v>
      </c>
      <c r="BQ25" s="60">
        <v>7</v>
      </c>
      <c r="BR25" s="61">
        <v>3</v>
      </c>
      <c r="BS25" s="62">
        <v>10</v>
      </c>
      <c r="BT25" s="443">
        <v>0</v>
      </c>
      <c r="BU25" s="61">
        <v>20</v>
      </c>
      <c r="BV25" s="61">
        <v>8</v>
      </c>
      <c r="BW25" s="61">
        <v>9</v>
      </c>
      <c r="BX25" s="61">
        <v>6</v>
      </c>
      <c r="BY25" s="61">
        <v>3</v>
      </c>
      <c r="BZ25" s="62">
        <v>46</v>
      </c>
      <c r="CA25" s="63">
        <v>56</v>
      </c>
      <c r="CB25" s="60">
        <v>0</v>
      </c>
      <c r="CC25" s="61">
        <v>0</v>
      </c>
      <c r="CD25" s="62">
        <v>0</v>
      </c>
      <c r="CE25" s="443">
        <v>0</v>
      </c>
      <c r="CF25" s="61">
        <v>0</v>
      </c>
      <c r="CG25" s="61">
        <v>0</v>
      </c>
      <c r="CH25" s="61">
        <v>0</v>
      </c>
      <c r="CI25" s="61">
        <v>0</v>
      </c>
      <c r="CJ25" s="61">
        <v>0</v>
      </c>
      <c r="CK25" s="62">
        <v>0</v>
      </c>
      <c r="CL25" s="63">
        <v>0</v>
      </c>
      <c r="CM25" s="60">
        <v>16</v>
      </c>
      <c r="CN25" s="61">
        <v>13</v>
      </c>
      <c r="CO25" s="62">
        <v>29</v>
      </c>
      <c r="CP25" s="443">
        <v>0</v>
      </c>
      <c r="CQ25" s="61">
        <v>39</v>
      </c>
      <c r="CR25" s="61">
        <v>30</v>
      </c>
      <c r="CS25" s="61">
        <v>19</v>
      </c>
      <c r="CT25" s="61">
        <v>16</v>
      </c>
      <c r="CU25" s="61">
        <v>9</v>
      </c>
      <c r="CV25" s="62">
        <v>113</v>
      </c>
      <c r="CW25" s="63">
        <v>142</v>
      </c>
      <c r="CX25" s="113">
        <v>2</v>
      </c>
      <c r="CY25" s="72">
        <v>3</v>
      </c>
      <c r="CZ25" s="73">
        <v>5</v>
      </c>
      <c r="DA25" s="443">
        <v>0</v>
      </c>
      <c r="DB25" s="72">
        <v>8</v>
      </c>
      <c r="DC25" s="72">
        <v>4</v>
      </c>
      <c r="DD25" s="72">
        <v>4</v>
      </c>
      <c r="DE25" s="72">
        <v>4</v>
      </c>
      <c r="DF25" s="72">
        <v>0</v>
      </c>
      <c r="DG25" s="74">
        <v>20</v>
      </c>
      <c r="DH25" s="75">
        <v>25</v>
      </c>
      <c r="DI25" s="60">
        <v>0</v>
      </c>
      <c r="DJ25" s="61">
        <v>0</v>
      </c>
      <c r="DK25" s="62">
        <v>0</v>
      </c>
      <c r="DL25" s="443">
        <v>0</v>
      </c>
      <c r="DM25" s="61">
        <v>0</v>
      </c>
      <c r="DN25" s="61">
        <v>0</v>
      </c>
      <c r="DO25" s="61">
        <v>0</v>
      </c>
      <c r="DP25" s="61">
        <v>0</v>
      </c>
      <c r="DQ25" s="61">
        <v>0</v>
      </c>
      <c r="DR25" s="62">
        <v>0</v>
      </c>
      <c r="DS25" s="63">
        <v>0</v>
      </c>
      <c r="DT25" s="60">
        <v>0</v>
      </c>
      <c r="DU25" s="61">
        <v>1</v>
      </c>
      <c r="DV25" s="62">
        <v>1</v>
      </c>
      <c r="DW25" s="443">
        <v>0</v>
      </c>
      <c r="DX25" s="61">
        <v>0</v>
      </c>
      <c r="DY25" s="61">
        <v>0</v>
      </c>
      <c r="DZ25" s="61">
        <v>0</v>
      </c>
      <c r="EA25" s="61">
        <v>0</v>
      </c>
      <c r="EB25" s="61">
        <v>0</v>
      </c>
      <c r="EC25" s="62">
        <v>0</v>
      </c>
      <c r="ED25" s="63">
        <v>1</v>
      </c>
      <c r="EE25" s="60">
        <v>0</v>
      </c>
      <c r="EF25" s="61">
        <v>0</v>
      </c>
      <c r="EG25" s="62">
        <v>0</v>
      </c>
      <c r="EH25" s="443">
        <v>0</v>
      </c>
      <c r="EI25" s="61">
        <v>0</v>
      </c>
      <c r="EJ25" s="61">
        <v>2</v>
      </c>
      <c r="EK25" s="61">
        <v>2</v>
      </c>
      <c r="EL25" s="61">
        <v>0</v>
      </c>
      <c r="EM25" s="61">
        <v>0</v>
      </c>
      <c r="EN25" s="62">
        <v>4</v>
      </c>
      <c r="EO25" s="63">
        <v>4</v>
      </c>
      <c r="EP25" s="60">
        <v>2</v>
      </c>
      <c r="EQ25" s="61">
        <v>2</v>
      </c>
      <c r="ER25" s="62">
        <v>4</v>
      </c>
      <c r="ES25" s="443">
        <v>0</v>
      </c>
      <c r="ET25" s="61">
        <v>1</v>
      </c>
      <c r="EU25" s="61">
        <v>0</v>
      </c>
      <c r="EV25" s="61">
        <v>0</v>
      </c>
      <c r="EW25" s="61">
        <v>0</v>
      </c>
      <c r="EX25" s="61">
        <v>0</v>
      </c>
      <c r="EY25" s="62">
        <v>1</v>
      </c>
      <c r="EZ25" s="63">
        <v>5</v>
      </c>
      <c r="FA25" s="60">
        <v>0</v>
      </c>
      <c r="FB25" s="61">
        <v>0</v>
      </c>
      <c r="FC25" s="62">
        <v>0</v>
      </c>
      <c r="FD25" s="443">
        <v>0</v>
      </c>
      <c r="FE25" s="61">
        <v>3</v>
      </c>
      <c r="FF25" s="61">
        <v>1</v>
      </c>
      <c r="FG25" s="61">
        <v>0</v>
      </c>
      <c r="FH25" s="61">
        <v>0</v>
      </c>
      <c r="FI25" s="61">
        <v>0</v>
      </c>
      <c r="FJ25" s="62">
        <v>4</v>
      </c>
      <c r="FK25" s="63">
        <v>4</v>
      </c>
      <c r="FL25" s="60">
        <v>0</v>
      </c>
      <c r="FM25" s="61">
        <v>0</v>
      </c>
      <c r="FN25" s="62">
        <v>0</v>
      </c>
      <c r="FO25" s="443">
        <v>0</v>
      </c>
      <c r="FP25" s="61">
        <v>4</v>
      </c>
      <c r="FQ25" s="61">
        <v>1</v>
      </c>
      <c r="FR25" s="61">
        <v>2</v>
      </c>
      <c r="FS25" s="61">
        <v>4</v>
      </c>
      <c r="FT25" s="61">
        <v>0</v>
      </c>
      <c r="FU25" s="62">
        <v>11</v>
      </c>
      <c r="FV25" s="63">
        <v>11</v>
      </c>
      <c r="FW25" s="60">
        <v>0</v>
      </c>
      <c r="FX25" s="61">
        <v>0</v>
      </c>
      <c r="FY25" s="62">
        <v>0</v>
      </c>
      <c r="FZ25" s="443">
        <v>0</v>
      </c>
      <c r="GA25" s="61">
        <v>0</v>
      </c>
      <c r="GB25" s="61">
        <v>0</v>
      </c>
      <c r="GC25" s="61">
        <v>0</v>
      </c>
      <c r="GD25" s="61">
        <v>0</v>
      </c>
      <c r="GE25" s="61">
        <v>0</v>
      </c>
      <c r="GF25" s="62">
        <v>0</v>
      </c>
      <c r="GG25" s="63">
        <v>0</v>
      </c>
      <c r="GH25" s="60">
        <v>2</v>
      </c>
      <c r="GI25" s="61">
        <v>3</v>
      </c>
      <c r="GJ25" s="62">
        <v>5</v>
      </c>
      <c r="GK25" s="443">
        <v>0</v>
      </c>
      <c r="GL25" s="61">
        <v>8</v>
      </c>
      <c r="GM25" s="61">
        <v>4</v>
      </c>
      <c r="GN25" s="61">
        <v>4</v>
      </c>
      <c r="GO25" s="61">
        <v>4</v>
      </c>
      <c r="GP25" s="61">
        <v>0</v>
      </c>
      <c r="GQ25" s="62">
        <v>20</v>
      </c>
      <c r="GR25" s="63">
        <v>25</v>
      </c>
      <c r="GS25" s="113">
        <v>18</v>
      </c>
      <c r="GT25" s="72">
        <v>16</v>
      </c>
      <c r="GU25" s="73">
        <v>34</v>
      </c>
      <c r="GV25" s="443">
        <v>0</v>
      </c>
      <c r="GW25" s="72">
        <v>47</v>
      </c>
      <c r="GX25" s="72">
        <v>34</v>
      </c>
      <c r="GY25" s="72">
        <v>23</v>
      </c>
      <c r="GZ25" s="72">
        <v>20</v>
      </c>
      <c r="HA25" s="72">
        <v>9</v>
      </c>
      <c r="HB25" s="74">
        <v>133</v>
      </c>
      <c r="HC25" s="75">
        <v>167</v>
      </c>
      <c r="HD25" s="60">
        <v>0</v>
      </c>
      <c r="HE25" s="61">
        <v>0</v>
      </c>
      <c r="HF25" s="62">
        <v>0</v>
      </c>
      <c r="HG25" s="443">
        <v>0</v>
      </c>
      <c r="HH25" s="61">
        <v>0</v>
      </c>
      <c r="HI25" s="61">
        <v>0</v>
      </c>
      <c r="HJ25" s="61">
        <v>0</v>
      </c>
      <c r="HK25" s="61">
        <v>0</v>
      </c>
      <c r="HL25" s="61">
        <v>0</v>
      </c>
      <c r="HM25" s="62">
        <v>0</v>
      </c>
      <c r="HN25" s="63">
        <v>0</v>
      </c>
      <c r="HO25" s="60">
        <v>0</v>
      </c>
      <c r="HP25" s="61">
        <v>1</v>
      </c>
      <c r="HQ25" s="62">
        <v>1</v>
      </c>
      <c r="HR25" s="443">
        <v>0</v>
      </c>
      <c r="HS25" s="61">
        <v>0</v>
      </c>
      <c r="HT25" s="61">
        <v>0</v>
      </c>
      <c r="HU25" s="61">
        <v>0</v>
      </c>
      <c r="HV25" s="61">
        <v>0</v>
      </c>
      <c r="HW25" s="61">
        <v>2</v>
      </c>
      <c r="HX25" s="62">
        <v>2</v>
      </c>
      <c r="HY25" s="63">
        <v>3</v>
      </c>
      <c r="HZ25" s="60">
        <v>0</v>
      </c>
      <c r="IA25" s="61">
        <v>1</v>
      </c>
      <c r="IB25" s="62">
        <v>1</v>
      </c>
      <c r="IC25" s="443">
        <v>0</v>
      </c>
      <c r="ID25" s="61">
        <v>5</v>
      </c>
      <c r="IE25" s="61">
        <v>8</v>
      </c>
      <c r="IF25" s="61">
        <v>5</v>
      </c>
      <c r="IG25" s="61">
        <v>1</v>
      </c>
      <c r="IH25" s="61">
        <v>1</v>
      </c>
      <c r="II25" s="62">
        <v>20</v>
      </c>
      <c r="IJ25" s="63">
        <v>21</v>
      </c>
      <c r="IK25" s="60">
        <v>4</v>
      </c>
      <c r="IL25" s="61">
        <v>4</v>
      </c>
      <c r="IM25" s="62">
        <v>8</v>
      </c>
      <c r="IN25" s="443">
        <v>0</v>
      </c>
      <c r="IO25" s="61">
        <v>5</v>
      </c>
      <c r="IP25" s="61">
        <v>5</v>
      </c>
      <c r="IQ25" s="61">
        <v>3</v>
      </c>
      <c r="IR25" s="61">
        <v>2</v>
      </c>
      <c r="IS25" s="61">
        <v>3</v>
      </c>
      <c r="IT25" s="62">
        <v>18</v>
      </c>
      <c r="IU25" s="63">
        <v>26</v>
      </c>
      <c r="IV25" s="60">
        <v>7</v>
      </c>
      <c r="IW25" s="61">
        <v>7</v>
      </c>
      <c r="IX25" s="62">
        <v>14</v>
      </c>
      <c r="IY25" s="443">
        <v>0</v>
      </c>
      <c r="IZ25" s="61">
        <v>13</v>
      </c>
      <c r="JA25" s="61">
        <v>12</v>
      </c>
      <c r="JB25" s="61">
        <v>4</v>
      </c>
      <c r="JC25" s="61">
        <v>7</v>
      </c>
      <c r="JD25" s="61">
        <v>0</v>
      </c>
      <c r="JE25" s="62">
        <v>36</v>
      </c>
      <c r="JF25" s="63">
        <v>50</v>
      </c>
      <c r="JG25" s="60">
        <v>7</v>
      </c>
      <c r="JH25" s="61">
        <v>3</v>
      </c>
      <c r="JI25" s="62">
        <v>10</v>
      </c>
      <c r="JJ25" s="443">
        <v>0</v>
      </c>
      <c r="JK25" s="61">
        <v>24</v>
      </c>
      <c r="JL25" s="61">
        <v>9</v>
      </c>
      <c r="JM25" s="61">
        <v>11</v>
      </c>
      <c r="JN25" s="61">
        <v>10</v>
      </c>
      <c r="JO25" s="61">
        <v>3</v>
      </c>
      <c r="JP25" s="62">
        <v>57</v>
      </c>
      <c r="JQ25" s="63">
        <v>67</v>
      </c>
      <c r="JR25" s="60">
        <v>0</v>
      </c>
      <c r="JS25" s="61">
        <v>0</v>
      </c>
      <c r="JT25" s="62">
        <v>0</v>
      </c>
      <c r="JU25" s="443">
        <v>0</v>
      </c>
      <c r="JV25" s="61">
        <v>0</v>
      </c>
      <c r="JW25" s="61">
        <v>0</v>
      </c>
      <c r="JX25" s="61">
        <v>0</v>
      </c>
      <c r="JY25" s="61">
        <v>0</v>
      </c>
      <c r="JZ25" s="61">
        <v>0</v>
      </c>
      <c r="KA25" s="62">
        <v>0</v>
      </c>
      <c r="KB25" s="63">
        <v>0</v>
      </c>
      <c r="KC25" s="60">
        <v>18</v>
      </c>
      <c r="KD25" s="61">
        <v>16</v>
      </c>
      <c r="KE25" s="62">
        <v>34</v>
      </c>
      <c r="KF25" s="443">
        <v>0</v>
      </c>
      <c r="KG25" s="61">
        <v>47</v>
      </c>
      <c r="KH25" s="61">
        <v>34</v>
      </c>
      <c r="KI25" s="61">
        <v>23</v>
      </c>
      <c r="KJ25" s="61">
        <v>20</v>
      </c>
      <c r="KK25" s="61">
        <v>9</v>
      </c>
      <c r="KL25" s="62">
        <v>133</v>
      </c>
      <c r="KM25" s="63">
        <v>167</v>
      </c>
    </row>
    <row r="26" spans="2:299" ht="21" customHeight="1" x14ac:dyDescent="0.2">
      <c r="B26" s="437" t="s">
        <v>23</v>
      </c>
      <c r="C26" s="287">
        <v>41</v>
      </c>
      <c r="D26" s="72">
        <v>31</v>
      </c>
      <c r="E26" s="73">
        <v>72</v>
      </c>
      <c r="F26" s="443">
        <v>0</v>
      </c>
      <c r="G26" s="72">
        <v>41</v>
      </c>
      <c r="H26" s="72">
        <v>31</v>
      </c>
      <c r="I26" s="72">
        <v>27</v>
      </c>
      <c r="J26" s="72">
        <v>15</v>
      </c>
      <c r="K26" s="72">
        <v>10</v>
      </c>
      <c r="L26" s="74">
        <v>124</v>
      </c>
      <c r="M26" s="75">
        <v>196</v>
      </c>
      <c r="N26" s="60">
        <v>0</v>
      </c>
      <c r="O26" s="61">
        <v>1</v>
      </c>
      <c r="P26" s="62">
        <v>1</v>
      </c>
      <c r="Q26" s="443">
        <v>0</v>
      </c>
      <c r="R26" s="61">
        <v>0</v>
      </c>
      <c r="S26" s="61">
        <v>2</v>
      </c>
      <c r="T26" s="61">
        <v>0</v>
      </c>
      <c r="U26" s="61">
        <v>0</v>
      </c>
      <c r="V26" s="61">
        <v>1</v>
      </c>
      <c r="W26" s="62">
        <v>3</v>
      </c>
      <c r="X26" s="63">
        <v>4</v>
      </c>
      <c r="Y26" s="60">
        <v>0</v>
      </c>
      <c r="Z26" s="61">
        <v>0</v>
      </c>
      <c r="AA26" s="62">
        <v>0</v>
      </c>
      <c r="AB26" s="443">
        <v>0</v>
      </c>
      <c r="AC26" s="61">
        <v>1</v>
      </c>
      <c r="AD26" s="61">
        <v>2</v>
      </c>
      <c r="AE26" s="61">
        <v>1</v>
      </c>
      <c r="AF26" s="61">
        <v>0</v>
      </c>
      <c r="AG26" s="61">
        <v>1</v>
      </c>
      <c r="AH26" s="62">
        <v>5</v>
      </c>
      <c r="AI26" s="63">
        <v>5</v>
      </c>
      <c r="AJ26" s="60">
        <v>7</v>
      </c>
      <c r="AK26" s="61">
        <v>3</v>
      </c>
      <c r="AL26" s="62">
        <v>10</v>
      </c>
      <c r="AM26" s="443">
        <v>0</v>
      </c>
      <c r="AN26" s="61">
        <v>7</v>
      </c>
      <c r="AO26" s="61">
        <v>1</v>
      </c>
      <c r="AP26" s="61">
        <v>2</v>
      </c>
      <c r="AQ26" s="61">
        <v>3</v>
      </c>
      <c r="AR26" s="61">
        <v>1</v>
      </c>
      <c r="AS26" s="62">
        <v>14</v>
      </c>
      <c r="AT26" s="63">
        <v>24</v>
      </c>
      <c r="AU26" s="60">
        <v>11</v>
      </c>
      <c r="AV26" s="61">
        <v>15</v>
      </c>
      <c r="AW26" s="62">
        <v>26</v>
      </c>
      <c r="AX26" s="443">
        <v>0</v>
      </c>
      <c r="AY26" s="61">
        <v>9</v>
      </c>
      <c r="AZ26" s="61">
        <v>9</v>
      </c>
      <c r="BA26" s="61">
        <v>8</v>
      </c>
      <c r="BB26" s="61">
        <v>4</v>
      </c>
      <c r="BC26" s="61">
        <v>3</v>
      </c>
      <c r="BD26" s="62">
        <v>33</v>
      </c>
      <c r="BE26" s="63">
        <v>59</v>
      </c>
      <c r="BF26" s="60">
        <v>13</v>
      </c>
      <c r="BG26" s="61">
        <v>8</v>
      </c>
      <c r="BH26" s="62">
        <v>21</v>
      </c>
      <c r="BI26" s="443">
        <v>0</v>
      </c>
      <c r="BJ26" s="61">
        <v>17</v>
      </c>
      <c r="BK26" s="61">
        <v>5</v>
      </c>
      <c r="BL26" s="61">
        <v>7</v>
      </c>
      <c r="BM26" s="61">
        <v>2</v>
      </c>
      <c r="BN26" s="61">
        <v>2</v>
      </c>
      <c r="BO26" s="62">
        <v>33</v>
      </c>
      <c r="BP26" s="63">
        <v>54</v>
      </c>
      <c r="BQ26" s="60">
        <v>10</v>
      </c>
      <c r="BR26" s="61">
        <v>4</v>
      </c>
      <c r="BS26" s="62">
        <v>14</v>
      </c>
      <c r="BT26" s="443">
        <v>0</v>
      </c>
      <c r="BU26" s="61">
        <v>7</v>
      </c>
      <c r="BV26" s="61">
        <v>12</v>
      </c>
      <c r="BW26" s="61">
        <v>9</v>
      </c>
      <c r="BX26" s="61">
        <v>6</v>
      </c>
      <c r="BY26" s="61">
        <v>2</v>
      </c>
      <c r="BZ26" s="62">
        <v>36</v>
      </c>
      <c r="CA26" s="63">
        <v>50</v>
      </c>
      <c r="CB26" s="60">
        <v>0</v>
      </c>
      <c r="CC26" s="61">
        <v>0</v>
      </c>
      <c r="CD26" s="62">
        <v>0</v>
      </c>
      <c r="CE26" s="443">
        <v>0</v>
      </c>
      <c r="CF26" s="61">
        <v>0</v>
      </c>
      <c r="CG26" s="61">
        <v>0</v>
      </c>
      <c r="CH26" s="61">
        <v>0</v>
      </c>
      <c r="CI26" s="61">
        <v>0</v>
      </c>
      <c r="CJ26" s="61">
        <v>0</v>
      </c>
      <c r="CK26" s="62">
        <v>0</v>
      </c>
      <c r="CL26" s="63">
        <v>0</v>
      </c>
      <c r="CM26" s="60">
        <v>41</v>
      </c>
      <c r="CN26" s="61">
        <v>31</v>
      </c>
      <c r="CO26" s="62">
        <v>72</v>
      </c>
      <c r="CP26" s="443">
        <v>0</v>
      </c>
      <c r="CQ26" s="61">
        <v>41</v>
      </c>
      <c r="CR26" s="61">
        <v>31</v>
      </c>
      <c r="CS26" s="61">
        <v>27</v>
      </c>
      <c r="CT26" s="61">
        <v>15</v>
      </c>
      <c r="CU26" s="61">
        <v>10</v>
      </c>
      <c r="CV26" s="62">
        <v>124</v>
      </c>
      <c r="CW26" s="63">
        <v>196</v>
      </c>
      <c r="CX26" s="113">
        <v>2</v>
      </c>
      <c r="CY26" s="72">
        <v>3</v>
      </c>
      <c r="CZ26" s="73">
        <v>5</v>
      </c>
      <c r="DA26" s="443">
        <v>0</v>
      </c>
      <c r="DB26" s="72">
        <v>5</v>
      </c>
      <c r="DC26" s="72">
        <v>6</v>
      </c>
      <c r="DD26" s="72">
        <v>1</v>
      </c>
      <c r="DE26" s="72">
        <v>5</v>
      </c>
      <c r="DF26" s="72">
        <v>1</v>
      </c>
      <c r="DG26" s="74">
        <v>18</v>
      </c>
      <c r="DH26" s="75">
        <v>23</v>
      </c>
      <c r="DI26" s="60">
        <v>0</v>
      </c>
      <c r="DJ26" s="61">
        <v>0</v>
      </c>
      <c r="DK26" s="62">
        <v>0</v>
      </c>
      <c r="DL26" s="443">
        <v>0</v>
      </c>
      <c r="DM26" s="61">
        <v>0</v>
      </c>
      <c r="DN26" s="61">
        <v>0</v>
      </c>
      <c r="DO26" s="61">
        <v>0</v>
      </c>
      <c r="DP26" s="61">
        <v>1</v>
      </c>
      <c r="DQ26" s="61">
        <v>0</v>
      </c>
      <c r="DR26" s="62">
        <v>1</v>
      </c>
      <c r="DS26" s="63">
        <v>1</v>
      </c>
      <c r="DT26" s="60">
        <v>0</v>
      </c>
      <c r="DU26" s="61">
        <v>2</v>
      </c>
      <c r="DV26" s="62">
        <v>2</v>
      </c>
      <c r="DW26" s="443">
        <v>0</v>
      </c>
      <c r="DX26" s="61">
        <v>0</v>
      </c>
      <c r="DY26" s="61">
        <v>0</v>
      </c>
      <c r="DZ26" s="61">
        <v>0</v>
      </c>
      <c r="EA26" s="61">
        <v>0</v>
      </c>
      <c r="EB26" s="61">
        <v>0</v>
      </c>
      <c r="EC26" s="62">
        <v>0</v>
      </c>
      <c r="ED26" s="63">
        <v>2</v>
      </c>
      <c r="EE26" s="60">
        <v>1</v>
      </c>
      <c r="EF26" s="61">
        <v>0</v>
      </c>
      <c r="EG26" s="62">
        <v>1</v>
      </c>
      <c r="EH26" s="443">
        <v>0</v>
      </c>
      <c r="EI26" s="61">
        <v>1</v>
      </c>
      <c r="EJ26" s="61">
        <v>2</v>
      </c>
      <c r="EK26" s="61">
        <v>0</v>
      </c>
      <c r="EL26" s="61">
        <v>1</v>
      </c>
      <c r="EM26" s="61">
        <v>0</v>
      </c>
      <c r="EN26" s="62">
        <v>4</v>
      </c>
      <c r="EO26" s="63">
        <v>5</v>
      </c>
      <c r="EP26" s="60">
        <v>1</v>
      </c>
      <c r="EQ26" s="61">
        <v>0</v>
      </c>
      <c r="ER26" s="62">
        <v>1</v>
      </c>
      <c r="ES26" s="443">
        <v>0</v>
      </c>
      <c r="ET26" s="61">
        <v>2</v>
      </c>
      <c r="EU26" s="61">
        <v>0</v>
      </c>
      <c r="EV26" s="61">
        <v>0</v>
      </c>
      <c r="EW26" s="61">
        <v>0</v>
      </c>
      <c r="EX26" s="61">
        <v>0</v>
      </c>
      <c r="EY26" s="62">
        <v>2</v>
      </c>
      <c r="EZ26" s="63">
        <v>3</v>
      </c>
      <c r="FA26" s="60">
        <v>0</v>
      </c>
      <c r="FB26" s="61">
        <v>1</v>
      </c>
      <c r="FC26" s="62">
        <v>1</v>
      </c>
      <c r="FD26" s="443">
        <v>0</v>
      </c>
      <c r="FE26" s="61">
        <v>2</v>
      </c>
      <c r="FF26" s="61">
        <v>4</v>
      </c>
      <c r="FG26" s="61">
        <v>0</v>
      </c>
      <c r="FH26" s="61">
        <v>1</v>
      </c>
      <c r="FI26" s="61">
        <v>1</v>
      </c>
      <c r="FJ26" s="62">
        <v>8</v>
      </c>
      <c r="FK26" s="63">
        <v>9</v>
      </c>
      <c r="FL26" s="60">
        <v>0</v>
      </c>
      <c r="FM26" s="61">
        <v>0</v>
      </c>
      <c r="FN26" s="62">
        <v>0</v>
      </c>
      <c r="FO26" s="443">
        <v>0</v>
      </c>
      <c r="FP26" s="61">
        <v>0</v>
      </c>
      <c r="FQ26" s="61">
        <v>0</v>
      </c>
      <c r="FR26" s="61">
        <v>1</v>
      </c>
      <c r="FS26" s="61">
        <v>2</v>
      </c>
      <c r="FT26" s="61">
        <v>0</v>
      </c>
      <c r="FU26" s="62">
        <v>3</v>
      </c>
      <c r="FV26" s="63">
        <v>3</v>
      </c>
      <c r="FW26" s="60">
        <v>0</v>
      </c>
      <c r="FX26" s="61">
        <v>0</v>
      </c>
      <c r="FY26" s="62">
        <v>0</v>
      </c>
      <c r="FZ26" s="443">
        <v>0</v>
      </c>
      <c r="GA26" s="61">
        <v>0</v>
      </c>
      <c r="GB26" s="61">
        <v>0</v>
      </c>
      <c r="GC26" s="61">
        <v>0</v>
      </c>
      <c r="GD26" s="61">
        <v>0</v>
      </c>
      <c r="GE26" s="61">
        <v>0</v>
      </c>
      <c r="GF26" s="62">
        <v>0</v>
      </c>
      <c r="GG26" s="63">
        <v>0</v>
      </c>
      <c r="GH26" s="60">
        <v>2</v>
      </c>
      <c r="GI26" s="61">
        <v>3</v>
      </c>
      <c r="GJ26" s="62">
        <v>5</v>
      </c>
      <c r="GK26" s="443">
        <v>0</v>
      </c>
      <c r="GL26" s="61">
        <v>5</v>
      </c>
      <c r="GM26" s="61">
        <v>6</v>
      </c>
      <c r="GN26" s="61">
        <v>1</v>
      </c>
      <c r="GO26" s="61">
        <v>5</v>
      </c>
      <c r="GP26" s="61">
        <v>1</v>
      </c>
      <c r="GQ26" s="62">
        <v>18</v>
      </c>
      <c r="GR26" s="63">
        <v>23</v>
      </c>
      <c r="GS26" s="113">
        <v>43</v>
      </c>
      <c r="GT26" s="72">
        <v>34</v>
      </c>
      <c r="GU26" s="73">
        <v>77</v>
      </c>
      <c r="GV26" s="443">
        <v>0</v>
      </c>
      <c r="GW26" s="72">
        <v>46</v>
      </c>
      <c r="GX26" s="72">
        <v>37</v>
      </c>
      <c r="GY26" s="72">
        <v>28</v>
      </c>
      <c r="GZ26" s="72">
        <v>20</v>
      </c>
      <c r="HA26" s="72">
        <v>11</v>
      </c>
      <c r="HB26" s="74">
        <v>142</v>
      </c>
      <c r="HC26" s="75">
        <v>219</v>
      </c>
      <c r="HD26" s="60">
        <v>0</v>
      </c>
      <c r="HE26" s="61">
        <v>1</v>
      </c>
      <c r="HF26" s="62">
        <v>1</v>
      </c>
      <c r="HG26" s="443">
        <v>0</v>
      </c>
      <c r="HH26" s="61">
        <v>0</v>
      </c>
      <c r="HI26" s="61">
        <v>2</v>
      </c>
      <c r="HJ26" s="61">
        <v>0</v>
      </c>
      <c r="HK26" s="61">
        <v>1</v>
      </c>
      <c r="HL26" s="61">
        <v>1</v>
      </c>
      <c r="HM26" s="62">
        <v>4</v>
      </c>
      <c r="HN26" s="63">
        <v>5</v>
      </c>
      <c r="HO26" s="60">
        <v>0</v>
      </c>
      <c r="HP26" s="61">
        <v>2</v>
      </c>
      <c r="HQ26" s="62">
        <v>2</v>
      </c>
      <c r="HR26" s="443">
        <v>0</v>
      </c>
      <c r="HS26" s="61">
        <v>1</v>
      </c>
      <c r="HT26" s="61">
        <v>2</v>
      </c>
      <c r="HU26" s="61">
        <v>1</v>
      </c>
      <c r="HV26" s="61">
        <v>0</v>
      </c>
      <c r="HW26" s="61">
        <v>1</v>
      </c>
      <c r="HX26" s="62">
        <v>5</v>
      </c>
      <c r="HY26" s="63">
        <v>7</v>
      </c>
      <c r="HZ26" s="60">
        <v>8</v>
      </c>
      <c r="IA26" s="61">
        <v>3</v>
      </c>
      <c r="IB26" s="62">
        <v>11</v>
      </c>
      <c r="IC26" s="443">
        <v>0</v>
      </c>
      <c r="ID26" s="61">
        <v>8</v>
      </c>
      <c r="IE26" s="61">
        <v>3</v>
      </c>
      <c r="IF26" s="61">
        <v>2</v>
      </c>
      <c r="IG26" s="61">
        <v>4</v>
      </c>
      <c r="IH26" s="61">
        <v>1</v>
      </c>
      <c r="II26" s="62">
        <v>18</v>
      </c>
      <c r="IJ26" s="63">
        <v>29</v>
      </c>
      <c r="IK26" s="60">
        <v>12</v>
      </c>
      <c r="IL26" s="61">
        <v>15</v>
      </c>
      <c r="IM26" s="62">
        <v>27</v>
      </c>
      <c r="IN26" s="443">
        <v>0</v>
      </c>
      <c r="IO26" s="61">
        <v>11</v>
      </c>
      <c r="IP26" s="61">
        <v>9</v>
      </c>
      <c r="IQ26" s="61">
        <v>8</v>
      </c>
      <c r="IR26" s="61">
        <v>4</v>
      </c>
      <c r="IS26" s="61">
        <v>3</v>
      </c>
      <c r="IT26" s="62">
        <v>35</v>
      </c>
      <c r="IU26" s="63">
        <v>62</v>
      </c>
      <c r="IV26" s="60">
        <v>13</v>
      </c>
      <c r="IW26" s="61">
        <v>9</v>
      </c>
      <c r="IX26" s="62">
        <v>22</v>
      </c>
      <c r="IY26" s="443">
        <v>0</v>
      </c>
      <c r="IZ26" s="61">
        <v>19</v>
      </c>
      <c r="JA26" s="61">
        <v>9</v>
      </c>
      <c r="JB26" s="61">
        <v>7</v>
      </c>
      <c r="JC26" s="61">
        <v>3</v>
      </c>
      <c r="JD26" s="61">
        <v>3</v>
      </c>
      <c r="JE26" s="62">
        <v>41</v>
      </c>
      <c r="JF26" s="63">
        <v>63</v>
      </c>
      <c r="JG26" s="60">
        <v>10</v>
      </c>
      <c r="JH26" s="61">
        <v>4</v>
      </c>
      <c r="JI26" s="62">
        <v>14</v>
      </c>
      <c r="JJ26" s="443">
        <v>0</v>
      </c>
      <c r="JK26" s="61">
        <v>7</v>
      </c>
      <c r="JL26" s="61">
        <v>12</v>
      </c>
      <c r="JM26" s="61">
        <v>10</v>
      </c>
      <c r="JN26" s="61">
        <v>8</v>
      </c>
      <c r="JO26" s="61">
        <v>2</v>
      </c>
      <c r="JP26" s="62">
        <v>39</v>
      </c>
      <c r="JQ26" s="63">
        <v>53</v>
      </c>
      <c r="JR26" s="60">
        <v>0</v>
      </c>
      <c r="JS26" s="61">
        <v>0</v>
      </c>
      <c r="JT26" s="62">
        <v>0</v>
      </c>
      <c r="JU26" s="443">
        <v>0</v>
      </c>
      <c r="JV26" s="61">
        <v>0</v>
      </c>
      <c r="JW26" s="61">
        <v>0</v>
      </c>
      <c r="JX26" s="61">
        <v>0</v>
      </c>
      <c r="JY26" s="61">
        <v>0</v>
      </c>
      <c r="JZ26" s="61">
        <v>0</v>
      </c>
      <c r="KA26" s="62">
        <v>0</v>
      </c>
      <c r="KB26" s="63">
        <v>0</v>
      </c>
      <c r="KC26" s="60">
        <v>43</v>
      </c>
      <c r="KD26" s="61">
        <v>34</v>
      </c>
      <c r="KE26" s="62">
        <v>77</v>
      </c>
      <c r="KF26" s="443">
        <v>0</v>
      </c>
      <c r="KG26" s="61">
        <v>46</v>
      </c>
      <c r="KH26" s="61">
        <v>37</v>
      </c>
      <c r="KI26" s="61">
        <v>28</v>
      </c>
      <c r="KJ26" s="61">
        <v>20</v>
      </c>
      <c r="KK26" s="61">
        <v>11</v>
      </c>
      <c r="KL26" s="62">
        <v>142</v>
      </c>
      <c r="KM26" s="63">
        <v>219</v>
      </c>
    </row>
    <row r="27" spans="2:299" ht="21" customHeight="1" x14ac:dyDescent="0.2">
      <c r="B27" s="437" t="s">
        <v>24</v>
      </c>
      <c r="C27" s="287">
        <v>35</v>
      </c>
      <c r="D27" s="72">
        <v>21</v>
      </c>
      <c r="E27" s="73">
        <v>56</v>
      </c>
      <c r="F27" s="443">
        <v>0</v>
      </c>
      <c r="G27" s="72">
        <v>39</v>
      </c>
      <c r="H27" s="72">
        <v>30</v>
      </c>
      <c r="I27" s="72">
        <v>17</v>
      </c>
      <c r="J27" s="72">
        <v>16</v>
      </c>
      <c r="K27" s="72">
        <v>9</v>
      </c>
      <c r="L27" s="74">
        <v>111</v>
      </c>
      <c r="M27" s="75">
        <v>167</v>
      </c>
      <c r="N27" s="60">
        <v>1</v>
      </c>
      <c r="O27" s="61">
        <v>0</v>
      </c>
      <c r="P27" s="62">
        <v>1</v>
      </c>
      <c r="Q27" s="443">
        <v>0</v>
      </c>
      <c r="R27" s="61">
        <v>1</v>
      </c>
      <c r="S27" s="61">
        <v>0</v>
      </c>
      <c r="T27" s="61">
        <v>0</v>
      </c>
      <c r="U27" s="61">
        <v>0</v>
      </c>
      <c r="V27" s="61">
        <v>0</v>
      </c>
      <c r="W27" s="62">
        <v>1</v>
      </c>
      <c r="X27" s="63">
        <v>2</v>
      </c>
      <c r="Y27" s="60">
        <v>0</v>
      </c>
      <c r="Z27" s="61">
        <v>2</v>
      </c>
      <c r="AA27" s="62">
        <v>2</v>
      </c>
      <c r="AB27" s="443">
        <v>0</v>
      </c>
      <c r="AC27" s="61">
        <v>1</v>
      </c>
      <c r="AD27" s="61">
        <v>0</v>
      </c>
      <c r="AE27" s="61">
        <v>1</v>
      </c>
      <c r="AF27" s="61">
        <v>0</v>
      </c>
      <c r="AG27" s="61">
        <v>2</v>
      </c>
      <c r="AH27" s="62">
        <v>4</v>
      </c>
      <c r="AI27" s="63">
        <v>6</v>
      </c>
      <c r="AJ27" s="60">
        <v>2</v>
      </c>
      <c r="AK27" s="61">
        <v>0</v>
      </c>
      <c r="AL27" s="62">
        <v>2</v>
      </c>
      <c r="AM27" s="443">
        <v>0</v>
      </c>
      <c r="AN27" s="61">
        <v>2</v>
      </c>
      <c r="AO27" s="61">
        <v>3</v>
      </c>
      <c r="AP27" s="61">
        <v>1</v>
      </c>
      <c r="AQ27" s="61">
        <v>4</v>
      </c>
      <c r="AR27" s="61">
        <v>0</v>
      </c>
      <c r="AS27" s="62">
        <v>10</v>
      </c>
      <c r="AT27" s="63">
        <v>12</v>
      </c>
      <c r="AU27" s="60">
        <v>6</v>
      </c>
      <c r="AV27" s="61">
        <v>3</v>
      </c>
      <c r="AW27" s="62">
        <v>9</v>
      </c>
      <c r="AX27" s="443">
        <v>0</v>
      </c>
      <c r="AY27" s="61">
        <v>8</v>
      </c>
      <c r="AZ27" s="61">
        <v>4</v>
      </c>
      <c r="BA27" s="61">
        <v>1</v>
      </c>
      <c r="BB27" s="61">
        <v>4</v>
      </c>
      <c r="BC27" s="61">
        <v>3</v>
      </c>
      <c r="BD27" s="62">
        <v>20</v>
      </c>
      <c r="BE27" s="63">
        <v>29</v>
      </c>
      <c r="BF27" s="60">
        <v>14</v>
      </c>
      <c r="BG27" s="61">
        <v>10</v>
      </c>
      <c r="BH27" s="62">
        <v>24</v>
      </c>
      <c r="BI27" s="443">
        <v>0</v>
      </c>
      <c r="BJ27" s="61">
        <v>11</v>
      </c>
      <c r="BK27" s="61">
        <v>10</v>
      </c>
      <c r="BL27" s="61">
        <v>7</v>
      </c>
      <c r="BM27" s="61">
        <v>3</v>
      </c>
      <c r="BN27" s="61">
        <v>2</v>
      </c>
      <c r="BO27" s="62">
        <v>33</v>
      </c>
      <c r="BP27" s="63">
        <v>57</v>
      </c>
      <c r="BQ27" s="60">
        <v>12</v>
      </c>
      <c r="BR27" s="61">
        <v>6</v>
      </c>
      <c r="BS27" s="62">
        <v>18</v>
      </c>
      <c r="BT27" s="443">
        <v>0</v>
      </c>
      <c r="BU27" s="61">
        <v>16</v>
      </c>
      <c r="BV27" s="61">
        <v>13</v>
      </c>
      <c r="BW27" s="61">
        <v>7</v>
      </c>
      <c r="BX27" s="61">
        <v>5</v>
      </c>
      <c r="BY27" s="61">
        <v>2</v>
      </c>
      <c r="BZ27" s="62">
        <v>43</v>
      </c>
      <c r="CA27" s="63">
        <v>61</v>
      </c>
      <c r="CB27" s="60">
        <v>0</v>
      </c>
      <c r="CC27" s="61">
        <v>0</v>
      </c>
      <c r="CD27" s="62">
        <v>0</v>
      </c>
      <c r="CE27" s="443">
        <v>0</v>
      </c>
      <c r="CF27" s="61">
        <v>0</v>
      </c>
      <c r="CG27" s="61">
        <v>0</v>
      </c>
      <c r="CH27" s="61">
        <v>0</v>
      </c>
      <c r="CI27" s="61">
        <v>0</v>
      </c>
      <c r="CJ27" s="61">
        <v>0</v>
      </c>
      <c r="CK27" s="62">
        <v>0</v>
      </c>
      <c r="CL27" s="63">
        <v>0</v>
      </c>
      <c r="CM27" s="60">
        <v>35</v>
      </c>
      <c r="CN27" s="61">
        <v>21</v>
      </c>
      <c r="CO27" s="62">
        <v>56</v>
      </c>
      <c r="CP27" s="443">
        <v>0</v>
      </c>
      <c r="CQ27" s="61">
        <v>39</v>
      </c>
      <c r="CR27" s="61">
        <v>30</v>
      </c>
      <c r="CS27" s="61">
        <v>17</v>
      </c>
      <c r="CT27" s="61">
        <v>16</v>
      </c>
      <c r="CU27" s="61">
        <v>9</v>
      </c>
      <c r="CV27" s="62">
        <v>111</v>
      </c>
      <c r="CW27" s="63">
        <v>167</v>
      </c>
      <c r="CX27" s="113">
        <v>3</v>
      </c>
      <c r="CY27" s="72">
        <v>2</v>
      </c>
      <c r="CZ27" s="73">
        <v>5</v>
      </c>
      <c r="DA27" s="443">
        <v>0</v>
      </c>
      <c r="DB27" s="72">
        <v>6</v>
      </c>
      <c r="DC27" s="72">
        <v>2</v>
      </c>
      <c r="DD27" s="72">
        <v>4</v>
      </c>
      <c r="DE27" s="72">
        <v>4</v>
      </c>
      <c r="DF27" s="72">
        <v>3</v>
      </c>
      <c r="DG27" s="74">
        <v>19</v>
      </c>
      <c r="DH27" s="75">
        <v>24</v>
      </c>
      <c r="DI27" s="60">
        <v>0</v>
      </c>
      <c r="DJ27" s="61">
        <v>0</v>
      </c>
      <c r="DK27" s="62">
        <v>0</v>
      </c>
      <c r="DL27" s="443">
        <v>0</v>
      </c>
      <c r="DM27" s="61">
        <v>0</v>
      </c>
      <c r="DN27" s="61">
        <v>0</v>
      </c>
      <c r="DO27" s="61">
        <v>0</v>
      </c>
      <c r="DP27" s="61">
        <v>0</v>
      </c>
      <c r="DQ27" s="61">
        <v>0</v>
      </c>
      <c r="DR27" s="62">
        <v>0</v>
      </c>
      <c r="DS27" s="63">
        <v>0</v>
      </c>
      <c r="DT27" s="60">
        <v>0</v>
      </c>
      <c r="DU27" s="61">
        <v>0</v>
      </c>
      <c r="DV27" s="62">
        <v>0</v>
      </c>
      <c r="DW27" s="443">
        <v>0</v>
      </c>
      <c r="DX27" s="61">
        <v>0</v>
      </c>
      <c r="DY27" s="61">
        <v>0</v>
      </c>
      <c r="DZ27" s="61">
        <v>0</v>
      </c>
      <c r="EA27" s="61">
        <v>0</v>
      </c>
      <c r="EB27" s="61">
        <v>0</v>
      </c>
      <c r="EC27" s="62">
        <v>0</v>
      </c>
      <c r="ED27" s="63">
        <v>0</v>
      </c>
      <c r="EE27" s="60">
        <v>0</v>
      </c>
      <c r="EF27" s="61">
        <v>0</v>
      </c>
      <c r="EG27" s="62">
        <v>0</v>
      </c>
      <c r="EH27" s="443">
        <v>0</v>
      </c>
      <c r="EI27" s="61">
        <v>0</v>
      </c>
      <c r="EJ27" s="61">
        <v>0</v>
      </c>
      <c r="EK27" s="61">
        <v>0</v>
      </c>
      <c r="EL27" s="61">
        <v>0</v>
      </c>
      <c r="EM27" s="61">
        <v>0</v>
      </c>
      <c r="EN27" s="62">
        <v>0</v>
      </c>
      <c r="EO27" s="63">
        <v>0</v>
      </c>
      <c r="EP27" s="60">
        <v>0</v>
      </c>
      <c r="EQ27" s="61">
        <v>0</v>
      </c>
      <c r="ER27" s="62">
        <v>0</v>
      </c>
      <c r="ES27" s="443">
        <v>0</v>
      </c>
      <c r="ET27" s="61">
        <v>3</v>
      </c>
      <c r="EU27" s="61">
        <v>0</v>
      </c>
      <c r="EV27" s="61">
        <v>1</v>
      </c>
      <c r="EW27" s="61">
        <v>1</v>
      </c>
      <c r="EX27" s="61">
        <v>2</v>
      </c>
      <c r="EY27" s="62">
        <v>7</v>
      </c>
      <c r="EZ27" s="63">
        <v>7</v>
      </c>
      <c r="FA27" s="60">
        <v>2</v>
      </c>
      <c r="FB27" s="61">
        <v>2</v>
      </c>
      <c r="FC27" s="62">
        <v>4</v>
      </c>
      <c r="FD27" s="443">
        <v>0</v>
      </c>
      <c r="FE27" s="61">
        <v>1</v>
      </c>
      <c r="FF27" s="61">
        <v>1</v>
      </c>
      <c r="FG27" s="61">
        <v>1</v>
      </c>
      <c r="FH27" s="61">
        <v>1</v>
      </c>
      <c r="FI27" s="61">
        <v>1</v>
      </c>
      <c r="FJ27" s="62">
        <v>5</v>
      </c>
      <c r="FK27" s="63">
        <v>9</v>
      </c>
      <c r="FL27" s="60">
        <v>1</v>
      </c>
      <c r="FM27" s="61">
        <v>0</v>
      </c>
      <c r="FN27" s="62">
        <v>1</v>
      </c>
      <c r="FO27" s="443">
        <v>0</v>
      </c>
      <c r="FP27" s="61">
        <v>2</v>
      </c>
      <c r="FQ27" s="61">
        <v>1</v>
      </c>
      <c r="FR27" s="61">
        <v>2</v>
      </c>
      <c r="FS27" s="61">
        <v>2</v>
      </c>
      <c r="FT27" s="61">
        <v>0</v>
      </c>
      <c r="FU27" s="62">
        <v>7</v>
      </c>
      <c r="FV27" s="63">
        <v>8</v>
      </c>
      <c r="FW27" s="60">
        <v>0</v>
      </c>
      <c r="FX27" s="61">
        <v>0</v>
      </c>
      <c r="FY27" s="62">
        <v>0</v>
      </c>
      <c r="FZ27" s="443">
        <v>0</v>
      </c>
      <c r="GA27" s="61">
        <v>0</v>
      </c>
      <c r="GB27" s="61">
        <v>0</v>
      </c>
      <c r="GC27" s="61">
        <v>0</v>
      </c>
      <c r="GD27" s="61">
        <v>0</v>
      </c>
      <c r="GE27" s="61">
        <v>0</v>
      </c>
      <c r="GF27" s="62">
        <v>0</v>
      </c>
      <c r="GG27" s="63">
        <v>0</v>
      </c>
      <c r="GH27" s="60">
        <v>3</v>
      </c>
      <c r="GI27" s="61">
        <v>2</v>
      </c>
      <c r="GJ27" s="62">
        <v>5</v>
      </c>
      <c r="GK27" s="443">
        <v>0</v>
      </c>
      <c r="GL27" s="61">
        <v>6</v>
      </c>
      <c r="GM27" s="61">
        <v>2</v>
      </c>
      <c r="GN27" s="61">
        <v>4</v>
      </c>
      <c r="GO27" s="61">
        <v>4</v>
      </c>
      <c r="GP27" s="61">
        <v>3</v>
      </c>
      <c r="GQ27" s="62">
        <v>19</v>
      </c>
      <c r="GR27" s="63">
        <v>24</v>
      </c>
      <c r="GS27" s="113">
        <v>38</v>
      </c>
      <c r="GT27" s="72">
        <v>23</v>
      </c>
      <c r="GU27" s="73">
        <v>61</v>
      </c>
      <c r="GV27" s="443">
        <v>0</v>
      </c>
      <c r="GW27" s="72">
        <v>45</v>
      </c>
      <c r="GX27" s="72">
        <v>32</v>
      </c>
      <c r="GY27" s="72">
        <v>21</v>
      </c>
      <c r="GZ27" s="72">
        <v>20</v>
      </c>
      <c r="HA27" s="72">
        <v>12</v>
      </c>
      <c r="HB27" s="74">
        <v>130</v>
      </c>
      <c r="HC27" s="75">
        <v>191</v>
      </c>
      <c r="HD27" s="60">
        <v>1</v>
      </c>
      <c r="HE27" s="61">
        <v>0</v>
      </c>
      <c r="HF27" s="62">
        <v>1</v>
      </c>
      <c r="HG27" s="443">
        <v>0</v>
      </c>
      <c r="HH27" s="61">
        <v>1</v>
      </c>
      <c r="HI27" s="61">
        <v>0</v>
      </c>
      <c r="HJ27" s="61">
        <v>0</v>
      </c>
      <c r="HK27" s="61">
        <v>0</v>
      </c>
      <c r="HL27" s="61">
        <v>0</v>
      </c>
      <c r="HM27" s="62">
        <v>1</v>
      </c>
      <c r="HN27" s="63">
        <v>2</v>
      </c>
      <c r="HO27" s="60">
        <v>0</v>
      </c>
      <c r="HP27" s="61">
        <v>2</v>
      </c>
      <c r="HQ27" s="62">
        <v>2</v>
      </c>
      <c r="HR27" s="443">
        <v>0</v>
      </c>
      <c r="HS27" s="61">
        <v>1</v>
      </c>
      <c r="HT27" s="61">
        <v>0</v>
      </c>
      <c r="HU27" s="61">
        <v>1</v>
      </c>
      <c r="HV27" s="61">
        <v>0</v>
      </c>
      <c r="HW27" s="61">
        <v>2</v>
      </c>
      <c r="HX27" s="62">
        <v>4</v>
      </c>
      <c r="HY27" s="63">
        <v>6</v>
      </c>
      <c r="HZ27" s="60">
        <v>2</v>
      </c>
      <c r="IA27" s="61">
        <v>0</v>
      </c>
      <c r="IB27" s="62">
        <v>2</v>
      </c>
      <c r="IC27" s="443">
        <v>0</v>
      </c>
      <c r="ID27" s="61">
        <v>2</v>
      </c>
      <c r="IE27" s="61">
        <v>3</v>
      </c>
      <c r="IF27" s="61">
        <v>1</v>
      </c>
      <c r="IG27" s="61">
        <v>4</v>
      </c>
      <c r="IH27" s="61">
        <v>0</v>
      </c>
      <c r="II27" s="62">
        <v>10</v>
      </c>
      <c r="IJ27" s="63">
        <v>12</v>
      </c>
      <c r="IK27" s="60">
        <v>6</v>
      </c>
      <c r="IL27" s="61">
        <v>3</v>
      </c>
      <c r="IM27" s="62">
        <v>9</v>
      </c>
      <c r="IN27" s="443">
        <v>0</v>
      </c>
      <c r="IO27" s="61">
        <v>11</v>
      </c>
      <c r="IP27" s="61">
        <v>4</v>
      </c>
      <c r="IQ27" s="61">
        <v>2</v>
      </c>
      <c r="IR27" s="61">
        <v>5</v>
      </c>
      <c r="IS27" s="61">
        <v>5</v>
      </c>
      <c r="IT27" s="62">
        <v>27</v>
      </c>
      <c r="IU27" s="63">
        <v>36</v>
      </c>
      <c r="IV27" s="60">
        <v>16</v>
      </c>
      <c r="IW27" s="61">
        <v>12</v>
      </c>
      <c r="IX27" s="62">
        <v>28</v>
      </c>
      <c r="IY27" s="443">
        <v>0</v>
      </c>
      <c r="IZ27" s="61">
        <v>12</v>
      </c>
      <c r="JA27" s="61">
        <v>11</v>
      </c>
      <c r="JB27" s="61">
        <v>8</v>
      </c>
      <c r="JC27" s="61">
        <v>4</v>
      </c>
      <c r="JD27" s="61">
        <v>3</v>
      </c>
      <c r="JE27" s="62">
        <v>38</v>
      </c>
      <c r="JF27" s="63">
        <v>66</v>
      </c>
      <c r="JG27" s="60">
        <v>13</v>
      </c>
      <c r="JH27" s="61">
        <v>6</v>
      </c>
      <c r="JI27" s="62">
        <v>19</v>
      </c>
      <c r="JJ27" s="443">
        <v>0</v>
      </c>
      <c r="JK27" s="61">
        <v>18</v>
      </c>
      <c r="JL27" s="61">
        <v>14</v>
      </c>
      <c r="JM27" s="61">
        <v>9</v>
      </c>
      <c r="JN27" s="61">
        <v>7</v>
      </c>
      <c r="JO27" s="61">
        <v>2</v>
      </c>
      <c r="JP27" s="62">
        <v>50</v>
      </c>
      <c r="JQ27" s="63">
        <v>69</v>
      </c>
      <c r="JR27" s="60">
        <v>0</v>
      </c>
      <c r="JS27" s="61">
        <v>0</v>
      </c>
      <c r="JT27" s="62">
        <v>0</v>
      </c>
      <c r="JU27" s="443">
        <v>0</v>
      </c>
      <c r="JV27" s="61">
        <v>0</v>
      </c>
      <c r="JW27" s="61">
        <v>0</v>
      </c>
      <c r="JX27" s="61">
        <v>0</v>
      </c>
      <c r="JY27" s="61">
        <v>0</v>
      </c>
      <c r="JZ27" s="61">
        <v>0</v>
      </c>
      <c r="KA27" s="62">
        <v>0</v>
      </c>
      <c r="KB27" s="63">
        <v>0</v>
      </c>
      <c r="KC27" s="60">
        <v>38</v>
      </c>
      <c r="KD27" s="61">
        <v>23</v>
      </c>
      <c r="KE27" s="62">
        <v>61</v>
      </c>
      <c r="KF27" s="443">
        <v>0</v>
      </c>
      <c r="KG27" s="61">
        <v>45</v>
      </c>
      <c r="KH27" s="61">
        <v>32</v>
      </c>
      <c r="KI27" s="61">
        <v>21</v>
      </c>
      <c r="KJ27" s="61">
        <v>20</v>
      </c>
      <c r="KK27" s="61">
        <v>12</v>
      </c>
      <c r="KL27" s="62">
        <v>130</v>
      </c>
      <c r="KM27" s="63">
        <v>191</v>
      </c>
    </row>
    <row r="28" spans="2:299" ht="21" customHeight="1" x14ac:dyDescent="0.2">
      <c r="B28" s="437" t="s">
        <v>25</v>
      </c>
      <c r="C28" s="287">
        <v>14</v>
      </c>
      <c r="D28" s="72">
        <v>22</v>
      </c>
      <c r="E28" s="73">
        <v>36</v>
      </c>
      <c r="F28" s="443">
        <v>0</v>
      </c>
      <c r="G28" s="72">
        <v>26</v>
      </c>
      <c r="H28" s="72">
        <v>17</v>
      </c>
      <c r="I28" s="72">
        <v>10</v>
      </c>
      <c r="J28" s="72">
        <v>13</v>
      </c>
      <c r="K28" s="72">
        <v>9</v>
      </c>
      <c r="L28" s="74">
        <v>75</v>
      </c>
      <c r="M28" s="75">
        <v>111</v>
      </c>
      <c r="N28" s="60">
        <v>0</v>
      </c>
      <c r="O28" s="61">
        <v>0</v>
      </c>
      <c r="P28" s="62">
        <v>0</v>
      </c>
      <c r="Q28" s="443">
        <v>0</v>
      </c>
      <c r="R28" s="61">
        <v>1</v>
      </c>
      <c r="S28" s="61">
        <v>1</v>
      </c>
      <c r="T28" s="61">
        <v>0</v>
      </c>
      <c r="U28" s="61">
        <v>1</v>
      </c>
      <c r="V28" s="61">
        <v>0</v>
      </c>
      <c r="W28" s="62">
        <v>3</v>
      </c>
      <c r="X28" s="63">
        <v>3</v>
      </c>
      <c r="Y28" s="60">
        <v>2</v>
      </c>
      <c r="Z28" s="61">
        <v>2</v>
      </c>
      <c r="AA28" s="62">
        <v>4</v>
      </c>
      <c r="AB28" s="443">
        <v>0</v>
      </c>
      <c r="AC28" s="61">
        <v>1</v>
      </c>
      <c r="AD28" s="61">
        <v>1</v>
      </c>
      <c r="AE28" s="61">
        <v>0</v>
      </c>
      <c r="AF28" s="61">
        <v>3</v>
      </c>
      <c r="AG28" s="61">
        <v>0</v>
      </c>
      <c r="AH28" s="62">
        <v>5</v>
      </c>
      <c r="AI28" s="63">
        <v>9</v>
      </c>
      <c r="AJ28" s="60">
        <v>1</v>
      </c>
      <c r="AK28" s="61">
        <v>4</v>
      </c>
      <c r="AL28" s="62">
        <v>5</v>
      </c>
      <c r="AM28" s="443">
        <v>0</v>
      </c>
      <c r="AN28" s="61">
        <v>5</v>
      </c>
      <c r="AO28" s="61">
        <v>1</v>
      </c>
      <c r="AP28" s="61">
        <v>1</v>
      </c>
      <c r="AQ28" s="61">
        <v>2</v>
      </c>
      <c r="AR28" s="61">
        <v>2</v>
      </c>
      <c r="AS28" s="62">
        <v>11</v>
      </c>
      <c r="AT28" s="63">
        <v>16</v>
      </c>
      <c r="AU28" s="60">
        <v>2</v>
      </c>
      <c r="AV28" s="61">
        <v>8</v>
      </c>
      <c r="AW28" s="62">
        <v>10</v>
      </c>
      <c r="AX28" s="443">
        <v>0</v>
      </c>
      <c r="AY28" s="61">
        <v>6</v>
      </c>
      <c r="AZ28" s="61">
        <v>2</v>
      </c>
      <c r="BA28" s="61">
        <v>3</v>
      </c>
      <c r="BB28" s="61">
        <v>1</v>
      </c>
      <c r="BC28" s="61">
        <v>4</v>
      </c>
      <c r="BD28" s="62">
        <v>16</v>
      </c>
      <c r="BE28" s="63">
        <v>26</v>
      </c>
      <c r="BF28" s="60">
        <v>4</v>
      </c>
      <c r="BG28" s="61">
        <v>5</v>
      </c>
      <c r="BH28" s="62">
        <v>9</v>
      </c>
      <c r="BI28" s="443">
        <v>0</v>
      </c>
      <c r="BJ28" s="61">
        <v>8</v>
      </c>
      <c r="BK28" s="61">
        <v>5</v>
      </c>
      <c r="BL28" s="61">
        <v>4</v>
      </c>
      <c r="BM28" s="61">
        <v>1</v>
      </c>
      <c r="BN28" s="61">
        <v>2</v>
      </c>
      <c r="BO28" s="62">
        <v>20</v>
      </c>
      <c r="BP28" s="63">
        <v>29</v>
      </c>
      <c r="BQ28" s="60">
        <v>5</v>
      </c>
      <c r="BR28" s="61">
        <v>3</v>
      </c>
      <c r="BS28" s="62">
        <v>8</v>
      </c>
      <c r="BT28" s="443">
        <v>0</v>
      </c>
      <c r="BU28" s="61">
        <v>5</v>
      </c>
      <c r="BV28" s="61">
        <v>7</v>
      </c>
      <c r="BW28" s="61">
        <v>2</v>
      </c>
      <c r="BX28" s="61">
        <v>5</v>
      </c>
      <c r="BY28" s="61">
        <v>1</v>
      </c>
      <c r="BZ28" s="62">
        <v>20</v>
      </c>
      <c r="CA28" s="63">
        <v>28</v>
      </c>
      <c r="CB28" s="60">
        <v>0</v>
      </c>
      <c r="CC28" s="61">
        <v>0</v>
      </c>
      <c r="CD28" s="62">
        <v>0</v>
      </c>
      <c r="CE28" s="443">
        <v>0</v>
      </c>
      <c r="CF28" s="61">
        <v>0</v>
      </c>
      <c r="CG28" s="61">
        <v>0</v>
      </c>
      <c r="CH28" s="61">
        <v>0</v>
      </c>
      <c r="CI28" s="61">
        <v>0</v>
      </c>
      <c r="CJ28" s="61">
        <v>0</v>
      </c>
      <c r="CK28" s="62">
        <v>0</v>
      </c>
      <c r="CL28" s="63">
        <v>0</v>
      </c>
      <c r="CM28" s="60">
        <v>14</v>
      </c>
      <c r="CN28" s="61">
        <v>22</v>
      </c>
      <c r="CO28" s="62">
        <v>36</v>
      </c>
      <c r="CP28" s="443">
        <v>0</v>
      </c>
      <c r="CQ28" s="61">
        <v>26</v>
      </c>
      <c r="CR28" s="61">
        <v>17</v>
      </c>
      <c r="CS28" s="61">
        <v>10</v>
      </c>
      <c r="CT28" s="61">
        <v>13</v>
      </c>
      <c r="CU28" s="61">
        <v>9</v>
      </c>
      <c r="CV28" s="62">
        <v>75</v>
      </c>
      <c r="CW28" s="63">
        <v>111</v>
      </c>
      <c r="CX28" s="113">
        <v>2</v>
      </c>
      <c r="CY28" s="72">
        <v>2</v>
      </c>
      <c r="CZ28" s="73">
        <v>4</v>
      </c>
      <c r="DA28" s="443">
        <v>0</v>
      </c>
      <c r="DB28" s="72">
        <v>4</v>
      </c>
      <c r="DC28" s="72">
        <v>1</v>
      </c>
      <c r="DD28" s="72">
        <v>1</v>
      </c>
      <c r="DE28" s="72">
        <v>0</v>
      </c>
      <c r="DF28" s="72">
        <v>1</v>
      </c>
      <c r="DG28" s="74">
        <v>7</v>
      </c>
      <c r="DH28" s="75">
        <v>11</v>
      </c>
      <c r="DI28" s="60">
        <v>0</v>
      </c>
      <c r="DJ28" s="61">
        <v>0</v>
      </c>
      <c r="DK28" s="62">
        <v>0</v>
      </c>
      <c r="DL28" s="443">
        <v>0</v>
      </c>
      <c r="DM28" s="61">
        <v>0</v>
      </c>
      <c r="DN28" s="61">
        <v>0</v>
      </c>
      <c r="DO28" s="61">
        <v>0</v>
      </c>
      <c r="DP28" s="61">
        <v>0</v>
      </c>
      <c r="DQ28" s="61">
        <v>0</v>
      </c>
      <c r="DR28" s="62">
        <v>0</v>
      </c>
      <c r="DS28" s="63">
        <v>0</v>
      </c>
      <c r="DT28" s="60">
        <v>0</v>
      </c>
      <c r="DU28" s="61">
        <v>0</v>
      </c>
      <c r="DV28" s="62">
        <v>0</v>
      </c>
      <c r="DW28" s="443">
        <v>0</v>
      </c>
      <c r="DX28" s="61">
        <v>0</v>
      </c>
      <c r="DY28" s="61">
        <v>0</v>
      </c>
      <c r="DZ28" s="61">
        <v>0</v>
      </c>
      <c r="EA28" s="61">
        <v>0</v>
      </c>
      <c r="EB28" s="61">
        <v>0</v>
      </c>
      <c r="EC28" s="62">
        <v>0</v>
      </c>
      <c r="ED28" s="63">
        <v>0</v>
      </c>
      <c r="EE28" s="60">
        <v>0</v>
      </c>
      <c r="EF28" s="61">
        <v>0</v>
      </c>
      <c r="EG28" s="62">
        <v>0</v>
      </c>
      <c r="EH28" s="443">
        <v>0</v>
      </c>
      <c r="EI28" s="61">
        <v>0</v>
      </c>
      <c r="EJ28" s="61">
        <v>0</v>
      </c>
      <c r="EK28" s="61">
        <v>0</v>
      </c>
      <c r="EL28" s="61">
        <v>0</v>
      </c>
      <c r="EM28" s="61">
        <v>1</v>
      </c>
      <c r="EN28" s="62">
        <v>1</v>
      </c>
      <c r="EO28" s="63">
        <v>1</v>
      </c>
      <c r="EP28" s="60">
        <v>0</v>
      </c>
      <c r="EQ28" s="61">
        <v>0</v>
      </c>
      <c r="ER28" s="62">
        <v>0</v>
      </c>
      <c r="ES28" s="443">
        <v>0</v>
      </c>
      <c r="ET28" s="61">
        <v>0</v>
      </c>
      <c r="EU28" s="61">
        <v>1</v>
      </c>
      <c r="EV28" s="61">
        <v>0</v>
      </c>
      <c r="EW28" s="61">
        <v>0</v>
      </c>
      <c r="EX28" s="61">
        <v>0</v>
      </c>
      <c r="EY28" s="62">
        <v>1</v>
      </c>
      <c r="EZ28" s="63">
        <v>1</v>
      </c>
      <c r="FA28" s="60">
        <v>0</v>
      </c>
      <c r="FB28" s="61">
        <v>1</v>
      </c>
      <c r="FC28" s="62">
        <v>1</v>
      </c>
      <c r="FD28" s="443">
        <v>0</v>
      </c>
      <c r="FE28" s="61">
        <v>1</v>
      </c>
      <c r="FF28" s="61">
        <v>0</v>
      </c>
      <c r="FG28" s="61">
        <v>1</v>
      </c>
      <c r="FH28" s="61">
        <v>0</v>
      </c>
      <c r="FI28" s="61">
        <v>0</v>
      </c>
      <c r="FJ28" s="62">
        <v>2</v>
      </c>
      <c r="FK28" s="63">
        <v>3</v>
      </c>
      <c r="FL28" s="60">
        <v>2</v>
      </c>
      <c r="FM28" s="61">
        <v>1</v>
      </c>
      <c r="FN28" s="62">
        <v>3</v>
      </c>
      <c r="FO28" s="443">
        <v>0</v>
      </c>
      <c r="FP28" s="61">
        <v>3</v>
      </c>
      <c r="FQ28" s="61">
        <v>0</v>
      </c>
      <c r="FR28" s="61">
        <v>0</v>
      </c>
      <c r="FS28" s="61">
        <v>0</v>
      </c>
      <c r="FT28" s="61">
        <v>0</v>
      </c>
      <c r="FU28" s="62">
        <v>3</v>
      </c>
      <c r="FV28" s="63">
        <v>6</v>
      </c>
      <c r="FW28" s="60">
        <v>0</v>
      </c>
      <c r="FX28" s="61">
        <v>0</v>
      </c>
      <c r="FY28" s="62">
        <v>0</v>
      </c>
      <c r="FZ28" s="443">
        <v>0</v>
      </c>
      <c r="GA28" s="61">
        <v>0</v>
      </c>
      <c r="GB28" s="61">
        <v>0</v>
      </c>
      <c r="GC28" s="61">
        <v>0</v>
      </c>
      <c r="GD28" s="61">
        <v>0</v>
      </c>
      <c r="GE28" s="61">
        <v>0</v>
      </c>
      <c r="GF28" s="62">
        <v>0</v>
      </c>
      <c r="GG28" s="63">
        <v>0</v>
      </c>
      <c r="GH28" s="60">
        <v>2</v>
      </c>
      <c r="GI28" s="61">
        <v>2</v>
      </c>
      <c r="GJ28" s="62">
        <v>4</v>
      </c>
      <c r="GK28" s="443">
        <v>0</v>
      </c>
      <c r="GL28" s="61">
        <v>4</v>
      </c>
      <c r="GM28" s="61">
        <v>1</v>
      </c>
      <c r="GN28" s="61">
        <v>1</v>
      </c>
      <c r="GO28" s="61">
        <v>0</v>
      </c>
      <c r="GP28" s="61">
        <v>1</v>
      </c>
      <c r="GQ28" s="62">
        <v>7</v>
      </c>
      <c r="GR28" s="63">
        <v>11</v>
      </c>
      <c r="GS28" s="113">
        <v>16</v>
      </c>
      <c r="GT28" s="72">
        <v>24</v>
      </c>
      <c r="GU28" s="73">
        <v>40</v>
      </c>
      <c r="GV28" s="443">
        <v>0</v>
      </c>
      <c r="GW28" s="72">
        <v>30</v>
      </c>
      <c r="GX28" s="72">
        <v>18</v>
      </c>
      <c r="GY28" s="72">
        <v>11</v>
      </c>
      <c r="GZ28" s="72">
        <v>13</v>
      </c>
      <c r="HA28" s="72">
        <v>10</v>
      </c>
      <c r="HB28" s="74">
        <v>82</v>
      </c>
      <c r="HC28" s="75">
        <v>122</v>
      </c>
      <c r="HD28" s="60">
        <v>0</v>
      </c>
      <c r="HE28" s="61">
        <v>0</v>
      </c>
      <c r="HF28" s="62">
        <v>0</v>
      </c>
      <c r="HG28" s="443">
        <v>0</v>
      </c>
      <c r="HH28" s="61">
        <v>1</v>
      </c>
      <c r="HI28" s="61">
        <v>1</v>
      </c>
      <c r="HJ28" s="61">
        <v>0</v>
      </c>
      <c r="HK28" s="61">
        <v>1</v>
      </c>
      <c r="HL28" s="61">
        <v>0</v>
      </c>
      <c r="HM28" s="62">
        <v>3</v>
      </c>
      <c r="HN28" s="63">
        <v>3</v>
      </c>
      <c r="HO28" s="60">
        <v>2</v>
      </c>
      <c r="HP28" s="61">
        <v>2</v>
      </c>
      <c r="HQ28" s="62">
        <v>4</v>
      </c>
      <c r="HR28" s="443">
        <v>0</v>
      </c>
      <c r="HS28" s="61">
        <v>1</v>
      </c>
      <c r="HT28" s="61">
        <v>1</v>
      </c>
      <c r="HU28" s="61">
        <v>0</v>
      </c>
      <c r="HV28" s="61">
        <v>3</v>
      </c>
      <c r="HW28" s="61">
        <v>0</v>
      </c>
      <c r="HX28" s="62">
        <v>5</v>
      </c>
      <c r="HY28" s="63">
        <v>9</v>
      </c>
      <c r="HZ28" s="60">
        <v>1</v>
      </c>
      <c r="IA28" s="61">
        <v>4</v>
      </c>
      <c r="IB28" s="62">
        <v>5</v>
      </c>
      <c r="IC28" s="443">
        <v>0</v>
      </c>
      <c r="ID28" s="61">
        <v>5</v>
      </c>
      <c r="IE28" s="61">
        <v>1</v>
      </c>
      <c r="IF28" s="61">
        <v>1</v>
      </c>
      <c r="IG28" s="61">
        <v>2</v>
      </c>
      <c r="IH28" s="61">
        <v>3</v>
      </c>
      <c r="II28" s="62">
        <v>12</v>
      </c>
      <c r="IJ28" s="63">
        <v>17</v>
      </c>
      <c r="IK28" s="60">
        <v>2</v>
      </c>
      <c r="IL28" s="61">
        <v>8</v>
      </c>
      <c r="IM28" s="62">
        <v>10</v>
      </c>
      <c r="IN28" s="443">
        <v>0</v>
      </c>
      <c r="IO28" s="61">
        <v>6</v>
      </c>
      <c r="IP28" s="61">
        <v>3</v>
      </c>
      <c r="IQ28" s="61">
        <v>3</v>
      </c>
      <c r="IR28" s="61">
        <v>1</v>
      </c>
      <c r="IS28" s="61">
        <v>4</v>
      </c>
      <c r="IT28" s="62">
        <v>17</v>
      </c>
      <c r="IU28" s="63">
        <v>27</v>
      </c>
      <c r="IV28" s="60">
        <v>4</v>
      </c>
      <c r="IW28" s="61">
        <v>6</v>
      </c>
      <c r="IX28" s="62">
        <v>10</v>
      </c>
      <c r="IY28" s="443">
        <v>0</v>
      </c>
      <c r="IZ28" s="61">
        <v>9</v>
      </c>
      <c r="JA28" s="61">
        <v>5</v>
      </c>
      <c r="JB28" s="61">
        <v>5</v>
      </c>
      <c r="JC28" s="61">
        <v>1</v>
      </c>
      <c r="JD28" s="61">
        <v>2</v>
      </c>
      <c r="JE28" s="62">
        <v>22</v>
      </c>
      <c r="JF28" s="63">
        <v>32</v>
      </c>
      <c r="JG28" s="60">
        <v>7</v>
      </c>
      <c r="JH28" s="61">
        <v>4</v>
      </c>
      <c r="JI28" s="62">
        <v>11</v>
      </c>
      <c r="JJ28" s="443">
        <v>0</v>
      </c>
      <c r="JK28" s="61">
        <v>8</v>
      </c>
      <c r="JL28" s="61">
        <v>7</v>
      </c>
      <c r="JM28" s="61">
        <v>2</v>
      </c>
      <c r="JN28" s="61">
        <v>5</v>
      </c>
      <c r="JO28" s="61">
        <v>1</v>
      </c>
      <c r="JP28" s="62">
        <v>23</v>
      </c>
      <c r="JQ28" s="63">
        <v>34</v>
      </c>
      <c r="JR28" s="60">
        <v>0</v>
      </c>
      <c r="JS28" s="61">
        <v>0</v>
      </c>
      <c r="JT28" s="62">
        <v>0</v>
      </c>
      <c r="JU28" s="443">
        <v>0</v>
      </c>
      <c r="JV28" s="61">
        <v>0</v>
      </c>
      <c r="JW28" s="61">
        <v>0</v>
      </c>
      <c r="JX28" s="61">
        <v>0</v>
      </c>
      <c r="JY28" s="61">
        <v>0</v>
      </c>
      <c r="JZ28" s="61">
        <v>0</v>
      </c>
      <c r="KA28" s="62">
        <v>0</v>
      </c>
      <c r="KB28" s="63">
        <v>0</v>
      </c>
      <c r="KC28" s="60">
        <v>16</v>
      </c>
      <c r="KD28" s="61">
        <v>24</v>
      </c>
      <c r="KE28" s="62">
        <v>40</v>
      </c>
      <c r="KF28" s="443">
        <v>0</v>
      </c>
      <c r="KG28" s="61">
        <v>30</v>
      </c>
      <c r="KH28" s="61">
        <v>18</v>
      </c>
      <c r="KI28" s="61">
        <v>11</v>
      </c>
      <c r="KJ28" s="61">
        <v>13</v>
      </c>
      <c r="KK28" s="61">
        <v>10</v>
      </c>
      <c r="KL28" s="62">
        <v>82</v>
      </c>
      <c r="KM28" s="63">
        <v>122</v>
      </c>
    </row>
    <row r="29" spans="2:299" ht="21" customHeight="1" x14ac:dyDescent="0.2">
      <c r="B29" s="437" t="s">
        <v>26</v>
      </c>
      <c r="C29" s="287">
        <v>21</v>
      </c>
      <c r="D29" s="72">
        <v>16</v>
      </c>
      <c r="E29" s="73">
        <v>37</v>
      </c>
      <c r="F29" s="443">
        <v>0</v>
      </c>
      <c r="G29" s="72">
        <v>21</v>
      </c>
      <c r="H29" s="72">
        <v>21</v>
      </c>
      <c r="I29" s="72">
        <v>15</v>
      </c>
      <c r="J29" s="72">
        <v>12</v>
      </c>
      <c r="K29" s="72">
        <v>8</v>
      </c>
      <c r="L29" s="74">
        <v>77</v>
      </c>
      <c r="M29" s="75">
        <v>114</v>
      </c>
      <c r="N29" s="60">
        <v>0</v>
      </c>
      <c r="O29" s="61">
        <v>0</v>
      </c>
      <c r="P29" s="62">
        <v>0</v>
      </c>
      <c r="Q29" s="443">
        <v>0</v>
      </c>
      <c r="R29" s="61">
        <v>0</v>
      </c>
      <c r="S29" s="61">
        <v>0</v>
      </c>
      <c r="T29" s="61">
        <v>0</v>
      </c>
      <c r="U29" s="61">
        <v>1</v>
      </c>
      <c r="V29" s="61">
        <v>0</v>
      </c>
      <c r="W29" s="62">
        <v>1</v>
      </c>
      <c r="X29" s="63">
        <v>1</v>
      </c>
      <c r="Y29" s="60">
        <v>0</v>
      </c>
      <c r="Z29" s="61">
        <v>0</v>
      </c>
      <c r="AA29" s="62">
        <v>0</v>
      </c>
      <c r="AB29" s="443">
        <v>0</v>
      </c>
      <c r="AC29" s="61">
        <v>1</v>
      </c>
      <c r="AD29" s="61">
        <v>1</v>
      </c>
      <c r="AE29" s="61">
        <v>0</v>
      </c>
      <c r="AF29" s="61">
        <v>0</v>
      </c>
      <c r="AG29" s="61">
        <v>0</v>
      </c>
      <c r="AH29" s="62">
        <v>2</v>
      </c>
      <c r="AI29" s="63">
        <v>2</v>
      </c>
      <c r="AJ29" s="60">
        <v>0</v>
      </c>
      <c r="AK29" s="61">
        <v>2</v>
      </c>
      <c r="AL29" s="62">
        <v>2</v>
      </c>
      <c r="AM29" s="443">
        <v>0</v>
      </c>
      <c r="AN29" s="61">
        <v>1</v>
      </c>
      <c r="AO29" s="61">
        <v>0</v>
      </c>
      <c r="AP29" s="61">
        <v>1</v>
      </c>
      <c r="AQ29" s="61">
        <v>0</v>
      </c>
      <c r="AR29" s="61">
        <v>0</v>
      </c>
      <c r="AS29" s="62">
        <v>2</v>
      </c>
      <c r="AT29" s="63">
        <v>4</v>
      </c>
      <c r="AU29" s="60">
        <v>5</v>
      </c>
      <c r="AV29" s="61">
        <v>7</v>
      </c>
      <c r="AW29" s="62">
        <v>12</v>
      </c>
      <c r="AX29" s="443">
        <v>0</v>
      </c>
      <c r="AY29" s="61">
        <v>5</v>
      </c>
      <c r="AZ29" s="61">
        <v>7</v>
      </c>
      <c r="BA29" s="61">
        <v>3</v>
      </c>
      <c r="BB29" s="61">
        <v>3</v>
      </c>
      <c r="BC29" s="61">
        <v>0</v>
      </c>
      <c r="BD29" s="62">
        <v>18</v>
      </c>
      <c r="BE29" s="63">
        <v>30</v>
      </c>
      <c r="BF29" s="60">
        <v>4</v>
      </c>
      <c r="BG29" s="61">
        <v>4</v>
      </c>
      <c r="BH29" s="62">
        <v>8</v>
      </c>
      <c r="BI29" s="443">
        <v>0</v>
      </c>
      <c r="BJ29" s="61">
        <v>8</v>
      </c>
      <c r="BK29" s="61">
        <v>9</v>
      </c>
      <c r="BL29" s="61">
        <v>7</v>
      </c>
      <c r="BM29" s="61">
        <v>4</v>
      </c>
      <c r="BN29" s="61">
        <v>4</v>
      </c>
      <c r="BO29" s="62">
        <v>32</v>
      </c>
      <c r="BP29" s="63">
        <v>40</v>
      </c>
      <c r="BQ29" s="60">
        <v>12</v>
      </c>
      <c r="BR29" s="61">
        <v>3</v>
      </c>
      <c r="BS29" s="62">
        <v>15</v>
      </c>
      <c r="BT29" s="443">
        <v>0</v>
      </c>
      <c r="BU29" s="61">
        <v>6</v>
      </c>
      <c r="BV29" s="61">
        <v>4</v>
      </c>
      <c r="BW29" s="61">
        <v>4</v>
      </c>
      <c r="BX29" s="61">
        <v>4</v>
      </c>
      <c r="BY29" s="61">
        <v>4</v>
      </c>
      <c r="BZ29" s="62">
        <v>22</v>
      </c>
      <c r="CA29" s="63">
        <v>37</v>
      </c>
      <c r="CB29" s="60">
        <v>0</v>
      </c>
      <c r="CC29" s="61">
        <v>0</v>
      </c>
      <c r="CD29" s="62">
        <v>0</v>
      </c>
      <c r="CE29" s="443">
        <v>0</v>
      </c>
      <c r="CF29" s="61">
        <v>0</v>
      </c>
      <c r="CG29" s="61">
        <v>0</v>
      </c>
      <c r="CH29" s="61">
        <v>0</v>
      </c>
      <c r="CI29" s="61">
        <v>0</v>
      </c>
      <c r="CJ29" s="61">
        <v>0</v>
      </c>
      <c r="CK29" s="62">
        <v>0</v>
      </c>
      <c r="CL29" s="63">
        <v>0</v>
      </c>
      <c r="CM29" s="60">
        <v>21</v>
      </c>
      <c r="CN29" s="61">
        <v>16</v>
      </c>
      <c r="CO29" s="62">
        <v>37</v>
      </c>
      <c r="CP29" s="443">
        <v>0</v>
      </c>
      <c r="CQ29" s="61">
        <v>21</v>
      </c>
      <c r="CR29" s="61">
        <v>21</v>
      </c>
      <c r="CS29" s="61">
        <v>15</v>
      </c>
      <c r="CT29" s="61">
        <v>12</v>
      </c>
      <c r="CU29" s="61">
        <v>8</v>
      </c>
      <c r="CV29" s="62">
        <v>77</v>
      </c>
      <c r="CW29" s="63">
        <v>114</v>
      </c>
      <c r="CX29" s="113">
        <v>4</v>
      </c>
      <c r="CY29" s="72">
        <v>2</v>
      </c>
      <c r="CZ29" s="73">
        <v>6</v>
      </c>
      <c r="DA29" s="443">
        <v>0</v>
      </c>
      <c r="DB29" s="72">
        <v>4</v>
      </c>
      <c r="DC29" s="72">
        <v>3</v>
      </c>
      <c r="DD29" s="72">
        <v>3</v>
      </c>
      <c r="DE29" s="72">
        <v>1</v>
      </c>
      <c r="DF29" s="72">
        <v>0</v>
      </c>
      <c r="DG29" s="74">
        <v>11</v>
      </c>
      <c r="DH29" s="75">
        <v>17</v>
      </c>
      <c r="DI29" s="60">
        <v>0</v>
      </c>
      <c r="DJ29" s="61">
        <v>0</v>
      </c>
      <c r="DK29" s="62">
        <v>0</v>
      </c>
      <c r="DL29" s="443">
        <v>0</v>
      </c>
      <c r="DM29" s="61">
        <v>1</v>
      </c>
      <c r="DN29" s="61">
        <v>0</v>
      </c>
      <c r="DO29" s="61">
        <v>0</v>
      </c>
      <c r="DP29" s="61">
        <v>1</v>
      </c>
      <c r="DQ29" s="61">
        <v>0</v>
      </c>
      <c r="DR29" s="62">
        <v>2</v>
      </c>
      <c r="DS29" s="63">
        <v>2</v>
      </c>
      <c r="DT29" s="60">
        <v>1</v>
      </c>
      <c r="DU29" s="61">
        <v>0</v>
      </c>
      <c r="DV29" s="62">
        <v>1</v>
      </c>
      <c r="DW29" s="443">
        <v>0</v>
      </c>
      <c r="DX29" s="61">
        <v>0</v>
      </c>
      <c r="DY29" s="61">
        <v>0</v>
      </c>
      <c r="DZ29" s="61">
        <v>0</v>
      </c>
      <c r="EA29" s="61">
        <v>0</v>
      </c>
      <c r="EB29" s="61">
        <v>0</v>
      </c>
      <c r="EC29" s="62">
        <v>0</v>
      </c>
      <c r="ED29" s="63">
        <v>1</v>
      </c>
      <c r="EE29" s="60">
        <v>2</v>
      </c>
      <c r="EF29" s="61">
        <v>0</v>
      </c>
      <c r="EG29" s="62">
        <v>2</v>
      </c>
      <c r="EH29" s="443">
        <v>0</v>
      </c>
      <c r="EI29" s="61">
        <v>0</v>
      </c>
      <c r="EJ29" s="61">
        <v>1</v>
      </c>
      <c r="EK29" s="61">
        <v>0</v>
      </c>
      <c r="EL29" s="61">
        <v>0</v>
      </c>
      <c r="EM29" s="61">
        <v>0</v>
      </c>
      <c r="EN29" s="62">
        <v>1</v>
      </c>
      <c r="EO29" s="63">
        <v>3</v>
      </c>
      <c r="EP29" s="60">
        <v>0</v>
      </c>
      <c r="EQ29" s="61">
        <v>0</v>
      </c>
      <c r="ER29" s="62">
        <v>0</v>
      </c>
      <c r="ES29" s="443">
        <v>0</v>
      </c>
      <c r="ET29" s="61">
        <v>2</v>
      </c>
      <c r="EU29" s="61">
        <v>0</v>
      </c>
      <c r="EV29" s="61">
        <v>0</v>
      </c>
      <c r="EW29" s="61">
        <v>0</v>
      </c>
      <c r="EX29" s="61">
        <v>0</v>
      </c>
      <c r="EY29" s="62">
        <v>2</v>
      </c>
      <c r="EZ29" s="63">
        <v>2</v>
      </c>
      <c r="FA29" s="60">
        <v>0</v>
      </c>
      <c r="FB29" s="61">
        <v>0</v>
      </c>
      <c r="FC29" s="62">
        <v>0</v>
      </c>
      <c r="FD29" s="443">
        <v>0</v>
      </c>
      <c r="FE29" s="61">
        <v>0</v>
      </c>
      <c r="FF29" s="61">
        <v>2</v>
      </c>
      <c r="FG29" s="61">
        <v>0</v>
      </c>
      <c r="FH29" s="61">
        <v>0</v>
      </c>
      <c r="FI29" s="61">
        <v>0</v>
      </c>
      <c r="FJ29" s="62">
        <v>2</v>
      </c>
      <c r="FK29" s="63">
        <v>2</v>
      </c>
      <c r="FL29" s="60">
        <v>1</v>
      </c>
      <c r="FM29" s="61">
        <v>2</v>
      </c>
      <c r="FN29" s="62">
        <v>3</v>
      </c>
      <c r="FO29" s="443">
        <v>0</v>
      </c>
      <c r="FP29" s="61">
        <v>1</v>
      </c>
      <c r="FQ29" s="61">
        <v>0</v>
      </c>
      <c r="FR29" s="61">
        <v>3</v>
      </c>
      <c r="FS29" s="61">
        <v>0</v>
      </c>
      <c r="FT29" s="61">
        <v>0</v>
      </c>
      <c r="FU29" s="62">
        <v>4</v>
      </c>
      <c r="FV29" s="63">
        <v>7</v>
      </c>
      <c r="FW29" s="60">
        <v>0</v>
      </c>
      <c r="FX29" s="61">
        <v>0</v>
      </c>
      <c r="FY29" s="62">
        <v>0</v>
      </c>
      <c r="FZ29" s="443">
        <v>0</v>
      </c>
      <c r="GA29" s="61">
        <v>0</v>
      </c>
      <c r="GB29" s="61">
        <v>0</v>
      </c>
      <c r="GC29" s="61">
        <v>0</v>
      </c>
      <c r="GD29" s="61">
        <v>0</v>
      </c>
      <c r="GE29" s="61">
        <v>0</v>
      </c>
      <c r="GF29" s="62">
        <v>0</v>
      </c>
      <c r="GG29" s="63">
        <v>0</v>
      </c>
      <c r="GH29" s="60">
        <v>4</v>
      </c>
      <c r="GI29" s="61">
        <v>2</v>
      </c>
      <c r="GJ29" s="62">
        <v>6</v>
      </c>
      <c r="GK29" s="443">
        <v>0</v>
      </c>
      <c r="GL29" s="61">
        <v>4</v>
      </c>
      <c r="GM29" s="61">
        <v>3</v>
      </c>
      <c r="GN29" s="61">
        <v>3</v>
      </c>
      <c r="GO29" s="61">
        <v>1</v>
      </c>
      <c r="GP29" s="61">
        <v>0</v>
      </c>
      <c r="GQ29" s="62">
        <v>11</v>
      </c>
      <c r="GR29" s="63">
        <v>17</v>
      </c>
      <c r="GS29" s="113">
        <v>25</v>
      </c>
      <c r="GT29" s="72">
        <v>18</v>
      </c>
      <c r="GU29" s="73">
        <v>43</v>
      </c>
      <c r="GV29" s="443">
        <v>0</v>
      </c>
      <c r="GW29" s="72">
        <v>25</v>
      </c>
      <c r="GX29" s="72">
        <v>24</v>
      </c>
      <c r="GY29" s="72">
        <v>18</v>
      </c>
      <c r="GZ29" s="72">
        <v>13</v>
      </c>
      <c r="HA29" s="72">
        <v>8</v>
      </c>
      <c r="HB29" s="74">
        <v>88</v>
      </c>
      <c r="HC29" s="75">
        <v>131</v>
      </c>
      <c r="HD29" s="60">
        <v>0</v>
      </c>
      <c r="HE29" s="61">
        <v>0</v>
      </c>
      <c r="HF29" s="62">
        <v>0</v>
      </c>
      <c r="HG29" s="443">
        <v>0</v>
      </c>
      <c r="HH29" s="61">
        <v>1</v>
      </c>
      <c r="HI29" s="61">
        <v>0</v>
      </c>
      <c r="HJ29" s="61">
        <v>0</v>
      </c>
      <c r="HK29" s="61">
        <v>2</v>
      </c>
      <c r="HL29" s="61">
        <v>0</v>
      </c>
      <c r="HM29" s="62">
        <v>3</v>
      </c>
      <c r="HN29" s="63">
        <v>3</v>
      </c>
      <c r="HO29" s="60">
        <v>1</v>
      </c>
      <c r="HP29" s="61">
        <v>0</v>
      </c>
      <c r="HQ29" s="62">
        <v>1</v>
      </c>
      <c r="HR29" s="443">
        <v>0</v>
      </c>
      <c r="HS29" s="61">
        <v>1</v>
      </c>
      <c r="HT29" s="61">
        <v>1</v>
      </c>
      <c r="HU29" s="61">
        <v>0</v>
      </c>
      <c r="HV29" s="61">
        <v>0</v>
      </c>
      <c r="HW29" s="61">
        <v>0</v>
      </c>
      <c r="HX29" s="62">
        <v>2</v>
      </c>
      <c r="HY29" s="63">
        <v>3</v>
      </c>
      <c r="HZ29" s="60">
        <v>2</v>
      </c>
      <c r="IA29" s="61">
        <v>2</v>
      </c>
      <c r="IB29" s="62">
        <v>4</v>
      </c>
      <c r="IC29" s="443">
        <v>0</v>
      </c>
      <c r="ID29" s="61">
        <v>1</v>
      </c>
      <c r="IE29" s="61">
        <v>1</v>
      </c>
      <c r="IF29" s="61">
        <v>1</v>
      </c>
      <c r="IG29" s="61">
        <v>0</v>
      </c>
      <c r="IH29" s="61">
        <v>0</v>
      </c>
      <c r="II29" s="62">
        <v>3</v>
      </c>
      <c r="IJ29" s="63">
        <v>7</v>
      </c>
      <c r="IK29" s="60">
        <v>5</v>
      </c>
      <c r="IL29" s="61">
        <v>7</v>
      </c>
      <c r="IM29" s="62">
        <v>12</v>
      </c>
      <c r="IN29" s="443">
        <v>0</v>
      </c>
      <c r="IO29" s="61">
        <v>7</v>
      </c>
      <c r="IP29" s="61">
        <v>7</v>
      </c>
      <c r="IQ29" s="61">
        <v>3</v>
      </c>
      <c r="IR29" s="61">
        <v>3</v>
      </c>
      <c r="IS29" s="61">
        <v>0</v>
      </c>
      <c r="IT29" s="62">
        <v>20</v>
      </c>
      <c r="IU29" s="63">
        <v>32</v>
      </c>
      <c r="IV29" s="60">
        <v>4</v>
      </c>
      <c r="IW29" s="61">
        <v>4</v>
      </c>
      <c r="IX29" s="62">
        <v>8</v>
      </c>
      <c r="IY29" s="443">
        <v>0</v>
      </c>
      <c r="IZ29" s="61">
        <v>8</v>
      </c>
      <c r="JA29" s="61">
        <v>11</v>
      </c>
      <c r="JB29" s="61">
        <v>7</v>
      </c>
      <c r="JC29" s="61">
        <v>4</v>
      </c>
      <c r="JD29" s="61">
        <v>4</v>
      </c>
      <c r="JE29" s="62">
        <v>34</v>
      </c>
      <c r="JF29" s="63">
        <v>42</v>
      </c>
      <c r="JG29" s="60">
        <v>13</v>
      </c>
      <c r="JH29" s="61">
        <v>5</v>
      </c>
      <c r="JI29" s="62">
        <v>18</v>
      </c>
      <c r="JJ29" s="443">
        <v>0</v>
      </c>
      <c r="JK29" s="61">
        <v>7</v>
      </c>
      <c r="JL29" s="61">
        <v>4</v>
      </c>
      <c r="JM29" s="61">
        <v>7</v>
      </c>
      <c r="JN29" s="61">
        <v>4</v>
      </c>
      <c r="JO29" s="61">
        <v>4</v>
      </c>
      <c r="JP29" s="62">
        <v>26</v>
      </c>
      <c r="JQ29" s="63">
        <v>44</v>
      </c>
      <c r="JR29" s="60">
        <v>0</v>
      </c>
      <c r="JS29" s="61">
        <v>0</v>
      </c>
      <c r="JT29" s="62">
        <v>0</v>
      </c>
      <c r="JU29" s="443">
        <v>0</v>
      </c>
      <c r="JV29" s="61">
        <v>0</v>
      </c>
      <c r="JW29" s="61">
        <v>0</v>
      </c>
      <c r="JX29" s="61">
        <v>0</v>
      </c>
      <c r="JY29" s="61">
        <v>0</v>
      </c>
      <c r="JZ29" s="61">
        <v>0</v>
      </c>
      <c r="KA29" s="62">
        <v>0</v>
      </c>
      <c r="KB29" s="63">
        <v>0</v>
      </c>
      <c r="KC29" s="60">
        <v>25</v>
      </c>
      <c r="KD29" s="61">
        <v>18</v>
      </c>
      <c r="KE29" s="62">
        <v>43</v>
      </c>
      <c r="KF29" s="443">
        <v>0</v>
      </c>
      <c r="KG29" s="61">
        <v>25</v>
      </c>
      <c r="KH29" s="61">
        <v>24</v>
      </c>
      <c r="KI29" s="61">
        <v>18</v>
      </c>
      <c r="KJ29" s="61">
        <v>13</v>
      </c>
      <c r="KK29" s="61">
        <v>8</v>
      </c>
      <c r="KL29" s="62">
        <v>88</v>
      </c>
      <c r="KM29" s="63">
        <v>131</v>
      </c>
    </row>
    <row r="30" spans="2:299" ht="21" customHeight="1" x14ac:dyDescent="0.2">
      <c r="B30" s="437" t="s">
        <v>27</v>
      </c>
      <c r="C30" s="287">
        <v>20</v>
      </c>
      <c r="D30" s="72">
        <v>25</v>
      </c>
      <c r="E30" s="73">
        <v>45</v>
      </c>
      <c r="F30" s="443">
        <v>0</v>
      </c>
      <c r="G30" s="72">
        <v>21</v>
      </c>
      <c r="H30" s="72">
        <v>17</v>
      </c>
      <c r="I30" s="72">
        <v>11</v>
      </c>
      <c r="J30" s="72">
        <v>14</v>
      </c>
      <c r="K30" s="72">
        <v>7</v>
      </c>
      <c r="L30" s="74">
        <v>70</v>
      </c>
      <c r="M30" s="75">
        <v>115</v>
      </c>
      <c r="N30" s="60">
        <v>0</v>
      </c>
      <c r="O30" s="61">
        <v>0</v>
      </c>
      <c r="P30" s="62">
        <v>0</v>
      </c>
      <c r="Q30" s="443">
        <v>0</v>
      </c>
      <c r="R30" s="61">
        <v>0</v>
      </c>
      <c r="S30" s="61">
        <v>0</v>
      </c>
      <c r="T30" s="61">
        <v>0</v>
      </c>
      <c r="U30" s="61">
        <v>0</v>
      </c>
      <c r="V30" s="61">
        <v>1</v>
      </c>
      <c r="W30" s="62">
        <v>1</v>
      </c>
      <c r="X30" s="63">
        <v>1</v>
      </c>
      <c r="Y30" s="60">
        <v>1</v>
      </c>
      <c r="Z30" s="61">
        <v>2</v>
      </c>
      <c r="AA30" s="62">
        <v>3</v>
      </c>
      <c r="AB30" s="443">
        <v>0</v>
      </c>
      <c r="AC30" s="61">
        <v>2</v>
      </c>
      <c r="AD30" s="61">
        <v>0</v>
      </c>
      <c r="AE30" s="61">
        <v>0</v>
      </c>
      <c r="AF30" s="61">
        <v>0</v>
      </c>
      <c r="AG30" s="61">
        <v>0</v>
      </c>
      <c r="AH30" s="62">
        <v>2</v>
      </c>
      <c r="AI30" s="63">
        <v>5</v>
      </c>
      <c r="AJ30" s="60">
        <v>1</v>
      </c>
      <c r="AK30" s="61">
        <v>4</v>
      </c>
      <c r="AL30" s="62">
        <v>5</v>
      </c>
      <c r="AM30" s="443">
        <v>0</v>
      </c>
      <c r="AN30" s="61">
        <v>0</v>
      </c>
      <c r="AO30" s="61">
        <v>1</v>
      </c>
      <c r="AP30" s="61">
        <v>0</v>
      </c>
      <c r="AQ30" s="61">
        <v>0</v>
      </c>
      <c r="AR30" s="61">
        <v>1</v>
      </c>
      <c r="AS30" s="62">
        <v>2</v>
      </c>
      <c r="AT30" s="63">
        <v>7</v>
      </c>
      <c r="AU30" s="60">
        <v>4</v>
      </c>
      <c r="AV30" s="61">
        <v>4</v>
      </c>
      <c r="AW30" s="62">
        <v>8</v>
      </c>
      <c r="AX30" s="443">
        <v>0</v>
      </c>
      <c r="AY30" s="61">
        <v>4</v>
      </c>
      <c r="AZ30" s="61">
        <v>4</v>
      </c>
      <c r="BA30" s="61">
        <v>4</v>
      </c>
      <c r="BB30" s="61">
        <v>0</v>
      </c>
      <c r="BC30" s="61">
        <v>1</v>
      </c>
      <c r="BD30" s="62">
        <v>13</v>
      </c>
      <c r="BE30" s="63">
        <v>21</v>
      </c>
      <c r="BF30" s="60">
        <v>8</v>
      </c>
      <c r="BG30" s="61">
        <v>5</v>
      </c>
      <c r="BH30" s="62">
        <v>13</v>
      </c>
      <c r="BI30" s="443">
        <v>0</v>
      </c>
      <c r="BJ30" s="61">
        <v>6</v>
      </c>
      <c r="BK30" s="61">
        <v>4</v>
      </c>
      <c r="BL30" s="61">
        <v>4</v>
      </c>
      <c r="BM30" s="61">
        <v>6</v>
      </c>
      <c r="BN30" s="61">
        <v>2</v>
      </c>
      <c r="BO30" s="62">
        <v>22</v>
      </c>
      <c r="BP30" s="63">
        <v>35</v>
      </c>
      <c r="BQ30" s="60">
        <v>6</v>
      </c>
      <c r="BR30" s="61">
        <v>10</v>
      </c>
      <c r="BS30" s="62">
        <v>16</v>
      </c>
      <c r="BT30" s="443">
        <v>0</v>
      </c>
      <c r="BU30" s="61">
        <v>9</v>
      </c>
      <c r="BV30" s="61">
        <v>8</v>
      </c>
      <c r="BW30" s="61">
        <v>3</v>
      </c>
      <c r="BX30" s="61">
        <v>8</v>
      </c>
      <c r="BY30" s="61">
        <v>2</v>
      </c>
      <c r="BZ30" s="62">
        <v>30</v>
      </c>
      <c r="CA30" s="63">
        <v>46</v>
      </c>
      <c r="CB30" s="60">
        <v>0</v>
      </c>
      <c r="CC30" s="61">
        <v>0</v>
      </c>
      <c r="CD30" s="62">
        <v>0</v>
      </c>
      <c r="CE30" s="443">
        <v>0</v>
      </c>
      <c r="CF30" s="61">
        <v>0</v>
      </c>
      <c r="CG30" s="61">
        <v>0</v>
      </c>
      <c r="CH30" s="61">
        <v>0</v>
      </c>
      <c r="CI30" s="61">
        <v>0</v>
      </c>
      <c r="CJ30" s="61">
        <v>0</v>
      </c>
      <c r="CK30" s="62">
        <v>0</v>
      </c>
      <c r="CL30" s="63">
        <v>0</v>
      </c>
      <c r="CM30" s="60">
        <v>20</v>
      </c>
      <c r="CN30" s="61">
        <v>25</v>
      </c>
      <c r="CO30" s="62">
        <v>45</v>
      </c>
      <c r="CP30" s="443">
        <v>0</v>
      </c>
      <c r="CQ30" s="61">
        <v>21</v>
      </c>
      <c r="CR30" s="61">
        <v>17</v>
      </c>
      <c r="CS30" s="61">
        <v>11</v>
      </c>
      <c r="CT30" s="61">
        <v>14</v>
      </c>
      <c r="CU30" s="61">
        <v>7</v>
      </c>
      <c r="CV30" s="62">
        <v>70</v>
      </c>
      <c r="CW30" s="63">
        <v>115</v>
      </c>
      <c r="CX30" s="113">
        <v>3</v>
      </c>
      <c r="CY30" s="72">
        <v>5</v>
      </c>
      <c r="CZ30" s="73">
        <v>8</v>
      </c>
      <c r="DA30" s="443">
        <v>0</v>
      </c>
      <c r="DB30" s="72">
        <v>3</v>
      </c>
      <c r="DC30" s="72">
        <v>2</v>
      </c>
      <c r="DD30" s="72">
        <v>2</v>
      </c>
      <c r="DE30" s="72">
        <v>2</v>
      </c>
      <c r="DF30" s="72">
        <v>1</v>
      </c>
      <c r="DG30" s="74">
        <v>10</v>
      </c>
      <c r="DH30" s="75">
        <v>18</v>
      </c>
      <c r="DI30" s="60">
        <v>0</v>
      </c>
      <c r="DJ30" s="61">
        <v>0</v>
      </c>
      <c r="DK30" s="62">
        <v>0</v>
      </c>
      <c r="DL30" s="443">
        <v>0</v>
      </c>
      <c r="DM30" s="61">
        <v>0</v>
      </c>
      <c r="DN30" s="61">
        <v>0</v>
      </c>
      <c r="DO30" s="61">
        <v>0</v>
      </c>
      <c r="DP30" s="61">
        <v>0</v>
      </c>
      <c r="DQ30" s="61">
        <v>0</v>
      </c>
      <c r="DR30" s="62">
        <v>0</v>
      </c>
      <c r="DS30" s="63">
        <v>0</v>
      </c>
      <c r="DT30" s="60">
        <v>0</v>
      </c>
      <c r="DU30" s="61">
        <v>0</v>
      </c>
      <c r="DV30" s="62">
        <v>0</v>
      </c>
      <c r="DW30" s="443">
        <v>0</v>
      </c>
      <c r="DX30" s="61">
        <v>0</v>
      </c>
      <c r="DY30" s="61">
        <v>0</v>
      </c>
      <c r="DZ30" s="61">
        <v>1</v>
      </c>
      <c r="EA30" s="61">
        <v>0</v>
      </c>
      <c r="EB30" s="61">
        <v>0</v>
      </c>
      <c r="EC30" s="62">
        <v>1</v>
      </c>
      <c r="ED30" s="63">
        <v>1</v>
      </c>
      <c r="EE30" s="60">
        <v>0</v>
      </c>
      <c r="EF30" s="61">
        <v>0</v>
      </c>
      <c r="EG30" s="62">
        <v>0</v>
      </c>
      <c r="EH30" s="443">
        <v>0</v>
      </c>
      <c r="EI30" s="61">
        <v>0</v>
      </c>
      <c r="EJ30" s="61">
        <v>0</v>
      </c>
      <c r="EK30" s="61">
        <v>0</v>
      </c>
      <c r="EL30" s="61">
        <v>0</v>
      </c>
      <c r="EM30" s="61">
        <v>0</v>
      </c>
      <c r="EN30" s="62">
        <v>0</v>
      </c>
      <c r="EO30" s="63">
        <v>0</v>
      </c>
      <c r="EP30" s="60">
        <v>1</v>
      </c>
      <c r="EQ30" s="61">
        <v>0</v>
      </c>
      <c r="ER30" s="62">
        <v>1</v>
      </c>
      <c r="ES30" s="443">
        <v>0</v>
      </c>
      <c r="ET30" s="61">
        <v>1</v>
      </c>
      <c r="EU30" s="61">
        <v>0</v>
      </c>
      <c r="EV30" s="61">
        <v>0</v>
      </c>
      <c r="EW30" s="61">
        <v>0</v>
      </c>
      <c r="EX30" s="61">
        <v>0</v>
      </c>
      <c r="EY30" s="62">
        <v>1</v>
      </c>
      <c r="EZ30" s="63">
        <v>2</v>
      </c>
      <c r="FA30" s="60">
        <v>0</v>
      </c>
      <c r="FB30" s="61">
        <v>1</v>
      </c>
      <c r="FC30" s="62">
        <v>1</v>
      </c>
      <c r="FD30" s="443">
        <v>0</v>
      </c>
      <c r="FE30" s="61">
        <v>2</v>
      </c>
      <c r="FF30" s="61">
        <v>1</v>
      </c>
      <c r="FG30" s="61">
        <v>0</v>
      </c>
      <c r="FH30" s="61">
        <v>0</v>
      </c>
      <c r="FI30" s="61">
        <v>0</v>
      </c>
      <c r="FJ30" s="62">
        <v>3</v>
      </c>
      <c r="FK30" s="63">
        <v>4</v>
      </c>
      <c r="FL30" s="60">
        <v>2</v>
      </c>
      <c r="FM30" s="61">
        <v>4</v>
      </c>
      <c r="FN30" s="62">
        <v>6</v>
      </c>
      <c r="FO30" s="443">
        <v>0</v>
      </c>
      <c r="FP30" s="61">
        <v>0</v>
      </c>
      <c r="FQ30" s="61">
        <v>1</v>
      </c>
      <c r="FR30" s="61">
        <v>1</v>
      </c>
      <c r="FS30" s="61">
        <v>2</v>
      </c>
      <c r="FT30" s="61">
        <v>1</v>
      </c>
      <c r="FU30" s="62">
        <v>5</v>
      </c>
      <c r="FV30" s="63">
        <v>11</v>
      </c>
      <c r="FW30" s="60">
        <v>0</v>
      </c>
      <c r="FX30" s="61">
        <v>0</v>
      </c>
      <c r="FY30" s="62">
        <v>0</v>
      </c>
      <c r="FZ30" s="443">
        <v>0</v>
      </c>
      <c r="GA30" s="61">
        <v>0</v>
      </c>
      <c r="GB30" s="61">
        <v>0</v>
      </c>
      <c r="GC30" s="61">
        <v>0</v>
      </c>
      <c r="GD30" s="61">
        <v>0</v>
      </c>
      <c r="GE30" s="61">
        <v>0</v>
      </c>
      <c r="GF30" s="62">
        <v>0</v>
      </c>
      <c r="GG30" s="63">
        <v>0</v>
      </c>
      <c r="GH30" s="60">
        <v>3</v>
      </c>
      <c r="GI30" s="61">
        <v>5</v>
      </c>
      <c r="GJ30" s="62">
        <v>8</v>
      </c>
      <c r="GK30" s="443">
        <v>0</v>
      </c>
      <c r="GL30" s="61">
        <v>3</v>
      </c>
      <c r="GM30" s="61">
        <v>2</v>
      </c>
      <c r="GN30" s="61">
        <v>2</v>
      </c>
      <c r="GO30" s="61">
        <v>2</v>
      </c>
      <c r="GP30" s="61">
        <v>1</v>
      </c>
      <c r="GQ30" s="62">
        <v>10</v>
      </c>
      <c r="GR30" s="63">
        <v>18</v>
      </c>
      <c r="GS30" s="113">
        <v>23</v>
      </c>
      <c r="GT30" s="72">
        <v>30</v>
      </c>
      <c r="GU30" s="73">
        <v>53</v>
      </c>
      <c r="GV30" s="443">
        <v>0</v>
      </c>
      <c r="GW30" s="72">
        <v>24</v>
      </c>
      <c r="GX30" s="72">
        <v>19</v>
      </c>
      <c r="GY30" s="72">
        <v>13</v>
      </c>
      <c r="GZ30" s="72">
        <v>16</v>
      </c>
      <c r="HA30" s="72">
        <v>8</v>
      </c>
      <c r="HB30" s="74">
        <v>80</v>
      </c>
      <c r="HC30" s="75">
        <v>133</v>
      </c>
      <c r="HD30" s="60">
        <v>0</v>
      </c>
      <c r="HE30" s="61">
        <v>0</v>
      </c>
      <c r="HF30" s="62">
        <v>0</v>
      </c>
      <c r="HG30" s="443">
        <v>0</v>
      </c>
      <c r="HH30" s="61">
        <v>0</v>
      </c>
      <c r="HI30" s="61">
        <v>0</v>
      </c>
      <c r="HJ30" s="61">
        <v>0</v>
      </c>
      <c r="HK30" s="61">
        <v>0</v>
      </c>
      <c r="HL30" s="61">
        <v>1</v>
      </c>
      <c r="HM30" s="62">
        <v>1</v>
      </c>
      <c r="HN30" s="63">
        <v>1</v>
      </c>
      <c r="HO30" s="60">
        <v>1</v>
      </c>
      <c r="HP30" s="61">
        <v>2</v>
      </c>
      <c r="HQ30" s="62">
        <v>3</v>
      </c>
      <c r="HR30" s="443">
        <v>0</v>
      </c>
      <c r="HS30" s="61">
        <v>2</v>
      </c>
      <c r="HT30" s="61">
        <v>0</v>
      </c>
      <c r="HU30" s="61">
        <v>1</v>
      </c>
      <c r="HV30" s="61">
        <v>0</v>
      </c>
      <c r="HW30" s="61">
        <v>0</v>
      </c>
      <c r="HX30" s="62">
        <v>3</v>
      </c>
      <c r="HY30" s="63">
        <v>6</v>
      </c>
      <c r="HZ30" s="60">
        <v>1</v>
      </c>
      <c r="IA30" s="61">
        <v>4</v>
      </c>
      <c r="IB30" s="62">
        <v>5</v>
      </c>
      <c r="IC30" s="443">
        <v>0</v>
      </c>
      <c r="ID30" s="61">
        <v>0</v>
      </c>
      <c r="IE30" s="61">
        <v>1</v>
      </c>
      <c r="IF30" s="61">
        <v>0</v>
      </c>
      <c r="IG30" s="61">
        <v>0</v>
      </c>
      <c r="IH30" s="61">
        <v>1</v>
      </c>
      <c r="II30" s="62">
        <v>2</v>
      </c>
      <c r="IJ30" s="63">
        <v>7</v>
      </c>
      <c r="IK30" s="60">
        <v>5</v>
      </c>
      <c r="IL30" s="61">
        <v>4</v>
      </c>
      <c r="IM30" s="62">
        <v>9</v>
      </c>
      <c r="IN30" s="443">
        <v>0</v>
      </c>
      <c r="IO30" s="61">
        <v>5</v>
      </c>
      <c r="IP30" s="61">
        <v>4</v>
      </c>
      <c r="IQ30" s="61">
        <v>4</v>
      </c>
      <c r="IR30" s="61">
        <v>0</v>
      </c>
      <c r="IS30" s="61">
        <v>1</v>
      </c>
      <c r="IT30" s="62">
        <v>14</v>
      </c>
      <c r="IU30" s="63">
        <v>23</v>
      </c>
      <c r="IV30" s="60">
        <v>8</v>
      </c>
      <c r="IW30" s="61">
        <v>6</v>
      </c>
      <c r="IX30" s="62">
        <v>14</v>
      </c>
      <c r="IY30" s="443">
        <v>0</v>
      </c>
      <c r="IZ30" s="61">
        <v>8</v>
      </c>
      <c r="JA30" s="61">
        <v>5</v>
      </c>
      <c r="JB30" s="61">
        <v>4</v>
      </c>
      <c r="JC30" s="61">
        <v>6</v>
      </c>
      <c r="JD30" s="61">
        <v>2</v>
      </c>
      <c r="JE30" s="62">
        <v>25</v>
      </c>
      <c r="JF30" s="63">
        <v>39</v>
      </c>
      <c r="JG30" s="60">
        <v>8</v>
      </c>
      <c r="JH30" s="61">
        <v>14</v>
      </c>
      <c r="JI30" s="62">
        <v>22</v>
      </c>
      <c r="JJ30" s="443">
        <v>0</v>
      </c>
      <c r="JK30" s="61">
        <v>9</v>
      </c>
      <c r="JL30" s="61">
        <v>9</v>
      </c>
      <c r="JM30" s="61">
        <v>4</v>
      </c>
      <c r="JN30" s="61">
        <v>10</v>
      </c>
      <c r="JO30" s="61">
        <v>3</v>
      </c>
      <c r="JP30" s="62">
        <v>35</v>
      </c>
      <c r="JQ30" s="63">
        <v>57</v>
      </c>
      <c r="JR30" s="60">
        <v>0</v>
      </c>
      <c r="JS30" s="61">
        <v>0</v>
      </c>
      <c r="JT30" s="62">
        <v>0</v>
      </c>
      <c r="JU30" s="443">
        <v>0</v>
      </c>
      <c r="JV30" s="61">
        <v>0</v>
      </c>
      <c r="JW30" s="61">
        <v>0</v>
      </c>
      <c r="JX30" s="61">
        <v>0</v>
      </c>
      <c r="JY30" s="61">
        <v>0</v>
      </c>
      <c r="JZ30" s="61">
        <v>0</v>
      </c>
      <c r="KA30" s="62">
        <v>0</v>
      </c>
      <c r="KB30" s="63">
        <v>0</v>
      </c>
      <c r="KC30" s="60">
        <v>23</v>
      </c>
      <c r="KD30" s="61">
        <v>30</v>
      </c>
      <c r="KE30" s="62">
        <v>53</v>
      </c>
      <c r="KF30" s="443">
        <v>0</v>
      </c>
      <c r="KG30" s="61">
        <v>24</v>
      </c>
      <c r="KH30" s="61">
        <v>19</v>
      </c>
      <c r="KI30" s="61">
        <v>13</v>
      </c>
      <c r="KJ30" s="61">
        <v>16</v>
      </c>
      <c r="KK30" s="61">
        <v>8</v>
      </c>
      <c r="KL30" s="62">
        <v>80</v>
      </c>
      <c r="KM30" s="63">
        <v>133</v>
      </c>
    </row>
    <row r="31" spans="2:299" ht="21" customHeight="1" x14ac:dyDescent="0.2">
      <c r="B31" s="437" t="s">
        <v>28</v>
      </c>
      <c r="C31" s="287">
        <v>1</v>
      </c>
      <c r="D31" s="72">
        <v>5</v>
      </c>
      <c r="E31" s="73">
        <v>6</v>
      </c>
      <c r="F31" s="443">
        <v>0</v>
      </c>
      <c r="G31" s="72">
        <v>11</v>
      </c>
      <c r="H31" s="72">
        <v>8</v>
      </c>
      <c r="I31" s="72">
        <v>3</v>
      </c>
      <c r="J31" s="72">
        <v>0</v>
      </c>
      <c r="K31" s="72">
        <v>1</v>
      </c>
      <c r="L31" s="74">
        <v>23</v>
      </c>
      <c r="M31" s="75">
        <v>29</v>
      </c>
      <c r="N31" s="60">
        <v>0</v>
      </c>
      <c r="O31" s="61">
        <v>0</v>
      </c>
      <c r="P31" s="62">
        <v>0</v>
      </c>
      <c r="Q31" s="443">
        <v>0</v>
      </c>
      <c r="R31" s="61">
        <v>0</v>
      </c>
      <c r="S31" s="61">
        <v>0</v>
      </c>
      <c r="T31" s="61">
        <v>0</v>
      </c>
      <c r="U31" s="61">
        <v>0</v>
      </c>
      <c r="V31" s="61">
        <v>0</v>
      </c>
      <c r="W31" s="62">
        <v>0</v>
      </c>
      <c r="X31" s="63">
        <v>0</v>
      </c>
      <c r="Y31" s="60">
        <v>0</v>
      </c>
      <c r="Z31" s="61">
        <v>0</v>
      </c>
      <c r="AA31" s="62">
        <v>0</v>
      </c>
      <c r="AB31" s="443">
        <v>0</v>
      </c>
      <c r="AC31" s="61">
        <v>0</v>
      </c>
      <c r="AD31" s="61">
        <v>0</v>
      </c>
      <c r="AE31" s="61">
        <v>0</v>
      </c>
      <c r="AF31" s="61">
        <v>0</v>
      </c>
      <c r="AG31" s="61">
        <v>0</v>
      </c>
      <c r="AH31" s="62">
        <v>0</v>
      </c>
      <c r="AI31" s="63">
        <v>0</v>
      </c>
      <c r="AJ31" s="60">
        <v>0</v>
      </c>
      <c r="AK31" s="61">
        <v>1</v>
      </c>
      <c r="AL31" s="62">
        <v>1</v>
      </c>
      <c r="AM31" s="443">
        <v>0</v>
      </c>
      <c r="AN31" s="61">
        <v>2</v>
      </c>
      <c r="AO31" s="61">
        <v>1</v>
      </c>
      <c r="AP31" s="61">
        <v>0</v>
      </c>
      <c r="AQ31" s="61">
        <v>0</v>
      </c>
      <c r="AR31" s="61">
        <v>0</v>
      </c>
      <c r="AS31" s="62">
        <v>3</v>
      </c>
      <c r="AT31" s="63">
        <v>4</v>
      </c>
      <c r="AU31" s="60">
        <v>1</v>
      </c>
      <c r="AV31" s="61">
        <v>2</v>
      </c>
      <c r="AW31" s="62">
        <v>3</v>
      </c>
      <c r="AX31" s="443">
        <v>0</v>
      </c>
      <c r="AY31" s="61">
        <v>3</v>
      </c>
      <c r="AZ31" s="61">
        <v>2</v>
      </c>
      <c r="BA31" s="61">
        <v>0</v>
      </c>
      <c r="BB31" s="61">
        <v>0</v>
      </c>
      <c r="BC31" s="61">
        <v>0</v>
      </c>
      <c r="BD31" s="62">
        <v>5</v>
      </c>
      <c r="BE31" s="63">
        <v>8</v>
      </c>
      <c r="BF31" s="60">
        <v>0</v>
      </c>
      <c r="BG31" s="61">
        <v>2</v>
      </c>
      <c r="BH31" s="62">
        <v>2</v>
      </c>
      <c r="BI31" s="443">
        <v>0</v>
      </c>
      <c r="BJ31" s="61">
        <v>4</v>
      </c>
      <c r="BK31" s="61">
        <v>3</v>
      </c>
      <c r="BL31" s="61">
        <v>1</v>
      </c>
      <c r="BM31" s="61">
        <v>0</v>
      </c>
      <c r="BN31" s="61">
        <v>0</v>
      </c>
      <c r="BO31" s="62">
        <v>8</v>
      </c>
      <c r="BP31" s="63">
        <v>10</v>
      </c>
      <c r="BQ31" s="60">
        <v>0</v>
      </c>
      <c r="BR31" s="61">
        <v>0</v>
      </c>
      <c r="BS31" s="62">
        <v>0</v>
      </c>
      <c r="BT31" s="443">
        <v>0</v>
      </c>
      <c r="BU31" s="61">
        <v>2</v>
      </c>
      <c r="BV31" s="61">
        <v>2</v>
      </c>
      <c r="BW31" s="61">
        <v>2</v>
      </c>
      <c r="BX31" s="61">
        <v>0</v>
      </c>
      <c r="BY31" s="61">
        <v>1</v>
      </c>
      <c r="BZ31" s="62">
        <v>7</v>
      </c>
      <c r="CA31" s="63">
        <v>7</v>
      </c>
      <c r="CB31" s="60">
        <v>0</v>
      </c>
      <c r="CC31" s="61">
        <v>0</v>
      </c>
      <c r="CD31" s="62">
        <v>0</v>
      </c>
      <c r="CE31" s="443">
        <v>0</v>
      </c>
      <c r="CF31" s="61">
        <v>0</v>
      </c>
      <c r="CG31" s="61">
        <v>0</v>
      </c>
      <c r="CH31" s="61">
        <v>0</v>
      </c>
      <c r="CI31" s="61">
        <v>0</v>
      </c>
      <c r="CJ31" s="61">
        <v>0</v>
      </c>
      <c r="CK31" s="62">
        <v>0</v>
      </c>
      <c r="CL31" s="63">
        <v>0</v>
      </c>
      <c r="CM31" s="60">
        <v>1</v>
      </c>
      <c r="CN31" s="61">
        <v>5</v>
      </c>
      <c r="CO31" s="62">
        <v>6</v>
      </c>
      <c r="CP31" s="443">
        <v>0</v>
      </c>
      <c r="CQ31" s="61">
        <v>11</v>
      </c>
      <c r="CR31" s="61">
        <v>8</v>
      </c>
      <c r="CS31" s="61">
        <v>3</v>
      </c>
      <c r="CT31" s="61">
        <v>0</v>
      </c>
      <c r="CU31" s="61">
        <v>1</v>
      </c>
      <c r="CV31" s="62">
        <v>23</v>
      </c>
      <c r="CW31" s="63">
        <v>29</v>
      </c>
      <c r="CX31" s="113">
        <v>0</v>
      </c>
      <c r="CY31" s="72">
        <v>0</v>
      </c>
      <c r="CZ31" s="73">
        <v>0</v>
      </c>
      <c r="DA31" s="443">
        <v>0</v>
      </c>
      <c r="DB31" s="72">
        <v>2</v>
      </c>
      <c r="DC31" s="72">
        <v>1</v>
      </c>
      <c r="DD31" s="72">
        <v>0</v>
      </c>
      <c r="DE31" s="72">
        <v>1</v>
      </c>
      <c r="DF31" s="72">
        <v>1</v>
      </c>
      <c r="DG31" s="74">
        <v>5</v>
      </c>
      <c r="DH31" s="75">
        <v>5</v>
      </c>
      <c r="DI31" s="60">
        <v>0</v>
      </c>
      <c r="DJ31" s="61">
        <v>0</v>
      </c>
      <c r="DK31" s="62">
        <v>0</v>
      </c>
      <c r="DL31" s="443">
        <v>0</v>
      </c>
      <c r="DM31" s="61">
        <v>0</v>
      </c>
      <c r="DN31" s="61">
        <v>0</v>
      </c>
      <c r="DO31" s="61">
        <v>0</v>
      </c>
      <c r="DP31" s="61">
        <v>0</v>
      </c>
      <c r="DQ31" s="61">
        <v>0</v>
      </c>
      <c r="DR31" s="62">
        <v>0</v>
      </c>
      <c r="DS31" s="63">
        <v>0</v>
      </c>
      <c r="DT31" s="60">
        <v>0</v>
      </c>
      <c r="DU31" s="61">
        <v>0</v>
      </c>
      <c r="DV31" s="62">
        <v>0</v>
      </c>
      <c r="DW31" s="443">
        <v>0</v>
      </c>
      <c r="DX31" s="61">
        <v>0</v>
      </c>
      <c r="DY31" s="61">
        <v>0</v>
      </c>
      <c r="DZ31" s="61">
        <v>0</v>
      </c>
      <c r="EA31" s="61">
        <v>0</v>
      </c>
      <c r="EB31" s="61">
        <v>0</v>
      </c>
      <c r="EC31" s="62">
        <v>0</v>
      </c>
      <c r="ED31" s="63">
        <v>0</v>
      </c>
      <c r="EE31" s="60">
        <v>0</v>
      </c>
      <c r="EF31" s="61">
        <v>0</v>
      </c>
      <c r="EG31" s="62">
        <v>0</v>
      </c>
      <c r="EH31" s="443">
        <v>0</v>
      </c>
      <c r="EI31" s="61">
        <v>0</v>
      </c>
      <c r="EJ31" s="61">
        <v>0</v>
      </c>
      <c r="EK31" s="61">
        <v>0</v>
      </c>
      <c r="EL31" s="61">
        <v>0</v>
      </c>
      <c r="EM31" s="61">
        <v>0</v>
      </c>
      <c r="EN31" s="62">
        <v>0</v>
      </c>
      <c r="EO31" s="63">
        <v>0</v>
      </c>
      <c r="EP31" s="60">
        <v>0</v>
      </c>
      <c r="EQ31" s="61">
        <v>0</v>
      </c>
      <c r="ER31" s="62">
        <v>0</v>
      </c>
      <c r="ES31" s="443">
        <v>0</v>
      </c>
      <c r="ET31" s="61">
        <v>0</v>
      </c>
      <c r="EU31" s="61">
        <v>0</v>
      </c>
      <c r="EV31" s="61">
        <v>0</v>
      </c>
      <c r="EW31" s="61">
        <v>0</v>
      </c>
      <c r="EX31" s="61">
        <v>0</v>
      </c>
      <c r="EY31" s="62">
        <v>0</v>
      </c>
      <c r="EZ31" s="63">
        <v>0</v>
      </c>
      <c r="FA31" s="60">
        <v>0</v>
      </c>
      <c r="FB31" s="61">
        <v>0</v>
      </c>
      <c r="FC31" s="62">
        <v>0</v>
      </c>
      <c r="FD31" s="443">
        <v>0</v>
      </c>
      <c r="FE31" s="61">
        <v>1</v>
      </c>
      <c r="FF31" s="61">
        <v>1</v>
      </c>
      <c r="FG31" s="61">
        <v>0</v>
      </c>
      <c r="FH31" s="61">
        <v>0</v>
      </c>
      <c r="FI31" s="61">
        <v>1</v>
      </c>
      <c r="FJ31" s="62">
        <v>3</v>
      </c>
      <c r="FK31" s="63">
        <v>3</v>
      </c>
      <c r="FL31" s="60">
        <v>0</v>
      </c>
      <c r="FM31" s="61">
        <v>0</v>
      </c>
      <c r="FN31" s="62">
        <v>0</v>
      </c>
      <c r="FO31" s="443">
        <v>0</v>
      </c>
      <c r="FP31" s="61">
        <v>1</v>
      </c>
      <c r="FQ31" s="61">
        <v>0</v>
      </c>
      <c r="FR31" s="61">
        <v>0</v>
      </c>
      <c r="FS31" s="61">
        <v>1</v>
      </c>
      <c r="FT31" s="61">
        <v>0</v>
      </c>
      <c r="FU31" s="62">
        <v>2</v>
      </c>
      <c r="FV31" s="63">
        <v>2</v>
      </c>
      <c r="FW31" s="60">
        <v>0</v>
      </c>
      <c r="FX31" s="61">
        <v>0</v>
      </c>
      <c r="FY31" s="62">
        <v>0</v>
      </c>
      <c r="FZ31" s="443">
        <v>0</v>
      </c>
      <c r="GA31" s="61">
        <v>0</v>
      </c>
      <c r="GB31" s="61">
        <v>0</v>
      </c>
      <c r="GC31" s="61">
        <v>0</v>
      </c>
      <c r="GD31" s="61">
        <v>0</v>
      </c>
      <c r="GE31" s="61">
        <v>0</v>
      </c>
      <c r="GF31" s="62">
        <v>0</v>
      </c>
      <c r="GG31" s="63">
        <v>0</v>
      </c>
      <c r="GH31" s="60">
        <v>0</v>
      </c>
      <c r="GI31" s="61">
        <v>0</v>
      </c>
      <c r="GJ31" s="62">
        <v>0</v>
      </c>
      <c r="GK31" s="443">
        <v>0</v>
      </c>
      <c r="GL31" s="61">
        <v>2</v>
      </c>
      <c r="GM31" s="61">
        <v>1</v>
      </c>
      <c r="GN31" s="61">
        <v>0</v>
      </c>
      <c r="GO31" s="61">
        <v>1</v>
      </c>
      <c r="GP31" s="61">
        <v>1</v>
      </c>
      <c r="GQ31" s="62">
        <v>5</v>
      </c>
      <c r="GR31" s="63">
        <v>5</v>
      </c>
      <c r="GS31" s="113">
        <v>1</v>
      </c>
      <c r="GT31" s="72">
        <v>5</v>
      </c>
      <c r="GU31" s="73">
        <v>6</v>
      </c>
      <c r="GV31" s="443">
        <v>0</v>
      </c>
      <c r="GW31" s="72">
        <v>13</v>
      </c>
      <c r="GX31" s="72">
        <v>9</v>
      </c>
      <c r="GY31" s="72">
        <v>3</v>
      </c>
      <c r="GZ31" s="72">
        <v>1</v>
      </c>
      <c r="HA31" s="72">
        <v>2</v>
      </c>
      <c r="HB31" s="74">
        <v>28</v>
      </c>
      <c r="HC31" s="75">
        <v>34</v>
      </c>
      <c r="HD31" s="60">
        <v>0</v>
      </c>
      <c r="HE31" s="61">
        <v>0</v>
      </c>
      <c r="HF31" s="62">
        <v>0</v>
      </c>
      <c r="HG31" s="443">
        <v>0</v>
      </c>
      <c r="HH31" s="61">
        <v>0</v>
      </c>
      <c r="HI31" s="61">
        <v>0</v>
      </c>
      <c r="HJ31" s="61">
        <v>0</v>
      </c>
      <c r="HK31" s="61">
        <v>0</v>
      </c>
      <c r="HL31" s="61">
        <v>0</v>
      </c>
      <c r="HM31" s="62">
        <v>0</v>
      </c>
      <c r="HN31" s="63">
        <v>0</v>
      </c>
      <c r="HO31" s="60">
        <v>0</v>
      </c>
      <c r="HP31" s="61">
        <v>0</v>
      </c>
      <c r="HQ31" s="62">
        <v>0</v>
      </c>
      <c r="HR31" s="443">
        <v>0</v>
      </c>
      <c r="HS31" s="61">
        <v>0</v>
      </c>
      <c r="HT31" s="61">
        <v>0</v>
      </c>
      <c r="HU31" s="61">
        <v>0</v>
      </c>
      <c r="HV31" s="61">
        <v>0</v>
      </c>
      <c r="HW31" s="61">
        <v>0</v>
      </c>
      <c r="HX31" s="62">
        <v>0</v>
      </c>
      <c r="HY31" s="63">
        <v>0</v>
      </c>
      <c r="HZ31" s="60">
        <v>0</v>
      </c>
      <c r="IA31" s="61">
        <v>1</v>
      </c>
      <c r="IB31" s="62">
        <v>1</v>
      </c>
      <c r="IC31" s="443">
        <v>0</v>
      </c>
      <c r="ID31" s="61">
        <v>2</v>
      </c>
      <c r="IE31" s="61">
        <v>1</v>
      </c>
      <c r="IF31" s="61">
        <v>0</v>
      </c>
      <c r="IG31" s="61">
        <v>0</v>
      </c>
      <c r="IH31" s="61">
        <v>0</v>
      </c>
      <c r="II31" s="62">
        <v>3</v>
      </c>
      <c r="IJ31" s="63">
        <v>4</v>
      </c>
      <c r="IK31" s="60">
        <v>1</v>
      </c>
      <c r="IL31" s="61">
        <v>2</v>
      </c>
      <c r="IM31" s="62">
        <v>3</v>
      </c>
      <c r="IN31" s="443">
        <v>0</v>
      </c>
      <c r="IO31" s="61">
        <v>3</v>
      </c>
      <c r="IP31" s="61">
        <v>2</v>
      </c>
      <c r="IQ31" s="61">
        <v>0</v>
      </c>
      <c r="IR31" s="61">
        <v>0</v>
      </c>
      <c r="IS31" s="61">
        <v>0</v>
      </c>
      <c r="IT31" s="62">
        <v>5</v>
      </c>
      <c r="IU31" s="63">
        <v>8</v>
      </c>
      <c r="IV31" s="60">
        <v>0</v>
      </c>
      <c r="IW31" s="61">
        <v>2</v>
      </c>
      <c r="IX31" s="62">
        <v>2</v>
      </c>
      <c r="IY31" s="443">
        <v>0</v>
      </c>
      <c r="IZ31" s="61">
        <v>5</v>
      </c>
      <c r="JA31" s="61">
        <v>4</v>
      </c>
      <c r="JB31" s="61">
        <v>1</v>
      </c>
      <c r="JC31" s="61">
        <v>0</v>
      </c>
      <c r="JD31" s="61">
        <v>1</v>
      </c>
      <c r="JE31" s="62">
        <v>11</v>
      </c>
      <c r="JF31" s="63">
        <v>13</v>
      </c>
      <c r="JG31" s="60">
        <v>0</v>
      </c>
      <c r="JH31" s="61">
        <v>0</v>
      </c>
      <c r="JI31" s="62">
        <v>0</v>
      </c>
      <c r="JJ31" s="443">
        <v>0</v>
      </c>
      <c r="JK31" s="61">
        <v>3</v>
      </c>
      <c r="JL31" s="61">
        <v>2</v>
      </c>
      <c r="JM31" s="61">
        <v>2</v>
      </c>
      <c r="JN31" s="61">
        <v>1</v>
      </c>
      <c r="JO31" s="61">
        <v>1</v>
      </c>
      <c r="JP31" s="62">
        <v>9</v>
      </c>
      <c r="JQ31" s="63">
        <v>9</v>
      </c>
      <c r="JR31" s="60">
        <v>0</v>
      </c>
      <c r="JS31" s="61">
        <v>0</v>
      </c>
      <c r="JT31" s="62">
        <v>0</v>
      </c>
      <c r="JU31" s="443">
        <v>0</v>
      </c>
      <c r="JV31" s="61">
        <v>0</v>
      </c>
      <c r="JW31" s="61">
        <v>0</v>
      </c>
      <c r="JX31" s="61">
        <v>0</v>
      </c>
      <c r="JY31" s="61">
        <v>0</v>
      </c>
      <c r="JZ31" s="61">
        <v>0</v>
      </c>
      <c r="KA31" s="62">
        <v>0</v>
      </c>
      <c r="KB31" s="63">
        <v>0</v>
      </c>
      <c r="KC31" s="60">
        <v>1</v>
      </c>
      <c r="KD31" s="61">
        <v>5</v>
      </c>
      <c r="KE31" s="62">
        <v>6</v>
      </c>
      <c r="KF31" s="443">
        <v>0</v>
      </c>
      <c r="KG31" s="61">
        <v>13</v>
      </c>
      <c r="KH31" s="61">
        <v>9</v>
      </c>
      <c r="KI31" s="61">
        <v>3</v>
      </c>
      <c r="KJ31" s="61">
        <v>1</v>
      </c>
      <c r="KK31" s="61">
        <v>2</v>
      </c>
      <c r="KL31" s="62">
        <v>28</v>
      </c>
      <c r="KM31" s="63">
        <v>34</v>
      </c>
    </row>
    <row r="32" spans="2:299" ht="21" customHeight="1" x14ac:dyDescent="0.2">
      <c r="B32" s="437" t="s">
        <v>29</v>
      </c>
      <c r="C32" s="287">
        <v>5</v>
      </c>
      <c r="D32" s="72">
        <v>2</v>
      </c>
      <c r="E32" s="73">
        <v>7</v>
      </c>
      <c r="F32" s="443">
        <v>0</v>
      </c>
      <c r="G32" s="72">
        <v>2</v>
      </c>
      <c r="H32" s="72">
        <v>4</v>
      </c>
      <c r="I32" s="72">
        <v>5</v>
      </c>
      <c r="J32" s="72">
        <v>4</v>
      </c>
      <c r="K32" s="72">
        <v>4</v>
      </c>
      <c r="L32" s="74">
        <v>19</v>
      </c>
      <c r="M32" s="75">
        <v>26</v>
      </c>
      <c r="N32" s="60">
        <v>0</v>
      </c>
      <c r="O32" s="61">
        <v>0</v>
      </c>
      <c r="P32" s="62">
        <v>0</v>
      </c>
      <c r="Q32" s="443">
        <v>0</v>
      </c>
      <c r="R32" s="61">
        <v>0</v>
      </c>
      <c r="S32" s="61">
        <v>0</v>
      </c>
      <c r="T32" s="61">
        <v>1</v>
      </c>
      <c r="U32" s="61">
        <v>0</v>
      </c>
      <c r="V32" s="61">
        <v>0</v>
      </c>
      <c r="W32" s="62">
        <v>1</v>
      </c>
      <c r="X32" s="63">
        <v>1</v>
      </c>
      <c r="Y32" s="60">
        <v>0</v>
      </c>
      <c r="Z32" s="61">
        <v>0</v>
      </c>
      <c r="AA32" s="62">
        <v>0</v>
      </c>
      <c r="AB32" s="443">
        <v>0</v>
      </c>
      <c r="AC32" s="61">
        <v>0</v>
      </c>
      <c r="AD32" s="61">
        <v>0</v>
      </c>
      <c r="AE32" s="61">
        <v>0</v>
      </c>
      <c r="AF32" s="61">
        <v>0</v>
      </c>
      <c r="AG32" s="61">
        <v>0</v>
      </c>
      <c r="AH32" s="62">
        <v>0</v>
      </c>
      <c r="AI32" s="63">
        <v>0</v>
      </c>
      <c r="AJ32" s="60">
        <v>0</v>
      </c>
      <c r="AK32" s="61">
        <v>0</v>
      </c>
      <c r="AL32" s="62">
        <v>0</v>
      </c>
      <c r="AM32" s="443">
        <v>0</v>
      </c>
      <c r="AN32" s="61">
        <v>0</v>
      </c>
      <c r="AO32" s="61">
        <v>0</v>
      </c>
      <c r="AP32" s="61">
        <v>0</v>
      </c>
      <c r="AQ32" s="61">
        <v>2</v>
      </c>
      <c r="AR32" s="61">
        <v>1</v>
      </c>
      <c r="AS32" s="62">
        <v>3</v>
      </c>
      <c r="AT32" s="63">
        <v>3</v>
      </c>
      <c r="AU32" s="60">
        <v>3</v>
      </c>
      <c r="AV32" s="61">
        <v>1</v>
      </c>
      <c r="AW32" s="62">
        <v>4</v>
      </c>
      <c r="AX32" s="443">
        <v>0</v>
      </c>
      <c r="AY32" s="61">
        <v>1</v>
      </c>
      <c r="AZ32" s="61">
        <v>0</v>
      </c>
      <c r="BA32" s="61">
        <v>0</v>
      </c>
      <c r="BB32" s="61">
        <v>1</v>
      </c>
      <c r="BC32" s="61">
        <v>1</v>
      </c>
      <c r="BD32" s="62">
        <v>3</v>
      </c>
      <c r="BE32" s="63">
        <v>7</v>
      </c>
      <c r="BF32" s="60">
        <v>1</v>
      </c>
      <c r="BG32" s="61">
        <v>1</v>
      </c>
      <c r="BH32" s="62">
        <v>2</v>
      </c>
      <c r="BI32" s="443">
        <v>0</v>
      </c>
      <c r="BJ32" s="61">
        <v>1</v>
      </c>
      <c r="BK32" s="61">
        <v>2</v>
      </c>
      <c r="BL32" s="61">
        <v>1</v>
      </c>
      <c r="BM32" s="61">
        <v>0</v>
      </c>
      <c r="BN32" s="61">
        <v>0</v>
      </c>
      <c r="BO32" s="62">
        <v>4</v>
      </c>
      <c r="BP32" s="63">
        <v>6</v>
      </c>
      <c r="BQ32" s="60">
        <v>1</v>
      </c>
      <c r="BR32" s="61">
        <v>0</v>
      </c>
      <c r="BS32" s="62">
        <v>1</v>
      </c>
      <c r="BT32" s="443">
        <v>0</v>
      </c>
      <c r="BU32" s="61">
        <v>0</v>
      </c>
      <c r="BV32" s="61">
        <v>2</v>
      </c>
      <c r="BW32" s="61">
        <v>3</v>
      </c>
      <c r="BX32" s="61">
        <v>1</v>
      </c>
      <c r="BY32" s="61">
        <v>2</v>
      </c>
      <c r="BZ32" s="62">
        <v>8</v>
      </c>
      <c r="CA32" s="63">
        <v>9</v>
      </c>
      <c r="CB32" s="60">
        <v>0</v>
      </c>
      <c r="CC32" s="61">
        <v>0</v>
      </c>
      <c r="CD32" s="62">
        <v>0</v>
      </c>
      <c r="CE32" s="443">
        <v>0</v>
      </c>
      <c r="CF32" s="61">
        <v>0</v>
      </c>
      <c r="CG32" s="61">
        <v>0</v>
      </c>
      <c r="CH32" s="61">
        <v>0</v>
      </c>
      <c r="CI32" s="61">
        <v>0</v>
      </c>
      <c r="CJ32" s="61">
        <v>0</v>
      </c>
      <c r="CK32" s="62">
        <v>0</v>
      </c>
      <c r="CL32" s="63">
        <v>0</v>
      </c>
      <c r="CM32" s="60">
        <v>5</v>
      </c>
      <c r="CN32" s="61">
        <v>2</v>
      </c>
      <c r="CO32" s="62">
        <v>7</v>
      </c>
      <c r="CP32" s="443">
        <v>0</v>
      </c>
      <c r="CQ32" s="61">
        <v>2</v>
      </c>
      <c r="CR32" s="61">
        <v>4</v>
      </c>
      <c r="CS32" s="61">
        <v>5</v>
      </c>
      <c r="CT32" s="61">
        <v>4</v>
      </c>
      <c r="CU32" s="61">
        <v>4</v>
      </c>
      <c r="CV32" s="62">
        <v>19</v>
      </c>
      <c r="CW32" s="63">
        <v>26</v>
      </c>
      <c r="CX32" s="113">
        <v>2</v>
      </c>
      <c r="CY32" s="72">
        <v>0</v>
      </c>
      <c r="CZ32" s="73">
        <v>2</v>
      </c>
      <c r="DA32" s="443">
        <v>0</v>
      </c>
      <c r="DB32" s="72">
        <v>1</v>
      </c>
      <c r="DC32" s="72">
        <v>1</v>
      </c>
      <c r="DD32" s="72">
        <v>1</v>
      </c>
      <c r="DE32" s="72">
        <v>1</v>
      </c>
      <c r="DF32" s="72">
        <v>1</v>
      </c>
      <c r="DG32" s="74">
        <v>5</v>
      </c>
      <c r="DH32" s="75">
        <v>7</v>
      </c>
      <c r="DI32" s="60">
        <v>0</v>
      </c>
      <c r="DJ32" s="61">
        <v>0</v>
      </c>
      <c r="DK32" s="62">
        <v>0</v>
      </c>
      <c r="DL32" s="443">
        <v>0</v>
      </c>
      <c r="DM32" s="61">
        <v>0</v>
      </c>
      <c r="DN32" s="61">
        <v>0</v>
      </c>
      <c r="DO32" s="61">
        <v>0</v>
      </c>
      <c r="DP32" s="61">
        <v>0</v>
      </c>
      <c r="DQ32" s="61">
        <v>0</v>
      </c>
      <c r="DR32" s="62">
        <v>0</v>
      </c>
      <c r="DS32" s="63">
        <v>0</v>
      </c>
      <c r="DT32" s="60">
        <v>0</v>
      </c>
      <c r="DU32" s="61">
        <v>0</v>
      </c>
      <c r="DV32" s="62">
        <v>0</v>
      </c>
      <c r="DW32" s="443">
        <v>0</v>
      </c>
      <c r="DX32" s="61">
        <v>0</v>
      </c>
      <c r="DY32" s="61">
        <v>1</v>
      </c>
      <c r="DZ32" s="61">
        <v>0</v>
      </c>
      <c r="EA32" s="61">
        <v>0</v>
      </c>
      <c r="EB32" s="61">
        <v>0</v>
      </c>
      <c r="EC32" s="62">
        <v>1</v>
      </c>
      <c r="ED32" s="63">
        <v>1</v>
      </c>
      <c r="EE32" s="60">
        <v>0</v>
      </c>
      <c r="EF32" s="61">
        <v>0</v>
      </c>
      <c r="EG32" s="62">
        <v>0</v>
      </c>
      <c r="EH32" s="443">
        <v>0</v>
      </c>
      <c r="EI32" s="61">
        <v>0</v>
      </c>
      <c r="EJ32" s="61">
        <v>0</v>
      </c>
      <c r="EK32" s="61">
        <v>0</v>
      </c>
      <c r="EL32" s="61">
        <v>0</v>
      </c>
      <c r="EM32" s="61">
        <v>0</v>
      </c>
      <c r="EN32" s="62">
        <v>0</v>
      </c>
      <c r="EO32" s="63">
        <v>0</v>
      </c>
      <c r="EP32" s="60">
        <v>2</v>
      </c>
      <c r="EQ32" s="61">
        <v>0</v>
      </c>
      <c r="ER32" s="62">
        <v>2</v>
      </c>
      <c r="ES32" s="443">
        <v>0</v>
      </c>
      <c r="ET32" s="61">
        <v>0</v>
      </c>
      <c r="EU32" s="61">
        <v>0</v>
      </c>
      <c r="EV32" s="61">
        <v>0</v>
      </c>
      <c r="EW32" s="61">
        <v>0</v>
      </c>
      <c r="EX32" s="61">
        <v>0</v>
      </c>
      <c r="EY32" s="62">
        <v>0</v>
      </c>
      <c r="EZ32" s="63">
        <v>2</v>
      </c>
      <c r="FA32" s="60">
        <v>0</v>
      </c>
      <c r="FB32" s="61">
        <v>0</v>
      </c>
      <c r="FC32" s="62">
        <v>0</v>
      </c>
      <c r="FD32" s="443">
        <v>0</v>
      </c>
      <c r="FE32" s="61">
        <v>0</v>
      </c>
      <c r="FF32" s="61">
        <v>0</v>
      </c>
      <c r="FG32" s="61">
        <v>0</v>
      </c>
      <c r="FH32" s="61">
        <v>0</v>
      </c>
      <c r="FI32" s="61">
        <v>1</v>
      </c>
      <c r="FJ32" s="62">
        <v>1</v>
      </c>
      <c r="FK32" s="63">
        <v>1</v>
      </c>
      <c r="FL32" s="60">
        <v>0</v>
      </c>
      <c r="FM32" s="61">
        <v>0</v>
      </c>
      <c r="FN32" s="62">
        <v>0</v>
      </c>
      <c r="FO32" s="443">
        <v>0</v>
      </c>
      <c r="FP32" s="61">
        <v>1</v>
      </c>
      <c r="FQ32" s="61">
        <v>0</v>
      </c>
      <c r="FR32" s="61">
        <v>1</v>
      </c>
      <c r="FS32" s="61">
        <v>1</v>
      </c>
      <c r="FT32" s="61">
        <v>0</v>
      </c>
      <c r="FU32" s="62">
        <v>3</v>
      </c>
      <c r="FV32" s="63">
        <v>3</v>
      </c>
      <c r="FW32" s="60">
        <v>0</v>
      </c>
      <c r="FX32" s="61">
        <v>0</v>
      </c>
      <c r="FY32" s="62">
        <v>0</v>
      </c>
      <c r="FZ32" s="443">
        <v>0</v>
      </c>
      <c r="GA32" s="61">
        <v>0</v>
      </c>
      <c r="GB32" s="61">
        <v>0</v>
      </c>
      <c r="GC32" s="61">
        <v>0</v>
      </c>
      <c r="GD32" s="61">
        <v>0</v>
      </c>
      <c r="GE32" s="61">
        <v>0</v>
      </c>
      <c r="GF32" s="62">
        <v>0</v>
      </c>
      <c r="GG32" s="63">
        <v>0</v>
      </c>
      <c r="GH32" s="60">
        <v>2</v>
      </c>
      <c r="GI32" s="61">
        <v>0</v>
      </c>
      <c r="GJ32" s="62">
        <v>2</v>
      </c>
      <c r="GK32" s="443">
        <v>0</v>
      </c>
      <c r="GL32" s="61">
        <v>1</v>
      </c>
      <c r="GM32" s="61">
        <v>1</v>
      </c>
      <c r="GN32" s="61">
        <v>1</v>
      </c>
      <c r="GO32" s="61">
        <v>1</v>
      </c>
      <c r="GP32" s="61">
        <v>1</v>
      </c>
      <c r="GQ32" s="62">
        <v>5</v>
      </c>
      <c r="GR32" s="63">
        <v>7</v>
      </c>
      <c r="GS32" s="113">
        <v>7</v>
      </c>
      <c r="GT32" s="72">
        <v>2</v>
      </c>
      <c r="GU32" s="73">
        <v>9</v>
      </c>
      <c r="GV32" s="443">
        <v>0</v>
      </c>
      <c r="GW32" s="72">
        <v>3</v>
      </c>
      <c r="GX32" s="72">
        <v>5</v>
      </c>
      <c r="GY32" s="72">
        <v>6</v>
      </c>
      <c r="GZ32" s="72">
        <v>5</v>
      </c>
      <c r="HA32" s="72">
        <v>5</v>
      </c>
      <c r="HB32" s="74">
        <v>24</v>
      </c>
      <c r="HC32" s="75">
        <v>33</v>
      </c>
      <c r="HD32" s="60">
        <v>0</v>
      </c>
      <c r="HE32" s="61">
        <v>0</v>
      </c>
      <c r="HF32" s="62">
        <v>0</v>
      </c>
      <c r="HG32" s="443">
        <v>0</v>
      </c>
      <c r="HH32" s="61">
        <v>0</v>
      </c>
      <c r="HI32" s="61">
        <v>0</v>
      </c>
      <c r="HJ32" s="61">
        <v>1</v>
      </c>
      <c r="HK32" s="61">
        <v>0</v>
      </c>
      <c r="HL32" s="61">
        <v>0</v>
      </c>
      <c r="HM32" s="62">
        <v>1</v>
      </c>
      <c r="HN32" s="63">
        <v>1</v>
      </c>
      <c r="HO32" s="60">
        <v>0</v>
      </c>
      <c r="HP32" s="61">
        <v>0</v>
      </c>
      <c r="HQ32" s="62">
        <v>0</v>
      </c>
      <c r="HR32" s="443">
        <v>0</v>
      </c>
      <c r="HS32" s="61">
        <v>0</v>
      </c>
      <c r="HT32" s="61">
        <v>1</v>
      </c>
      <c r="HU32" s="61">
        <v>0</v>
      </c>
      <c r="HV32" s="61">
        <v>0</v>
      </c>
      <c r="HW32" s="61">
        <v>0</v>
      </c>
      <c r="HX32" s="62">
        <v>1</v>
      </c>
      <c r="HY32" s="63">
        <v>1</v>
      </c>
      <c r="HZ32" s="60">
        <v>0</v>
      </c>
      <c r="IA32" s="61">
        <v>0</v>
      </c>
      <c r="IB32" s="62">
        <v>0</v>
      </c>
      <c r="IC32" s="443">
        <v>0</v>
      </c>
      <c r="ID32" s="61">
        <v>0</v>
      </c>
      <c r="IE32" s="61">
        <v>0</v>
      </c>
      <c r="IF32" s="61">
        <v>0</v>
      </c>
      <c r="IG32" s="61">
        <v>2</v>
      </c>
      <c r="IH32" s="61">
        <v>1</v>
      </c>
      <c r="II32" s="62">
        <v>3</v>
      </c>
      <c r="IJ32" s="63">
        <v>3</v>
      </c>
      <c r="IK32" s="60">
        <v>5</v>
      </c>
      <c r="IL32" s="61">
        <v>1</v>
      </c>
      <c r="IM32" s="62">
        <v>6</v>
      </c>
      <c r="IN32" s="443">
        <v>0</v>
      </c>
      <c r="IO32" s="61">
        <v>1</v>
      </c>
      <c r="IP32" s="61">
        <v>0</v>
      </c>
      <c r="IQ32" s="61">
        <v>0</v>
      </c>
      <c r="IR32" s="61">
        <v>1</v>
      </c>
      <c r="IS32" s="61">
        <v>1</v>
      </c>
      <c r="IT32" s="62">
        <v>3</v>
      </c>
      <c r="IU32" s="63">
        <v>9</v>
      </c>
      <c r="IV32" s="60">
        <v>1</v>
      </c>
      <c r="IW32" s="61">
        <v>1</v>
      </c>
      <c r="IX32" s="62">
        <v>2</v>
      </c>
      <c r="IY32" s="443">
        <v>0</v>
      </c>
      <c r="IZ32" s="61">
        <v>1</v>
      </c>
      <c r="JA32" s="61">
        <v>2</v>
      </c>
      <c r="JB32" s="61">
        <v>1</v>
      </c>
      <c r="JC32" s="61">
        <v>0</v>
      </c>
      <c r="JD32" s="61">
        <v>1</v>
      </c>
      <c r="JE32" s="62">
        <v>5</v>
      </c>
      <c r="JF32" s="63">
        <v>7</v>
      </c>
      <c r="JG32" s="60">
        <v>1</v>
      </c>
      <c r="JH32" s="61">
        <v>0</v>
      </c>
      <c r="JI32" s="62">
        <v>1</v>
      </c>
      <c r="JJ32" s="443">
        <v>0</v>
      </c>
      <c r="JK32" s="61">
        <v>1</v>
      </c>
      <c r="JL32" s="61">
        <v>2</v>
      </c>
      <c r="JM32" s="61">
        <v>4</v>
      </c>
      <c r="JN32" s="61">
        <v>2</v>
      </c>
      <c r="JO32" s="61">
        <v>2</v>
      </c>
      <c r="JP32" s="62">
        <v>11</v>
      </c>
      <c r="JQ32" s="63">
        <v>12</v>
      </c>
      <c r="JR32" s="60">
        <v>0</v>
      </c>
      <c r="JS32" s="61">
        <v>0</v>
      </c>
      <c r="JT32" s="62">
        <v>0</v>
      </c>
      <c r="JU32" s="443">
        <v>0</v>
      </c>
      <c r="JV32" s="61">
        <v>0</v>
      </c>
      <c r="JW32" s="61">
        <v>0</v>
      </c>
      <c r="JX32" s="61">
        <v>0</v>
      </c>
      <c r="JY32" s="61">
        <v>0</v>
      </c>
      <c r="JZ32" s="61">
        <v>0</v>
      </c>
      <c r="KA32" s="62">
        <v>0</v>
      </c>
      <c r="KB32" s="63">
        <v>0</v>
      </c>
      <c r="KC32" s="60">
        <v>7</v>
      </c>
      <c r="KD32" s="61">
        <v>2</v>
      </c>
      <c r="KE32" s="62">
        <v>9</v>
      </c>
      <c r="KF32" s="443">
        <v>0</v>
      </c>
      <c r="KG32" s="61">
        <v>3</v>
      </c>
      <c r="KH32" s="61">
        <v>5</v>
      </c>
      <c r="KI32" s="61">
        <v>6</v>
      </c>
      <c r="KJ32" s="61">
        <v>5</v>
      </c>
      <c r="KK32" s="61">
        <v>5</v>
      </c>
      <c r="KL32" s="62">
        <v>24</v>
      </c>
      <c r="KM32" s="63">
        <v>33</v>
      </c>
    </row>
    <row r="33" spans="2:299" ht="21" customHeight="1" x14ac:dyDescent="0.2">
      <c r="B33" s="437" t="s">
        <v>30</v>
      </c>
      <c r="C33" s="287">
        <v>4</v>
      </c>
      <c r="D33" s="72">
        <v>2</v>
      </c>
      <c r="E33" s="73">
        <v>6</v>
      </c>
      <c r="F33" s="443">
        <v>0</v>
      </c>
      <c r="G33" s="72">
        <v>2</v>
      </c>
      <c r="H33" s="72">
        <v>2</v>
      </c>
      <c r="I33" s="72">
        <v>5</v>
      </c>
      <c r="J33" s="72">
        <v>5</v>
      </c>
      <c r="K33" s="72">
        <v>0</v>
      </c>
      <c r="L33" s="74">
        <v>14</v>
      </c>
      <c r="M33" s="75">
        <v>20</v>
      </c>
      <c r="N33" s="60">
        <v>0</v>
      </c>
      <c r="O33" s="61">
        <v>0</v>
      </c>
      <c r="P33" s="62">
        <v>0</v>
      </c>
      <c r="Q33" s="443">
        <v>0</v>
      </c>
      <c r="R33" s="61">
        <v>0</v>
      </c>
      <c r="S33" s="61">
        <v>0</v>
      </c>
      <c r="T33" s="61">
        <v>0</v>
      </c>
      <c r="U33" s="61">
        <v>0</v>
      </c>
      <c r="V33" s="61">
        <v>0</v>
      </c>
      <c r="W33" s="62">
        <v>0</v>
      </c>
      <c r="X33" s="63">
        <v>0</v>
      </c>
      <c r="Y33" s="60">
        <v>1</v>
      </c>
      <c r="Z33" s="61">
        <v>0</v>
      </c>
      <c r="AA33" s="62">
        <v>1</v>
      </c>
      <c r="AB33" s="443">
        <v>0</v>
      </c>
      <c r="AC33" s="61">
        <v>0</v>
      </c>
      <c r="AD33" s="61">
        <v>0</v>
      </c>
      <c r="AE33" s="61">
        <v>1</v>
      </c>
      <c r="AF33" s="61">
        <v>0</v>
      </c>
      <c r="AG33" s="61">
        <v>0</v>
      </c>
      <c r="AH33" s="62">
        <v>1</v>
      </c>
      <c r="AI33" s="63">
        <v>2</v>
      </c>
      <c r="AJ33" s="60">
        <v>0</v>
      </c>
      <c r="AK33" s="61">
        <v>0</v>
      </c>
      <c r="AL33" s="62">
        <v>0</v>
      </c>
      <c r="AM33" s="443">
        <v>0</v>
      </c>
      <c r="AN33" s="61">
        <v>0</v>
      </c>
      <c r="AO33" s="61">
        <v>0</v>
      </c>
      <c r="AP33" s="61">
        <v>0</v>
      </c>
      <c r="AQ33" s="61">
        <v>0</v>
      </c>
      <c r="AR33" s="61">
        <v>0</v>
      </c>
      <c r="AS33" s="62">
        <v>0</v>
      </c>
      <c r="AT33" s="63">
        <v>0</v>
      </c>
      <c r="AU33" s="60">
        <v>1</v>
      </c>
      <c r="AV33" s="61">
        <v>0</v>
      </c>
      <c r="AW33" s="62">
        <v>1</v>
      </c>
      <c r="AX33" s="443">
        <v>0</v>
      </c>
      <c r="AY33" s="61">
        <v>1</v>
      </c>
      <c r="AZ33" s="61">
        <v>0</v>
      </c>
      <c r="BA33" s="61">
        <v>1</v>
      </c>
      <c r="BB33" s="61">
        <v>1</v>
      </c>
      <c r="BC33" s="61">
        <v>0</v>
      </c>
      <c r="BD33" s="62">
        <v>3</v>
      </c>
      <c r="BE33" s="63">
        <v>4</v>
      </c>
      <c r="BF33" s="60">
        <v>1</v>
      </c>
      <c r="BG33" s="61">
        <v>1</v>
      </c>
      <c r="BH33" s="62">
        <v>2</v>
      </c>
      <c r="BI33" s="443">
        <v>0</v>
      </c>
      <c r="BJ33" s="61">
        <v>1</v>
      </c>
      <c r="BK33" s="61">
        <v>1</v>
      </c>
      <c r="BL33" s="61">
        <v>0</v>
      </c>
      <c r="BM33" s="61">
        <v>1</v>
      </c>
      <c r="BN33" s="61">
        <v>0</v>
      </c>
      <c r="BO33" s="62">
        <v>3</v>
      </c>
      <c r="BP33" s="63">
        <v>5</v>
      </c>
      <c r="BQ33" s="60">
        <v>1</v>
      </c>
      <c r="BR33" s="61">
        <v>1</v>
      </c>
      <c r="BS33" s="62">
        <v>2</v>
      </c>
      <c r="BT33" s="443">
        <v>0</v>
      </c>
      <c r="BU33" s="61">
        <v>0</v>
      </c>
      <c r="BV33" s="61">
        <v>1</v>
      </c>
      <c r="BW33" s="61">
        <v>3</v>
      </c>
      <c r="BX33" s="61">
        <v>3</v>
      </c>
      <c r="BY33" s="61">
        <v>0</v>
      </c>
      <c r="BZ33" s="62">
        <v>7</v>
      </c>
      <c r="CA33" s="63">
        <v>9</v>
      </c>
      <c r="CB33" s="60">
        <v>0</v>
      </c>
      <c r="CC33" s="61">
        <v>0</v>
      </c>
      <c r="CD33" s="62">
        <v>0</v>
      </c>
      <c r="CE33" s="443">
        <v>0</v>
      </c>
      <c r="CF33" s="61">
        <v>0</v>
      </c>
      <c r="CG33" s="61">
        <v>0</v>
      </c>
      <c r="CH33" s="61">
        <v>0</v>
      </c>
      <c r="CI33" s="61">
        <v>0</v>
      </c>
      <c r="CJ33" s="61">
        <v>0</v>
      </c>
      <c r="CK33" s="62">
        <v>0</v>
      </c>
      <c r="CL33" s="63">
        <v>0</v>
      </c>
      <c r="CM33" s="60">
        <v>4</v>
      </c>
      <c r="CN33" s="61">
        <v>2</v>
      </c>
      <c r="CO33" s="62">
        <v>6</v>
      </c>
      <c r="CP33" s="443">
        <v>0</v>
      </c>
      <c r="CQ33" s="61">
        <v>2</v>
      </c>
      <c r="CR33" s="61">
        <v>2</v>
      </c>
      <c r="CS33" s="61">
        <v>5</v>
      </c>
      <c r="CT33" s="61">
        <v>5</v>
      </c>
      <c r="CU33" s="61">
        <v>0</v>
      </c>
      <c r="CV33" s="62">
        <v>14</v>
      </c>
      <c r="CW33" s="63">
        <v>20</v>
      </c>
      <c r="CX33" s="113">
        <v>0</v>
      </c>
      <c r="CY33" s="72">
        <v>0</v>
      </c>
      <c r="CZ33" s="73">
        <v>0</v>
      </c>
      <c r="DA33" s="443">
        <v>0</v>
      </c>
      <c r="DB33" s="72">
        <v>2</v>
      </c>
      <c r="DC33" s="72">
        <v>2</v>
      </c>
      <c r="DD33" s="72">
        <v>0</v>
      </c>
      <c r="DE33" s="72">
        <v>1</v>
      </c>
      <c r="DF33" s="72">
        <v>1</v>
      </c>
      <c r="DG33" s="74">
        <v>6</v>
      </c>
      <c r="DH33" s="75">
        <v>6</v>
      </c>
      <c r="DI33" s="60">
        <v>0</v>
      </c>
      <c r="DJ33" s="61">
        <v>0</v>
      </c>
      <c r="DK33" s="62">
        <v>0</v>
      </c>
      <c r="DL33" s="443">
        <v>0</v>
      </c>
      <c r="DM33" s="61">
        <v>0</v>
      </c>
      <c r="DN33" s="61">
        <v>0</v>
      </c>
      <c r="DO33" s="61">
        <v>0</v>
      </c>
      <c r="DP33" s="61">
        <v>0</v>
      </c>
      <c r="DQ33" s="61">
        <v>0</v>
      </c>
      <c r="DR33" s="62">
        <v>0</v>
      </c>
      <c r="DS33" s="63">
        <v>0</v>
      </c>
      <c r="DT33" s="60">
        <v>0</v>
      </c>
      <c r="DU33" s="61">
        <v>0</v>
      </c>
      <c r="DV33" s="62">
        <v>0</v>
      </c>
      <c r="DW33" s="443">
        <v>0</v>
      </c>
      <c r="DX33" s="61">
        <v>0</v>
      </c>
      <c r="DY33" s="61">
        <v>0</v>
      </c>
      <c r="DZ33" s="61">
        <v>0</v>
      </c>
      <c r="EA33" s="61">
        <v>0</v>
      </c>
      <c r="EB33" s="61">
        <v>0</v>
      </c>
      <c r="EC33" s="62">
        <v>0</v>
      </c>
      <c r="ED33" s="63">
        <v>0</v>
      </c>
      <c r="EE33" s="60">
        <v>0</v>
      </c>
      <c r="EF33" s="61">
        <v>0</v>
      </c>
      <c r="EG33" s="62">
        <v>0</v>
      </c>
      <c r="EH33" s="443">
        <v>0</v>
      </c>
      <c r="EI33" s="61">
        <v>0</v>
      </c>
      <c r="EJ33" s="61">
        <v>0</v>
      </c>
      <c r="EK33" s="61">
        <v>0</v>
      </c>
      <c r="EL33" s="61">
        <v>0</v>
      </c>
      <c r="EM33" s="61">
        <v>0</v>
      </c>
      <c r="EN33" s="62">
        <v>0</v>
      </c>
      <c r="EO33" s="63">
        <v>0</v>
      </c>
      <c r="EP33" s="60">
        <v>0</v>
      </c>
      <c r="EQ33" s="61">
        <v>0</v>
      </c>
      <c r="ER33" s="62">
        <v>0</v>
      </c>
      <c r="ES33" s="443">
        <v>0</v>
      </c>
      <c r="ET33" s="61">
        <v>1</v>
      </c>
      <c r="EU33" s="61">
        <v>1</v>
      </c>
      <c r="EV33" s="61">
        <v>0</v>
      </c>
      <c r="EW33" s="61">
        <v>0</v>
      </c>
      <c r="EX33" s="61">
        <v>0</v>
      </c>
      <c r="EY33" s="62">
        <v>2</v>
      </c>
      <c r="EZ33" s="63">
        <v>2</v>
      </c>
      <c r="FA33" s="60">
        <v>0</v>
      </c>
      <c r="FB33" s="61">
        <v>0</v>
      </c>
      <c r="FC33" s="62">
        <v>0</v>
      </c>
      <c r="FD33" s="443">
        <v>0</v>
      </c>
      <c r="FE33" s="61">
        <v>1</v>
      </c>
      <c r="FF33" s="61">
        <v>0</v>
      </c>
      <c r="FG33" s="61">
        <v>0</v>
      </c>
      <c r="FH33" s="61">
        <v>0</v>
      </c>
      <c r="FI33" s="61">
        <v>1</v>
      </c>
      <c r="FJ33" s="62">
        <v>2</v>
      </c>
      <c r="FK33" s="63">
        <v>2</v>
      </c>
      <c r="FL33" s="60">
        <v>0</v>
      </c>
      <c r="FM33" s="61">
        <v>0</v>
      </c>
      <c r="FN33" s="62">
        <v>0</v>
      </c>
      <c r="FO33" s="443">
        <v>0</v>
      </c>
      <c r="FP33" s="61">
        <v>0</v>
      </c>
      <c r="FQ33" s="61">
        <v>1</v>
      </c>
      <c r="FR33" s="61">
        <v>0</v>
      </c>
      <c r="FS33" s="61">
        <v>1</v>
      </c>
      <c r="FT33" s="61">
        <v>0</v>
      </c>
      <c r="FU33" s="62">
        <v>2</v>
      </c>
      <c r="FV33" s="63">
        <v>2</v>
      </c>
      <c r="FW33" s="60">
        <v>0</v>
      </c>
      <c r="FX33" s="61">
        <v>0</v>
      </c>
      <c r="FY33" s="62">
        <v>0</v>
      </c>
      <c r="FZ33" s="443">
        <v>0</v>
      </c>
      <c r="GA33" s="61">
        <v>0</v>
      </c>
      <c r="GB33" s="61">
        <v>0</v>
      </c>
      <c r="GC33" s="61">
        <v>0</v>
      </c>
      <c r="GD33" s="61">
        <v>0</v>
      </c>
      <c r="GE33" s="61">
        <v>0</v>
      </c>
      <c r="GF33" s="62">
        <v>0</v>
      </c>
      <c r="GG33" s="63">
        <v>0</v>
      </c>
      <c r="GH33" s="60">
        <v>0</v>
      </c>
      <c r="GI33" s="61">
        <v>0</v>
      </c>
      <c r="GJ33" s="62">
        <v>0</v>
      </c>
      <c r="GK33" s="443">
        <v>0</v>
      </c>
      <c r="GL33" s="61">
        <v>2</v>
      </c>
      <c r="GM33" s="61">
        <v>2</v>
      </c>
      <c r="GN33" s="61">
        <v>0</v>
      </c>
      <c r="GO33" s="61">
        <v>1</v>
      </c>
      <c r="GP33" s="61">
        <v>1</v>
      </c>
      <c r="GQ33" s="62">
        <v>6</v>
      </c>
      <c r="GR33" s="63">
        <v>6</v>
      </c>
      <c r="GS33" s="113">
        <v>4</v>
      </c>
      <c r="GT33" s="72">
        <v>2</v>
      </c>
      <c r="GU33" s="73">
        <v>6</v>
      </c>
      <c r="GV33" s="443">
        <v>0</v>
      </c>
      <c r="GW33" s="72">
        <v>4</v>
      </c>
      <c r="GX33" s="72">
        <v>4</v>
      </c>
      <c r="GY33" s="72">
        <v>5</v>
      </c>
      <c r="GZ33" s="72">
        <v>6</v>
      </c>
      <c r="HA33" s="72">
        <v>1</v>
      </c>
      <c r="HB33" s="74">
        <v>20</v>
      </c>
      <c r="HC33" s="75">
        <v>26</v>
      </c>
      <c r="HD33" s="60">
        <v>0</v>
      </c>
      <c r="HE33" s="61">
        <v>0</v>
      </c>
      <c r="HF33" s="62">
        <v>0</v>
      </c>
      <c r="HG33" s="443">
        <v>0</v>
      </c>
      <c r="HH33" s="61">
        <v>0</v>
      </c>
      <c r="HI33" s="61">
        <v>0</v>
      </c>
      <c r="HJ33" s="61">
        <v>0</v>
      </c>
      <c r="HK33" s="61">
        <v>0</v>
      </c>
      <c r="HL33" s="61">
        <v>0</v>
      </c>
      <c r="HM33" s="62">
        <v>0</v>
      </c>
      <c r="HN33" s="63">
        <v>0</v>
      </c>
      <c r="HO33" s="60">
        <v>1</v>
      </c>
      <c r="HP33" s="61">
        <v>0</v>
      </c>
      <c r="HQ33" s="62">
        <v>1</v>
      </c>
      <c r="HR33" s="443">
        <v>0</v>
      </c>
      <c r="HS33" s="61">
        <v>0</v>
      </c>
      <c r="HT33" s="61">
        <v>0</v>
      </c>
      <c r="HU33" s="61">
        <v>1</v>
      </c>
      <c r="HV33" s="61">
        <v>0</v>
      </c>
      <c r="HW33" s="61">
        <v>0</v>
      </c>
      <c r="HX33" s="62">
        <v>1</v>
      </c>
      <c r="HY33" s="63">
        <v>2</v>
      </c>
      <c r="HZ33" s="60">
        <v>0</v>
      </c>
      <c r="IA33" s="61">
        <v>0</v>
      </c>
      <c r="IB33" s="62">
        <v>0</v>
      </c>
      <c r="IC33" s="443">
        <v>0</v>
      </c>
      <c r="ID33" s="61">
        <v>0</v>
      </c>
      <c r="IE33" s="61">
        <v>0</v>
      </c>
      <c r="IF33" s="61">
        <v>0</v>
      </c>
      <c r="IG33" s="61">
        <v>0</v>
      </c>
      <c r="IH33" s="61">
        <v>0</v>
      </c>
      <c r="II33" s="62">
        <v>0</v>
      </c>
      <c r="IJ33" s="63">
        <v>0</v>
      </c>
      <c r="IK33" s="60">
        <v>1</v>
      </c>
      <c r="IL33" s="61">
        <v>0</v>
      </c>
      <c r="IM33" s="62">
        <v>1</v>
      </c>
      <c r="IN33" s="443">
        <v>0</v>
      </c>
      <c r="IO33" s="61">
        <v>2</v>
      </c>
      <c r="IP33" s="61">
        <v>1</v>
      </c>
      <c r="IQ33" s="61">
        <v>1</v>
      </c>
      <c r="IR33" s="61">
        <v>1</v>
      </c>
      <c r="IS33" s="61">
        <v>0</v>
      </c>
      <c r="IT33" s="62">
        <v>5</v>
      </c>
      <c r="IU33" s="63">
        <v>6</v>
      </c>
      <c r="IV33" s="60">
        <v>1</v>
      </c>
      <c r="IW33" s="61">
        <v>1</v>
      </c>
      <c r="IX33" s="62">
        <v>2</v>
      </c>
      <c r="IY33" s="443">
        <v>0</v>
      </c>
      <c r="IZ33" s="61">
        <v>2</v>
      </c>
      <c r="JA33" s="61">
        <v>1</v>
      </c>
      <c r="JB33" s="61">
        <v>0</v>
      </c>
      <c r="JC33" s="61">
        <v>1</v>
      </c>
      <c r="JD33" s="61">
        <v>1</v>
      </c>
      <c r="JE33" s="62">
        <v>5</v>
      </c>
      <c r="JF33" s="63">
        <v>7</v>
      </c>
      <c r="JG33" s="60">
        <v>1</v>
      </c>
      <c r="JH33" s="61">
        <v>1</v>
      </c>
      <c r="JI33" s="62">
        <v>2</v>
      </c>
      <c r="JJ33" s="443">
        <v>0</v>
      </c>
      <c r="JK33" s="61">
        <v>0</v>
      </c>
      <c r="JL33" s="61">
        <v>2</v>
      </c>
      <c r="JM33" s="61">
        <v>3</v>
      </c>
      <c r="JN33" s="61">
        <v>4</v>
      </c>
      <c r="JO33" s="61">
        <v>0</v>
      </c>
      <c r="JP33" s="62">
        <v>9</v>
      </c>
      <c r="JQ33" s="63">
        <v>11</v>
      </c>
      <c r="JR33" s="60">
        <v>0</v>
      </c>
      <c r="JS33" s="61">
        <v>0</v>
      </c>
      <c r="JT33" s="62">
        <v>0</v>
      </c>
      <c r="JU33" s="443">
        <v>0</v>
      </c>
      <c r="JV33" s="61">
        <v>0</v>
      </c>
      <c r="JW33" s="61">
        <v>0</v>
      </c>
      <c r="JX33" s="61">
        <v>0</v>
      </c>
      <c r="JY33" s="61">
        <v>0</v>
      </c>
      <c r="JZ33" s="61">
        <v>0</v>
      </c>
      <c r="KA33" s="62">
        <v>0</v>
      </c>
      <c r="KB33" s="63">
        <v>0</v>
      </c>
      <c r="KC33" s="60">
        <v>4</v>
      </c>
      <c r="KD33" s="61">
        <v>2</v>
      </c>
      <c r="KE33" s="62">
        <v>6</v>
      </c>
      <c r="KF33" s="443">
        <v>0</v>
      </c>
      <c r="KG33" s="61">
        <v>4</v>
      </c>
      <c r="KH33" s="61">
        <v>4</v>
      </c>
      <c r="KI33" s="61">
        <v>5</v>
      </c>
      <c r="KJ33" s="61">
        <v>6</v>
      </c>
      <c r="KK33" s="61">
        <v>1</v>
      </c>
      <c r="KL33" s="62">
        <v>20</v>
      </c>
      <c r="KM33" s="63">
        <v>26</v>
      </c>
    </row>
    <row r="34" spans="2:299" ht="21" customHeight="1" x14ac:dyDescent="0.2">
      <c r="B34" s="437" t="s">
        <v>31</v>
      </c>
      <c r="C34" s="287">
        <v>2</v>
      </c>
      <c r="D34" s="72">
        <v>6</v>
      </c>
      <c r="E34" s="73">
        <v>8</v>
      </c>
      <c r="F34" s="443">
        <v>0</v>
      </c>
      <c r="G34" s="72">
        <v>7</v>
      </c>
      <c r="H34" s="72">
        <v>3</v>
      </c>
      <c r="I34" s="72">
        <v>8</v>
      </c>
      <c r="J34" s="72">
        <v>4</v>
      </c>
      <c r="K34" s="72">
        <v>1</v>
      </c>
      <c r="L34" s="74">
        <v>23</v>
      </c>
      <c r="M34" s="75">
        <v>31</v>
      </c>
      <c r="N34" s="60">
        <v>0</v>
      </c>
      <c r="O34" s="61">
        <v>0</v>
      </c>
      <c r="P34" s="62">
        <v>0</v>
      </c>
      <c r="Q34" s="443">
        <v>0</v>
      </c>
      <c r="R34" s="61">
        <v>0</v>
      </c>
      <c r="S34" s="61">
        <v>0</v>
      </c>
      <c r="T34" s="61">
        <v>0</v>
      </c>
      <c r="U34" s="61">
        <v>1</v>
      </c>
      <c r="V34" s="61">
        <v>1</v>
      </c>
      <c r="W34" s="62">
        <v>2</v>
      </c>
      <c r="X34" s="63">
        <v>2</v>
      </c>
      <c r="Y34" s="60">
        <v>0</v>
      </c>
      <c r="Z34" s="61">
        <v>0</v>
      </c>
      <c r="AA34" s="62">
        <v>0</v>
      </c>
      <c r="AB34" s="443">
        <v>0</v>
      </c>
      <c r="AC34" s="61">
        <v>0</v>
      </c>
      <c r="AD34" s="61">
        <v>0</v>
      </c>
      <c r="AE34" s="61">
        <v>0</v>
      </c>
      <c r="AF34" s="61">
        <v>0</v>
      </c>
      <c r="AG34" s="61">
        <v>0</v>
      </c>
      <c r="AH34" s="62">
        <v>0</v>
      </c>
      <c r="AI34" s="63">
        <v>0</v>
      </c>
      <c r="AJ34" s="60">
        <v>0</v>
      </c>
      <c r="AK34" s="61">
        <v>1</v>
      </c>
      <c r="AL34" s="62">
        <v>1</v>
      </c>
      <c r="AM34" s="443">
        <v>0</v>
      </c>
      <c r="AN34" s="61">
        <v>0</v>
      </c>
      <c r="AO34" s="61">
        <v>0</v>
      </c>
      <c r="AP34" s="61">
        <v>1</v>
      </c>
      <c r="AQ34" s="61">
        <v>0</v>
      </c>
      <c r="AR34" s="61">
        <v>0</v>
      </c>
      <c r="AS34" s="62">
        <v>1</v>
      </c>
      <c r="AT34" s="63">
        <v>2</v>
      </c>
      <c r="AU34" s="60">
        <v>0</v>
      </c>
      <c r="AV34" s="61">
        <v>1</v>
      </c>
      <c r="AW34" s="62">
        <v>1</v>
      </c>
      <c r="AX34" s="443">
        <v>0</v>
      </c>
      <c r="AY34" s="61">
        <v>0</v>
      </c>
      <c r="AZ34" s="61">
        <v>0</v>
      </c>
      <c r="BA34" s="61">
        <v>1</v>
      </c>
      <c r="BB34" s="61">
        <v>1</v>
      </c>
      <c r="BC34" s="61">
        <v>0</v>
      </c>
      <c r="BD34" s="62">
        <v>2</v>
      </c>
      <c r="BE34" s="63">
        <v>3</v>
      </c>
      <c r="BF34" s="60">
        <v>0</v>
      </c>
      <c r="BG34" s="61">
        <v>2</v>
      </c>
      <c r="BH34" s="62">
        <v>2</v>
      </c>
      <c r="BI34" s="443">
        <v>0</v>
      </c>
      <c r="BJ34" s="61">
        <v>4</v>
      </c>
      <c r="BK34" s="61">
        <v>3</v>
      </c>
      <c r="BL34" s="61">
        <v>2</v>
      </c>
      <c r="BM34" s="61">
        <v>1</v>
      </c>
      <c r="BN34" s="61">
        <v>0</v>
      </c>
      <c r="BO34" s="62">
        <v>10</v>
      </c>
      <c r="BP34" s="63">
        <v>12</v>
      </c>
      <c r="BQ34" s="60">
        <v>2</v>
      </c>
      <c r="BR34" s="61">
        <v>2</v>
      </c>
      <c r="BS34" s="62">
        <v>4</v>
      </c>
      <c r="BT34" s="443">
        <v>0</v>
      </c>
      <c r="BU34" s="61">
        <v>3</v>
      </c>
      <c r="BV34" s="61">
        <v>0</v>
      </c>
      <c r="BW34" s="61">
        <v>4</v>
      </c>
      <c r="BX34" s="61">
        <v>1</v>
      </c>
      <c r="BY34" s="61">
        <v>0</v>
      </c>
      <c r="BZ34" s="62">
        <v>8</v>
      </c>
      <c r="CA34" s="63">
        <v>12</v>
      </c>
      <c r="CB34" s="60">
        <v>0</v>
      </c>
      <c r="CC34" s="61">
        <v>0</v>
      </c>
      <c r="CD34" s="62">
        <v>0</v>
      </c>
      <c r="CE34" s="443">
        <v>0</v>
      </c>
      <c r="CF34" s="61">
        <v>0</v>
      </c>
      <c r="CG34" s="61">
        <v>0</v>
      </c>
      <c r="CH34" s="61">
        <v>0</v>
      </c>
      <c r="CI34" s="61">
        <v>0</v>
      </c>
      <c r="CJ34" s="61">
        <v>0</v>
      </c>
      <c r="CK34" s="62">
        <v>0</v>
      </c>
      <c r="CL34" s="63">
        <v>0</v>
      </c>
      <c r="CM34" s="60">
        <v>2</v>
      </c>
      <c r="CN34" s="61">
        <v>6</v>
      </c>
      <c r="CO34" s="62">
        <v>8</v>
      </c>
      <c r="CP34" s="443">
        <v>0</v>
      </c>
      <c r="CQ34" s="61">
        <v>7</v>
      </c>
      <c r="CR34" s="61">
        <v>3</v>
      </c>
      <c r="CS34" s="61">
        <v>8</v>
      </c>
      <c r="CT34" s="61">
        <v>4</v>
      </c>
      <c r="CU34" s="61">
        <v>1</v>
      </c>
      <c r="CV34" s="62">
        <v>23</v>
      </c>
      <c r="CW34" s="63">
        <v>31</v>
      </c>
      <c r="CX34" s="113">
        <v>2</v>
      </c>
      <c r="CY34" s="72">
        <v>0</v>
      </c>
      <c r="CZ34" s="73">
        <v>2</v>
      </c>
      <c r="DA34" s="443">
        <v>0</v>
      </c>
      <c r="DB34" s="72">
        <v>1</v>
      </c>
      <c r="DC34" s="72">
        <v>1</v>
      </c>
      <c r="DD34" s="72">
        <v>0</v>
      </c>
      <c r="DE34" s="72">
        <v>1</v>
      </c>
      <c r="DF34" s="72">
        <v>1</v>
      </c>
      <c r="DG34" s="74">
        <v>4</v>
      </c>
      <c r="DH34" s="75">
        <v>6</v>
      </c>
      <c r="DI34" s="60">
        <v>0</v>
      </c>
      <c r="DJ34" s="61">
        <v>0</v>
      </c>
      <c r="DK34" s="62">
        <v>0</v>
      </c>
      <c r="DL34" s="443">
        <v>0</v>
      </c>
      <c r="DM34" s="61">
        <v>0</v>
      </c>
      <c r="DN34" s="61">
        <v>0</v>
      </c>
      <c r="DO34" s="61">
        <v>0</v>
      </c>
      <c r="DP34" s="61">
        <v>0</v>
      </c>
      <c r="DQ34" s="61">
        <v>0</v>
      </c>
      <c r="DR34" s="62">
        <v>0</v>
      </c>
      <c r="DS34" s="63">
        <v>0</v>
      </c>
      <c r="DT34" s="60">
        <v>0</v>
      </c>
      <c r="DU34" s="61">
        <v>0</v>
      </c>
      <c r="DV34" s="62">
        <v>0</v>
      </c>
      <c r="DW34" s="443">
        <v>0</v>
      </c>
      <c r="DX34" s="61">
        <v>0</v>
      </c>
      <c r="DY34" s="61">
        <v>0</v>
      </c>
      <c r="DZ34" s="61">
        <v>0</v>
      </c>
      <c r="EA34" s="61">
        <v>0</v>
      </c>
      <c r="EB34" s="61">
        <v>0</v>
      </c>
      <c r="EC34" s="62">
        <v>0</v>
      </c>
      <c r="ED34" s="63">
        <v>0</v>
      </c>
      <c r="EE34" s="60">
        <v>0</v>
      </c>
      <c r="EF34" s="61">
        <v>0</v>
      </c>
      <c r="EG34" s="62">
        <v>0</v>
      </c>
      <c r="EH34" s="443">
        <v>0</v>
      </c>
      <c r="EI34" s="61">
        <v>0</v>
      </c>
      <c r="EJ34" s="61">
        <v>0</v>
      </c>
      <c r="EK34" s="61">
        <v>0</v>
      </c>
      <c r="EL34" s="61">
        <v>0</v>
      </c>
      <c r="EM34" s="61">
        <v>0</v>
      </c>
      <c r="EN34" s="62">
        <v>0</v>
      </c>
      <c r="EO34" s="63">
        <v>0</v>
      </c>
      <c r="EP34" s="60">
        <v>1</v>
      </c>
      <c r="EQ34" s="61">
        <v>0</v>
      </c>
      <c r="ER34" s="62">
        <v>1</v>
      </c>
      <c r="ES34" s="443">
        <v>0</v>
      </c>
      <c r="ET34" s="61">
        <v>0</v>
      </c>
      <c r="EU34" s="61">
        <v>1</v>
      </c>
      <c r="EV34" s="61">
        <v>0</v>
      </c>
      <c r="EW34" s="61">
        <v>0</v>
      </c>
      <c r="EX34" s="61">
        <v>0</v>
      </c>
      <c r="EY34" s="62">
        <v>1</v>
      </c>
      <c r="EZ34" s="63">
        <v>2</v>
      </c>
      <c r="FA34" s="60">
        <v>1</v>
      </c>
      <c r="FB34" s="61">
        <v>0</v>
      </c>
      <c r="FC34" s="62">
        <v>1</v>
      </c>
      <c r="FD34" s="443">
        <v>0</v>
      </c>
      <c r="FE34" s="61">
        <v>0</v>
      </c>
      <c r="FF34" s="61">
        <v>0</v>
      </c>
      <c r="FG34" s="61">
        <v>0</v>
      </c>
      <c r="FH34" s="61">
        <v>0</v>
      </c>
      <c r="FI34" s="61">
        <v>0</v>
      </c>
      <c r="FJ34" s="62">
        <v>0</v>
      </c>
      <c r="FK34" s="63">
        <v>1</v>
      </c>
      <c r="FL34" s="60">
        <v>0</v>
      </c>
      <c r="FM34" s="61">
        <v>0</v>
      </c>
      <c r="FN34" s="62">
        <v>0</v>
      </c>
      <c r="FO34" s="443">
        <v>0</v>
      </c>
      <c r="FP34" s="61">
        <v>1</v>
      </c>
      <c r="FQ34" s="61">
        <v>0</v>
      </c>
      <c r="FR34" s="61">
        <v>0</v>
      </c>
      <c r="FS34" s="61">
        <v>1</v>
      </c>
      <c r="FT34" s="61">
        <v>1</v>
      </c>
      <c r="FU34" s="62">
        <v>3</v>
      </c>
      <c r="FV34" s="63">
        <v>3</v>
      </c>
      <c r="FW34" s="60">
        <v>0</v>
      </c>
      <c r="FX34" s="61">
        <v>0</v>
      </c>
      <c r="FY34" s="62">
        <v>0</v>
      </c>
      <c r="FZ34" s="443">
        <v>0</v>
      </c>
      <c r="GA34" s="61">
        <v>0</v>
      </c>
      <c r="GB34" s="61">
        <v>0</v>
      </c>
      <c r="GC34" s="61">
        <v>0</v>
      </c>
      <c r="GD34" s="61">
        <v>0</v>
      </c>
      <c r="GE34" s="61">
        <v>0</v>
      </c>
      <c r="GF34" s="62">
        <v>0</v>
      </c>
      <c r="GG34" s="63">
        <v>0</v>
      </c>
      <c r="GH34" s="60">
        <v>2</v>
      </c>
      <c r="GI34" s="61">
        <v>0</v>
      </c>
      <c r="GJ34" s="62">
        <v>2</v>
      </c>
      <c r="GK34" s="443">
        <v>0</v>
      </c>
      <c r="GL34" s="61">
        <v>1</v>
      </c>
      <c r="GM34" s="61">
        <v>1</v>
      </c>
      <c r="GN34" s="61">
        <v>0</v>
      </c>
      <c r="GO34" s="61">
        <v>1</v>
      </c>
      <c r="GP34" s="61">
        <v>1</v>
      </c>
      <c r="GQ34" s="62">
        <v>4</v>
      </c>
      <c r="GR34" s="63">
        <v>6</v>
      </c>
      <c r="GS34" s="113">
        <v>4</v>
      </c>
      <c r="GT34" s="72">
        <v>6</v>
      </c>
      <c r="GU34" s="73">
        <v>10</v>
      </c>
      <c r="GV34" s="443">
        <v>0</v>
      </c>
      <c r="GW34" s="72">
        <v>8</v>
      </c>
      <c r="GX34" s="72">
        <v>4</v>
      </c>
      <c r="GY34" s="72">
        <v>8</v>
      </c>
      <c r="GZ34" s="72">
        <v>5</v>
      </c>
      <c r="HA34" s="72">
        <v>2</v>
      </c>
      <c r="HB34" s="74">
        <v>27</v>
      </c>
      <c r="HC34" s="75">
        <v>37</v>
      </c>
      <c r="HD34" s="60">
        <v>0</v>
      </c>
      <c r="HE34" s="61">
        <v>0</v>
      </c>
      <c r="HF34" s="62">
        <v>0</v>
      </c>
      <c r="HG34" s="443">
        <v>0</v>
      </c>
      <c r="HH34" s="61">
        <v>0</v>
      </c>
      <c r="HI34" s="61">
        <v>0</v>
      </c>
      <c r="HJ34" s="61">
        <v>0</v>
      </c>
      <c r="HK34" s="61">
        <v>1</v>
      </c>
      <c r="HL34" s="61">
        <v>1</v>
      </c>
      <c r="HM34" s="62">
        <v>2</v>
      </c>
      <c r="HN34" s="63">
        <v>2</v>
      </c>
      <c r="HO34" s="60">
        <v>0</v>
      </c>
      <c r="HP34" s="61">
        <v>0</v>
      </c>
      <c r="HQ34" s="62">
        <v>0</v>
      </c>
      <c r="HR34" s="443">
        <v>0</v>
      </c>
      <c r="HS34" s="61">
        <v>0</v>
      </c>
      <c r="HT34" s="61">
        <v>0</v>
      </c>
      <c r="HU34" s="61">
        <v>0</v>
      </c>
      <c r="HV34" s="61">
        <v>0</v>
      </c>
      <c r="HW34" s="61">
        <v>0</v>
      </c>
      <c r="HX34" s="62">
        <v>0</v>
      </c>
      <c r="HY34" s="63">
        <v>0</v>
      </c>
      <c r="HZ34" s="60">
        <v>0</v>
      </c>
      <c r="IA34" s="61">
        <v>1</v>
      </c>
      <c r="IB34" s="62">
        <v>1</v>
      </c>
      <c r="IC34" s="443">
        <v>0</v>
      </c>
      <c r="ID34" s="61">
        <v>0</v>
      </c>
      <c r="IE34" s="61">
        <v>0</v>
      </c>
      <c r="IF34" s="61">
        <v>1</v>
      </c>
      <c r="IG34" s="61">
        <v>0</v>
      </c>
      <c r="IH34" s="61">
        <v>0</v>
      </c>
      <c r="II34" s="62">
        <v>1</v>
      </c>
      <c r="IJ34" s="63">
        <v>2</v>
      </c>
      <c r="IK34" s="60">
        <v>1</v>
      </c>
      <c r="IL34" s="61">
        <v>1</v>
      </c>
      <c r="IM34" s="62">
        <v>2</v>
      </c>
      <c r="IN34" s="443">
        <v>0</v>
      </c>
      <c r="IO34" s="61">
        <v>0</v>
      </c>
      <c r="IP34" s="61">
        <v>1</v>
      </c>
      <c r="IQ34" s="61">
        <v>1</v>
      </c>
      <c r="IR34" s="61">
        <v>1</v>
      </c>
      <c r="IS34" s="61">
        <v>0</v>
      </c>
      <c r="IT34" s="62">
        <v>3</v>
      </c>
      <c r="IU34" s="63">
        <v>5</v>
      </c>
      <c r="IV34" s="60">
        <v>1</v>
      </c>
      <c r="IW34" s="61">
        <v>2</v>
      </c>
      <c r="IX34" s="62">
        <v>3</v>
      </c>
      <c r="IY34" s="443">
        <v>0</v>
      </c>
      <c r="IZ34" s="61">
        <v>4</v>
      </c>
      <c r="JA34" s="61">
        <v>3</v>
      </c>
      <c r="JB34" s="61">
        <v>2</v>
      </c>
      <c r="JC34" s="61">
        <v>1</v>
      </c>
      <c r="JD34" s="61">
        <v>0</v>
      </c>
      <c r="JE34" s="62">
        <v>10</v>
      </c>
      <c r="JF34" s="63">
        <v>13</v>
      </c>
      <c r="JG34" s="60">
        <v>2</v>
      </c>
      <c r="JH34" s="61">
        <v>2</v>
      </c>
      <c r="JI34" s="62">
        <v>4</v>
      </c>
      <c r="JJ34" s="443">
        <v>0</v>
      </c>
      <c r="JK34" s="61">
        <v>4</v>
      </c>
      <c r="JL34" s="61">
        <v>0</v>
      </c>
      <c r="JM34" s="61">
        <v>4</v>
      </c>
      <c r="JN34" s="61">
        <v>2</v>
      </c>
      <c r="JO34" s="61">
        <v>1</v>
      </c>
      <c r="JP34" s="62">
        <v>11</v>
      </c>
      <c r="JQ34" s="63">
        <v>15</v>
      </c>
      <c r="JR34" s="60">
        <v>0</v>
      </c>
      <c r="JS34" s="61">
        <v>0</v>
      </c>
      <c r="JT34" s="62">
        <v>0</v>
      </c>
      <c r="JU34" s="443">
        <v>0</v>
      </c>
      <c r="JV34" s="61">
        <v>0</v>
      </c>
      <c r="JW34" s="61">
        <v>0</v>
      </c>
      <c r="JX34" s="61">
        <v>0</v>
      </c>
      <c r="JY34" s="61">
        <v>0</v>
      </c>
      <c r="JZ34" s="61">
        <v>0</v>
      </c>
      <c r="KA34" s="62">
        <v>0</v>
      </c>
      <c r="KB34" s="63">
        <v>0</v>
      </c>
      <c r="KC34" s="60">
        <v>4</v>
      </c>
      <c r="KD34" s="61">
        <v>6</v>
      </c>
      <c r="KE34" s="62">
        <v>10</v>
      </c>
      <c r="KF34" s="443">
        <v>0</v>
      </c>
      <c r="KG34" s="61">
        <v>8</v>
      </c>
      <c r="KH34" s="61">
        <v>4</v>
      </c>
      <c r="KI34" s="61">
        <v>8</v>
      </c>
      <c r="KJ34" s="61">
        <v>5</v>
      </c>
      <c r="KK34" s="61">
        <v>2</v>
      </c>
      <c r="KL34" s="62">
        <v>27</v>
      </c>
      <c r="KM34" s="63">
        <v>37</v>
      </c>
    </row>
    <row r="35" spans="2:299" ht="21" customHeight="1" x14ac:dyDescent="0.2">
      <c r="B35" s="437" t="s">
        <v>32</v>
      </c>
      <c r="C35" s="287">
        <v>3</v>
      </c>
      <c r="D35" s="72">
        <v>6</v>
      </c>
      <c r="E35" s="73">
        <v>9</v>
      </c>
      <c r="F35" s="443">
        <v>0</v>
      </c>
      <c r="G35" s="72">
        <v>12</v>
      </c>
      <c r="H35" s="72">
        <v>12</v>
      </c>
      <c r="I35" s="72">
        <v>4</v>
      </c>
      <c r="J35" s="72">
        <v>4</v>
      </c>
      <c r="K35" s="72">
        <v>1</v>
      </c>
      <c r="L35" s="74">
        <v>33</v>
      </c>
      <c r="M35" s="75">
        <v>42</v>
      </c>
      <c r="N35" s="60">
        <v>1</v>
      </c>
      <c r="O35" s="61">
        <v>0</v>
      </c>
      <c r="P35" s="62">
        <v>1</v>
      </c>
      <c r="Q35" s="443">
        <v>0</v>
      </c>
      <c r="R35" s="61">
        <v>0</v>
      </c>
      <c r="S35" s="61">
        <v>0</v>
      </c>
      <c r="T35" s="61">
        <v>0</v>
      </c>
      <c r="U35" s="61">
        <v>0</v>
      </c>
      <c r="V35" s="61">
        <v>0</v>
      </c>
      <c r="W35" s="62">
        <v>0</v>
      </c>
      <c r="X35" s="63">
        <v>1</v>
      </c>
      <c r="Y35" s="60">
        <v>0</v>
      </c>
      <c r="Z35" s="61">
        <v>0</v>
      </c>
      <c r="AA35" s="62">
        <v>0</v>
      </c>
      <c r="AB35" s="443">
        <v>0</v>
      </c>
      <c r="AC35" s="61">
        <v>0</v>
      </c>
      <c r="AD35" s="61">
        <v>0</v>
      </c>
      <c r="AE35" s="61">
        <v>0</v>
      </c>
      <c r="AF35" s="61">
        <v>0</v>
      </c>
      <c r="AG35" s="61">
        <v>0</v>
      </c>
      <c r="AH35" s="62">
        <v>0</v>
      </c>
      <c r="AI35" s="63">
        <v>0</v>
      </c>
      <c r="AJ35" s="60">
        <v>0</v>
      </c>
      <c r="AK35" s="61">
        <v>0</v>
      </c>
      <c r="AL35" s="62">
        <v>0</v>
      </c>
      <c r="AM35" s="443">
        <v>0</v>
      </c>
      <c r="AN35" s="61">
        <v>0</v>
      </c>
      <c r="AO35" s="61">
        <v>2</v>
      </c>
      <c r="AP35" s="61">
        <v>0</v>
      </c>
      <c r="AQ35" s="61">
        <v>0</v>
      </c>
      <c r="AR35" s="61">
        <v>0</v>
      </c>
      <c r="AS35" s="62">
        <v>2</v>
      </c>
      <c r="AT35" s="63">
        <v>2</v>
      </c>
      <c r="AU35" s="60">
        <v>1</v>
      </c>
      <c r="AV35" s="61">
        <v>2</v>
      </c>
      <c r="AW35" s="62">
        <v>3</v>
      </c>
      <c r="AX35" s="443">
        <v>0</v>
      </c>
      <c r="AY35" s="61">
        <v>2</v>
      </c>
      <c r="AZ35" s="61">
        <v>1</v>
      </c>
      <c r="BA35" s="61">
        <v>2</v>
      </c>
      <c r="BB35" s="61">
        <v>0</v>
      </c>
      <c r="BC35" s="61">
        <v>0</v>
      </c>
      <c r="BD35" s="62">
        <v>5</v>
      </c>
      <c r="BE35" s="63">
        <v>8</v>
      </c>
      <c r="BF35" s="60">
        <v>0</v>
      </c>
      <c r="BG35" s="61">
        <v>2</v>
      </c>
      <c r="BH35" s="62">
        <v>2</v>
      </c>
      <c r="BI35" s="443">
        <v>0</v>
      </c>
      <c r="BJ35" s="61">
        <v>8</v>
      </c>
      <c r="BK35" s="61">
        <v>2</v>
      </c>
      <c r="BL35" s="61">
        <v>1</v>
      </c>
      <c r="BM35" s="61">
        <v>4</v>
      </c>
      <c r="BN35" s="61">
        <v>1</v>
      </c>
      <c r="BO35" s="62">
        <v>16</v>
      </c>
      <c r="BP35" s="63">
        <v>18</v>
      </c>
      <c r="BQ35" s="60">
        <v>1</v>
      </c>
      <c r="BR35" s="61">
        <v>2</v>
      </c>
      <c r="BS35" s="62">
        <v>3</v>
      </c>
      <c r="BT35" s="443">
        <v>0</v>
      </c>
      <c r="BU35" s="61">
        <v>2</v>
      </c>
      <c r="BV35" s="61">
        <v>7</v>
      </c>
      <c r="BW35" s="61">
        <v>1</v>
      </c>
      <c r="BX35" s="61">
        <v>0</v>
      </c>
      <c r="BY35" s="61">
        <v>0</v>
      </c>
      <c r="BZ35" s="62">
        <v>10</v>
      </c>
      <c r="CA35" s="63">
        <v>13</v>
      </c>
      <c r="CB35" s="60">
        <v>0</v>
      </c>
      <c r="CC35" s="61">
        <v>0</v>
      </c>
      <c r="CD35" s="62">
        <v>0</v>
      </c>
      <c r="CE35" s="443">
        <v>0</v>
      </c>
      <c r="CF35" s="61">
        <v>0</v>
      </c>
      <c r="CG35" s="61">
        <v>0</v>
      </c>
      <c r="CH35" s="61">
        <v>0</v>
      </c>
      <c r="CI35" s="61">
        <v>0</v>
      </c>
      <c r="CJ35" s="61">
        <v>0</v>
      </c>
      <c r="CK35" s="62">
        <v>0</v>
      </c>
      <c r="CL35" s="63">
        <v>0</v>
      </c>
      <c r="CM35" s="60">
        <v>3</v>
      </c>
      <c r="CN35" s="61">
        <v>6</v>
      </c>
      <c r="CO35" s="62">
        <v>9</v>
      </c>
      <c r="CP35" s="443">
        <v>0</v>
      </c>
      <c r="CQ35" s="61">
        <v>12</v>
      </c>
      <c r="CR35" s="61">
        <v>12</v>
      </c>
      <c r="CS35" s="61">
        <v>4</v>
      </c>
      <c r="CT35" s="61">
        <v>4</v>
      </c>
      <c r="CU35" s="61">
        <v>1</v>
      </c>
      <c r="CV35" s="62">
        <v>33</v>
      </c>
      <c r="CW35" s="63">
        <v>42</v>
      </c>
      <c r="CX35" s="113">
        <v>0</v>
      </c>
      <c r="CY35" s="72">
        <v>0</v>
      </c>
      <c r="CZ35" s="73">
        <v>0</v>
      </c>
      <c r="DA35" s="443">
        <v>0</v>
      </c>
      <c r="DB35" s="72">
        <v>1</v>
      </c>
      <c r="DC35" s="72">
        <v>3</v>
      </c>
      <c r="DD35" s="72">
        <v>1</v>
      </c>
      <c r="DE35" s="72">
        <v>3</v>
      </c>
      <c r="DF35" s="72">
        <v>2</v>
      </c>
      <c r="DG35" s="74">
        <v>10</v>
      </c>
      <c r="DH35" s="75">
        <v>10</v>
      </c>
      <c r="DI35" s="60">
        <v>0</v>
      </c>
      <c r="DJ35" s="61">
        <v>0</v>
      </c>
      <c r="DK35" s="62">
        <v>0</v>
      </c>
      <c r="DL35" s="443">
        <v>0</v>
      </c>
      <c r="DM35" s="61">
        <v>1</v>
      </c>
      <c r="DN35" s="61">
        <v>0</v>
      </c>
      <c r="DO35" s="61">
        <v>0</v>
      </c>
      <c r="DP35" s="61">
        <v>0</v>
      </c>
      <c r="DQ35" s="61">
        <v>0</v>
      </c>
      <c r="DR35" s="62">
        <v>1</v>
      </c>
      <c r="DS35" s="63">
        <v>1</v>
      </c>
      <c r="DT35" s="60">
        <v>0</v>
      </c>
      <c r="DU35" s="61">
        <v>0</v>
      </c>
      <c r="DV35" s="62">
        <v>0</v>
      </c>
      <c r="DW35" s="443">
        <v>0</v>
      </c>
      <c r="DX35" s="61">
        <v>0</v>
      </c>
      <c r="DY35" s="61">
        <v>0</v>
      </c>
      <c r="DZ35" s="61">
        <v>0</v>
      </c>
      <c r="EA35" s="61">
        <v>0</v>
      </c>
      <c r="EB35" s="61">
        <v>0</v>
      </c>
      <c r="EC35" s="62">
        <v>0</v>
      </c>
      <c r="ED35" s="63">
        <v>0</v>
      </c>
      <c r="EE35" s="60">
        <v>0</v>
      </c>
      <c r="EF35" s="61">
        <v>0</v>
      </c>
      <c r="EG35" s="62">
        <v>0</v>
      </c>
      <c r="EH35" s="443">
        <v>0</v>
      </c>
      <c r="EI35" s="61">
        <v>0</v>
      </c>
      <c r="EJ35" s="61">
        <v>0</v>
      </c>
      <c r="EK35" s="61">
        <v>0</v>
      </c>
      <c r="EL35" s="61">
        <v>0</v>
      </c>
      <c r="EM35" s="61">
        <v>0</v>
      </c>
      <c r="EN35" s="62">
        <v>0</v>
      </c>
      <c r="EO35" s="63">
        <v>0</v>
      </c>
      <c r="EP35" s="60">
        <v>0</v>
      </c>
      <c r="EQ35" s="61">
        <v>0</v>
      </c>
      <c r="ER35" s="62">
        <v>0</v>
      </c>
      <c r="ES35" s="443">
        <v>0</v>
      </c>
      <c r="ET35" s="61">
        <v>0</v>
      </c>
      <c r="EU35" s="61">
        <v>1</v>
      </c>
      <c r="EV35" s="61">
        <v>0</v>
      </c>
      <c r="EW35" s="61">
        <v>0</v>
      </c>
      <c r="EX35" s="61">
        <v>0</v>
      </c>
      <c r="EY35" s="62">
        <v>1</v>
      </c>
      <c r="EZ35" s="63">
        <v>1</v>
      </c>
      <c r="FA35" s="60">
        <v>0</v>
      </c>
      <c r="FB35" s="61">
        <v>0</v>
      </c>
      <c r="FC35" s="62">
        <v>0</v>
      </c>
      <c r="FD35" s="443">
        <v>0</v>
      </c>
      <c r="FE35" s="61">
        <v>0</v>
      </c>
      <c r="FF35" s="61">
        <v>1</v>
      </c>
      <c r="FG35" s="61">
        <v>1</v>
      </c>
      <c r="FH35" s="61">
        <v>1</v>
      </c>
      <c r="FI35" s="61">
        <v>1</v>
      </c>
      <c r="FJ35" s="62">
        <v>4</v>
      </c>
      <c r="FK35" s="63">
        <v>4</v>
      </c>
      <c r="FL35" s="60">
        <v>0</v>
      </c>
      <c r="FM35" s="61">
        <v>0</v>
      </c>
      <c r="FN35" s="62">
        <v>0</v>
      </c>
      <c r="FO35" s="443">
        <v>0</v>
      </c>
      <c r="FP35" s="61">
        <v>0</v>
      </c>
      <c r="FQ35" s="61">
        <v>1</v>
      </c>
      <c r="FR35" s="61">
        <v>0</v>
      </c>
      <c r="FS35" s="61">
        <v>2</v>
      </c>
      <c r="FT35" s="61">
        <v>1</v>
      </c>
      <c r="FU35" s="62">
        <v>4</v>
      </c>
      <c r="FV35" s="63">
        <v>4</v>
      </c>
      <c r="FW35" s="60">
        <v>0</v>
      </c>
      <c r="FX35" s="61">
        <v>0</v>
      </c>
      <c r="FY35" s="62">
        <v>0</v>
      </c>
      <c r="FZ35" s="443">
        <v>0</v>
      </c>
      <c r="GA35" s="61">
        <v>0</v>
      </c>
      <c r="GB35" s="61">
        <v>0</v>
      </c>
      <c r="GC35" s="61">
        <v>0</v>
      </c>
      <c r="GD35" s="61">
        <v>0</v>
      </c>
      <c r="GE35" s="61">
        <v>0</v>
      </c>
      <c r="GF35" s="62">
        <v>0</v>
      </c>
      <c r="GG35" s="63">
        <v>0</v>
      </c>
      <c r="GH35" s="60">
        <v>0</v>
      </c>
      <c r="GI35" s="61">
        <v>0</v>
      </c>
      <c r="GJ35" s="62">
        <v>0</v>
      </c>
      <c r="GK35" s="443">
        <v>0</v>
      </c>
      <c r="GL35" s="61">
        <v>1</v>
      </c>
      <c r="GM35" s="61">
        <v>3</v>
      </c>
      <c r="GN35" s="61">
        <v>1</v>
      </c>
      <c r="GO35" s="61">
        <v>3</v>
      </c>
      <c r="GP35" s="61">
        <v>2</v>
      </c>
      <c r="GQ35" s="62">
        <v>10</v>
      </c>
      <c r="GR35" s="63">
        <v>10</v>
      </c>
      <c r="GS35" s="113">
        <v>3</v>
      </c>
      <c r="GT35" s="72">
        <v>6</v>
      </c>
      <c r="GU35" s="73">
        <v>9</v>
      </c>
      <c r="GV35" s="443">
        <v>0</v>
      </c>
      <c r="GW35" s="72">
        <v>13</v>
      </c>
      <c r="GX35" s="72">
        <v>15</v>
      </c>
      <c r="GY35" s="72">
        <v>5</v>
      </c>
      <c r="GZ35" s="72">
        <v>7</v>
      </c>
      <c r="HA35" s="72">
        <v>3</v>
      </c>
      <c r="HB35" s="74">
        <v>43</v>
      </c>
      <c r="HC35" s="75">
        <v>52</v>
      </c>
      <c r="HD35" s="60">
        <v>1</v>
      </c>
      <c r="HE35" s="61">
        <v>0</v>
      </c>
      <c r="HF35" s="62">
        <v>1</v>
      </c>
      <c r="HG35" s="443">
        <v>0</v>
      </c>
      <c r="HH35" s="61">
        <v>1</v>
      </c>
      <c r="HI35" s="61">
        <v>0</v>
      </c>
      <c r="HJ35" s="61">
        <v>0</v>
      </c>
      <c r="HK35" s="61">
        <v>0</v>
      </c>
      <c r="HL35" s="61">
        <v>0</v>
      </c>
      <c r="HM35" s="62">
        <v>1</v>
      </c>
      <c r="HN35" s="63">
        <v>2</v>
      </c>
      <c r="HO35" s="60">
        <v>0</v>
      </c>
      <c r="HP35" s="61">
        <v>0</v>
      </c>
      <c r="HQ35" s="62">
        <v>0</v>
      </c>
      <c r="HR35" s="443">
        <v>0</v>
      </c>
      <c r="HS35" s="61">
        <v>0</v>
      </c>
      <c r="HT35" s="61">
        <v>0</v>
      </c>
      <c r="HU35" s="61">
        <v>0</v>
      </c>
      <c r="HV35" s="61">
        <v>0</v>
      </c>
      <c r="HW35" s="61">
        <v>0</v>
      </c>
      <c r="HX35" s="62">
        <v>0</v>
      </c>
      <c r="HY35" s="63">
        <v>0</v>
      </c>
      <c r="HZ35" s="60">
        <v>0</v>
      </c>
      <c r="IA35" s="61">
        <v>0</v>
      </c>
      <c r="IB35" s="62">
        <v>0</v>
      </c>
      <c r="IC35" s="443">
        <v>0</v>
      </c>
      <c r="ID35" s="61">
        <v>0</v>
      </c>
      <c r="IE35" s="61">
        <v>2</v>
      </c>
      <c r="IF35" s="61">
        <v>0</v>
      </c>
      <c r="IG35" s="61">
        <v>0</v>
      </c>
      <c r="IH35" s="61">
        <v>0</v>
      </c>
      <c r="II35" s="62">
        <v>2</v>
      </c>
      <c r="IJ35" s="63">
        <v>2</v>
      </c>
      <c r="IK35" s="60">
        <v>1</v>
      </c>
      <c r="IL35" s="61">
        <v>2</v>
      </c>
      <c r="IM35" s="62">
        <v>3</v>
      </c>
      <c r="IN35" s="443">
        <v>0</v>
      </c>
      <c r="IO35" s="61">
        <v>2</v>
      </c>
      <c r="IP35" s="61">
        <v>2</v>
      </c>
      <c r="IQ35" s="61">
        <v>2</v>
      </c>
      <c r="IR35" s="61">
        <v>0</v>
      </c>
      <c r="IS35" s="61">
        <v>0</v>
      </c>
      <c r="IT35" s="62">
        <v>6</v>
      </c>
      <c r="IU35" s="63">
        <v>9</v>
      </c>
      <c r="IV35" s="60">
        <v>0</v>
      </c>
      <c r="IW35" s="61">
        <v>2</v>
      </c>
      <c r="IX35" s="62">
        <v>2</v>
      </c>
      <c r="IY35" s="443">
        <v>0</v>
      </c>
      <c r="IZ35" s="61">
        <v>8</v>
      </c>
      <c r="JA35" s="61">
        <v>3</v>
      </c>
      <c r="JB35" s="61">
        <v>2</v>
      </c>
      <c r="JC35" s="61">
        <v>5</v>
      </c>
      <c r="JD35" s="61">
        <v>2</v>
      </c>
      <c r="JE35" s="62">
        <v>20</v>
      </c>
      <c r="JF35" s="63">
        <v>22</v>
      </c>
      <c r="JG35" s="60">
        <v>1</v>
      </c>
      <c r="JH35" s="61">
        <v>2</v>
      </c>
      <c r="JI35" s="62">
        <v>3</v>
      </c>
      <c r="JJ35" s="443">
        <v>0</v>
      </c>
      <c r="JK35" s="61">
        <v>2</v>
      </c>
      <c r="JL35" s="61">
        <v>8</v>
      </c>
      <c r="JM35" s="61">
        <v>1</v>
      </c>
      <c r="JN35" s="61">
        <v>2</v>
      </c>
      <c r="JO35" s="61">
        <v>1</v>
      </c>
      <c r="JP35" s="62">
        <v>14</v>
      </c>
      <c r="JQ35" s="63">
        <v>17</v>
      </c>
      <c r="JR35" s="60">
        <v>0</v>
      </c>
      <c r="JS35" s="61">
        <v>0</v>
      </c>
      <c r="JT35" s="62">
        <v>0</v>
      </c>
      <c r="JU35" s="443">
        <v>0</v>
      </c>
      <c r="JV35" s="61">
        <v>0</v>
      </c>
      <c r="JW35" s="61">
        <v>0</v>
      </c>
      <c r="JX35" s="61">
        <v>0</v>
      </c>
      <c r="JY35" s="61">
        <v>0</v>
      </c>
      <c r="JZ35" s="61">
        <v>0</v>
      </c>
      <c r="KA35" s="62">
        <v>0</v>
      </c>
      <c r="KB35" s="63">
        <v>0</v>
      </c>
      <c r="KC35" s="60">
        <v>3</v>
      </c>
      <c r="KD35" s="61">
        <v>6</v>
      </c>
      <c r="KE35" s="62">
        <v>9</v>
      </c>
      <c r="KF35" s="443">
        <v>0</v>
      </c>
      <c r="KG35" s="61">
        <v>13</v>
      </c>
      <c r="KH35" s="61">
        <v>15</v>
      </c>
      <c r="KI35" s="61">
        <v>5</v>
      </c>
      <c r="KJ35" s="61">
        <v>7</v>
      </c>
      <c r="KK35" s="61">
        <v>3</v>
      </c>
      <c r="KL35" s="62">
        <v>43</v>
      </c>
      <c r="KM35" s="63">
        <v>52</v>
      </c>
    </row>
    <row r="36" spans="2:299" ht="21" customHeight="1" x14ac:dyDescent="0.2">
      <c r="B36" s="437" t="s">
        <v>33</v>
      </c>
      <c r="C36" s="287">
        <v>5</v>
      </c>
      <c r="D36" s="72">
        <v>3</v>
      </c>
      <c r="E36" s="73">
        <v>8</v>
      </c>
      <c r="F36" s="443">
        <v>0</v>
      </c>
      <c r="G36" s="72">
        <v>5</v>
      </c>
      <c r="H36" s="72">
        <v>3</v>
      </c>
      <c r="I36" s="72">
        <v>4</v>
      </c>
      <c r="J36" s="72">
        <v>1</v>
      </c>
      <c r="K36" s="72">
        <v>2</v>
      </c>
      <c r="L36" s="74">
        <v>15</v>
      </c>
      <c r="M36" s="75">
        <v>23</v>
      </c>
      <c r="N36" s="60">
        <v>0</v>
      </c>
      <c r="O36" s="61">
        <v>0</v>
      </c>
      <c r="P36" s="62">
        <v>0</v>
      </c>
      <c r="Q36" s="443">
        <v>0</v>
      </c>
      <c r="R36" s="61">
        <v>0</v>
      </c>
      <c r="S36" s="61">
        <v>0</v>
      </c>
      <c r="T36" s="61">
        <v>0</v>
      </c>
      <c r="U36" s="61">
        <v>0</v>
      </c>
      <c r="V36" s="61">
        <v>0</v>
      </c>
      <c r="W36" s="62">
        <v>0</v>
      </c>
      <c r="X36" s="63">
        <v>0</v>
      </c>
      <c r="Y36" s="60">
        <v>0</v>
      </c>
      <c r="Z36" s="61">
        <v>0</v>
      </c>
      <c r="AA36" s="62">
        <v>0</v>
      </c>
      <c r="AB36" s="443">
        <v>0</v>
      </c>
      <c r="AC36" s="61">
        <v>0</v>
      </c>
      <c r="AD36" s="61">
        <v>0</v>
      </c>
      <c r="AE36" s="61">
        <v>0</v>
      </c>
      <c r="AF36" s="61">
        <v>0</v>
      </c>
      <c r="AG36" s="61">
        <v>0</v>
      </c>
      <c r="AH36" s="62">
        <v>0</v>
      </c>
      <c r="AI36" s="63">
        <v>0</v>
      </c>
      <c r="AJ36" s="60">
        <v>2</v>
      </c>
      <c r="AK36" s="61">
        <v>0</v>
      </c>
      <c r="AL36" s="62">
        <v>2</v>
      </c>
      <c r="AM36" s="443">
        <v>0</v>
      </c>
      <c r="AN36" s="61">
        <v>0</v>
      </c>
      <c r="AO36" s="61">
        <v>0</v>
      </c>
      <c r="AP36" s="61">
        <v>0</v>
      </c>
      <c r="AQ36" s="61">
        <v>0</v>
      </c>
      <c r="AR36" s="61">
        <v>1</v>
      </c>
      <c r="AS36" s="62">
        <v>1</v>
      </c>
      <c r="AT36" s="63">
        <v>3</v>
      </c>
      <c r="AU36" s="60">
        <v>1</v>
      </c>
      <c r="AV36" s="61">
        <v>1</v>
      </c>
      <c r="AW36" s="62">
        <v>2</v>
      </c>
      <c r="AX36" s="443">
        <v>0</v>
      </c>
      <c r="AY36" s="61">
        <v>1</v>
      </c>
      <c r="AZ36" s="61">
        <v>1</v>
      </c>
      <c r="BA36" s="61">
        <v>2</v>
      </c>
      <c r="BB36" s="61">
        <v>0</v>
      </c>
      <c r="BC36" s="61">
        <v>0</v>
      </c>
      <c r="BD36" s="62">
        <v>4</v>
      </c>
      <c r="BE36" s="63">
        <v>6</v>
      </c>
      <c r="BF36" s="60">
        <v>1</v>
      </c>
      <c r="BG36" s="61">
        <v>1</v>
      </c>
      <c r="BH36" s="62">
        <v>2</v>
      </c>
      <c r="BI36" s="443">
        <v>0</v>
      </c>
      <c r="BJ36" s="61">
        <v>2</v>
      </c>
      <c r="BK36" s="61">
        <v>0</v>
      </c>
      <c r="BL36" s="61">
        <v>2</v>
      </c>
      <c r="BM36" s="61">
        <v>0</v>
      </c>
      <c r="BN36" s="61">
        <v>0</v>
      </c>
      <c r="BO36" s="62">
        <v>4</v>
      </c>
      <c r="BP36" s="63">
        <v>6</v>
      </c>
      <c r="BQ36" s="60">
        <v>1</v>
      </c>
      <c r="BR36" s="61">
        <v>1</v>
      </c>
      <c r="BS36" s="62">
        <v>2</v>
      </c>
      <c r="BT36" s="443">
        <v>0</v>
      </c>
      <c r="BU36" s="61">
        <v>2</v>
      </c>
      <c r="BV36" s="61">
        <v>2</v>
      </c>
      <c r="BW36" s="61">
        <v>0</v>
      </c>
      <c r="BX36" s="61">
        <v>1</v>
      </c>
      <c r="BY36" s="61">
        <v>1</v>
      </c>
      <c r="BZ36" s="62">
        <v>6</v>
      </c>
      <c r="CA36" s="63">
        <v>8</v>
      </c>
      <c r="CB36" s="60">
        <v>0</v>
      </c>
      <c r="CC36" s="61">
        <v>0</v>
      </c>
      <c r="CD36" s="62">
        <v>0</v>
      </c>
      <c r="CE36" s="443">
        <v>0</v>
      </c>
      <c r="CF36" s="61">
        <v>0</v>
      </c>
      <c r="CG36" s="61">
        <v>0</v>
      </c>
      <c r="CH36" s="61">
        <v>0</v>
      </c>
      <c r="CI36" s="61">
        <v>0</v>
      </c>
      <c r="CJ36" s="61">
        <v>0</v>
      </c>
      <c r="CK36" s="62">
        <v>0</v>
      </c>
      <c r="CL36" s="63">
        <v>0</v>
      </c>
      <c r="CM36" s="60">
        <v>5</v>
      </c>
      <c r="CN36" s="61">
        <v>3</v>
      </c>
      <c r="CO36" s="62">
        <v>8</v>
      </c>
      <c r="CP36" s="443">
        <v>0</v>
      </c>
      <c r="CQ36" s="61">
        <v>5</v>
      </c>
      <c r="CR36" s="61">
        <v>3</v>
      </c>
      <c r="CS36" s="61">
        <v>4</v>
      </c>
      <c r="CT36" s="61">
        <v>1</v>
      </c>
      <c r="CU36" s="61">
        <v>2</v>
      </c>
      <c r="CV36" s="62">
        <v>15</v>
      </c>
      <c r="CW36" s="63">
        <v>23</v>
      </c>
      <c r="CX36" s="113">
        <v>0</v>
      </c>
      <c r="CY36" s="72">
        <v>2</v>
      </c>
      <c r="CZ36" s="73">
        <v>2</v>
      </c>
      <c r="DA36" s="443">
        <v>0</v>
      </c>
      <c r="DB36" s="72">
        <v>2</v>
      </c>
      <c r="DC36" s="72">
        <v>2</v>
      </c>
      <c r="DD36" s="72">
        <v>0</v>
      </c>
      <c r="DE36" s="72">
        <v>0</v>
      </c>
      <c r="DF36" s="72">
        <v>0</v>
      </c>
      <c r="DG36" s="74">
        <v>4</v>
      </c>
      <c r="DH36" s="75">
        <v>6</v>
      </c>
      <c r="DI36" s="60">
        <v>0</v>
      </c>
      <c r="DJ36" s="61">
        <v>0</v>
      </c>
      <c r="DK36" s="62">
        <v>0</v>
      </c>
      <c r="DL36" s="443">
        <v>0</v>
      </c>
      <c r="DM36" s="61">
        <v>0</v>
      </c>
      <c r="DN36" s="61">
        <v>0</v>
      </c>
      <c r="DO36" s="61">
        <v>0</v>
      </c>
      <c r="DP36" s="61">
        <v>0</v>
      </c>
      <c r="DQ36" s="61">
        <v>0</v>
      </c>
      <c r="DR36" s="62">
        <v>0</v>
      </c>
      <c r="DS36" s="63">
        <v>0</v>
      </c>
      <c r="DT36" s="60">
        <v>0</v>
      </c>
      <c r="DU36" s="61">
        <v>1</v>
      </c>
      <c r="DV36" s="62">
        <v>1</v>
      </c>
      <c r="DW36" s="443">
        <v>0</v>
      </c>
      <c r="DX36" s="61">
        <v>0</v>
      </c>
      <c r="DY36" s="61">
        <v>0</v>
      </c>
      <c r="DZ36" s="61">
        <v>0</v>
      </c>
      <c r="EA36" s="61">
        <v>0</v>
      </c>
      <c r="EB36" s="61">
        <v>0</v>
      </c>
      <c r="EC36" s="62">
        <v>0</v>
      </c>
      <c r="ED36" s="63">
        <v>1</v>
      </c>
      <c r="EE36" s="60">
        <v>0</v>
      </c>
      <c r="EF36" s="61">
        <v>0</v>
      </c>
      <c r="EG36" s="62">
        <v>0</v>
      </c>
      <c r="EH36" s="443">
        <v>0</v>
      </c>
      <c r="EI36" s="61">
        <v>0</v>
      </c>
      <c r="EJ36" s="61">
        <v>0</v>
      </c>
      <c r="EK36" s="61">
        <v>0</v>
      </c>
      <c r="EL36" s="61">
        <v>0</v>
      </c>
      <c r="EM36" s="61">
        <v>0</v>
      </c>
      <c r="EN36" s="62">
        <v>0</v>
      </c>
      <c r="EO36" s="63">
        <v>0</v>
      </c>
      <c r="EP36" s="60">
        <v>0</v>
      </c>
      <c r="EQ36" s="61">
        <v>0</v>
      </c>
      <c r="ER36" s="62">
        <v>0</v>
      </c>
      <c r="ES36" s="443">
        <v>0</v>
      </c>
      <c r="ET36" s="61">
        <v>0</v>
      </c>
      <c r="EU36" s="61">
        <v>0</v>
      </c>
      <c r="EV36" s="61">
        <v>0</v>
      </c>
      <c r="EW36" s="61">
        <v>0</v>
      </c>
      <c r="EX36" s="61">
        <v>0</v>
      </c>
      <c r="EY36" s="62">
        <v>0</v>
      </c>
      <c r="EZ36" s="63">
        <v>0</v>
      </c>
      <c r="FA36" s="60">
        <v>0</v>
      </c>
      <c r="FB36" s="61">
        <v>0</v>
      </c>
      <c r="FC36" s="62">
        <v>0</v>
      </c>
      <c r="FD36" s="443">
        <v>0</v>
      </c>
      <c r="FE36" s="61">
        <v>1</v>
      </c>
      <c r="FF36" s="61">
        <v>0</v>
      </c>
      <c r="FG36" s="61">
        <v>0</v>
      </c>
      <c r="FH36" s="61">
        <v>0</v>
      </c>
      <c r="FI36" s="61">
        <v>0</v>
      </c>
      <c r="FJ36" s="62">
        <v>1</v>
      </c>
      <c r="FK36" s="63">
        <v>1</v>
      </c>
      <c r="FL36" s="60">
        <v>0</v>
      </c>
      <c r="FM36" s="61">
        <v>1</v>
      </c>
      <c r="FN36" s="62">
        <v>1</v>
      </c>
      <c r="FO36" s="443">
        <v>0</v>
      </c>
      <c r="FP36" s="61">
        <v>1</v>
      </c>
      <c r="FQ36" s="61">
        <v>2</v>
      </c>
      <c r="FR36" s="61">
        <v>0</v>
      </c>
      <c r="FS36" s="61">
        <v>0</v>
      </c>
      <c r="FT36" s="61">
        <v>0</v>
      </c>
      <c r="FU36" s="62">
        <v>3</v>
      </c>
      <c r="FV36" s="63">
        <v>4</v>
      </c>
      <c r="FW36" s="60">
        <v>0</v>
      </c>
      <c r="FX36" s="61">
        <v>0</v>
      </c>
      <c r="FY36" s="62">
        <v>0</v>
      </c>
      <c r="FZ36" s="443">
        <v>0</v>
      </c>
      <c r="GA36" s="61">
        <v>0</v>
      </c>
      <c r="GB36" s="61">
        <v>0</v>
      </c>
      <c r="GC36" s="61">
        <v>0</v>
      </c>
      <c r="GD36" s="61">
        <v>0</v>
      </c>
      <c r="GE36" s="61">
        <v>0</v>
      </c>
      <c r="GF36" s="62">
        <v>0</v>
      </c>
      <c r="GG36" s="63">
        <v>0</v>
      </c>
      <c r="GH36" s="60">
        <v>0</v>
      </c>
      <c r="GI36" s="61">
        <v>2</v>
      </c>
      <c r="GJ36" s="62">
        <v>2</v>
      </c>
      <c r="GK36" s="443">
        <v>0</v>
      </c>
      <c r="GL36" s="61">
        <v>2</v>
      </c>
      <c r="GM36" s="61">
        <v>2</v>
      </c>
      <c r="GN36" s="61">
        <v>0</v>
      </c>
      <c r="GO36" s="61">
        <v>0</v>
      </c>
      <c r="GP36" s="61">
        <v>0</v>
      </c>
      <c r="GQ36" s="62">
        <v>4</v>
      </c>
      <c r="GR36" s="63">
        <v>6</v>
      </c>
      <c r="GS36" s="113">
        <v>5</v>
      </c>
      <c r="GT36" s="72">
        <v>5</v>
      </c>
      <c r="GU36" s="73">
        <v>10</v>
      </c>
      <c r="GV36" s="443">
        <v>0</v>
      </c>
      <c r="GW36" s="72">
        <v>7</v>
      </c>
      <c r="GX36" s="72">
        <v>5</v>
      </c>
      <c r="GY36" s="72">
        <v>4</v>
      </c>
      <c r="GZ36" s="72">
        <v>1</v>
      </c>
      <c r="HA36" s="72">
        <v>2</v>
      </c>
      <c r="HB36" s="74">
        <v>19</v>
      </c>
      <c r="HC36" s="75">
        <v>29</v>
      </c>
      <c r="HD36" s="60">
        <v>0</v>
      </c>
      <c r="HE36" s="61">
        <v>0</v>
      </c>
      <c r="HF36" s="62">
        <v>0</v>
      </c>
      <c r="HG36" s="443">
        <v>0</v>
      </c>
      <c r="HH36" s="61">
        <v>0</v>
      </c>
      <c r="HI36" s="61">
        <v>0</v>
      </c>
      <c r="HJ36" s="61">
        <v>0</v>
      </c>
      <c r="HK36" s="61">
        <v>0</v>
      </c>
      <c r="HL36" s="61">
        <v>0</v>
      </c>
      <c r="HM36" s="62">
        <v>0</v>
      </c>
      <c r="HN36" s="63">
        <v>0</v>
      </c>
      <c r="HO36" s="60">
        <v>0</v>
      </c>
      <c r="HP36" s="61">
        <v>1</v>
      </c>
      <c r="HQ36" s="62">
        <v>1</v>
      </c>
      <c r="HR36" s="443">
        <v>0</v>
      </c>
      <c r="HS36" s="61">
        <v>0</v>
      </c>
      <c r="HT36" s="61">
        <v>0</v>
      </c>
      <c r="HU36" s="61">
        <v>0</v>
      </c>
      <c r="HV36" s="61">
        <v>0</v>
      </c>
      <c r="HW36" s="61">
        <v>0</v>
      </c>
      <c r="HX36" s="62">
        <v>0</v>
      </c>
      <c r="HY36" s="63">
        <v>1</v>
      </c>
      <c r="HZ36" s="60">
        <v>2</v>
      </c>
      <c r="IA36" s="61">
        <v>0</v>
      </c>
      <c r="IB36" s="62">
        <v>2</v>
      </c>
      <c r="IC36" s="443">
        <v>0</v>
      </c>
      <c r="ID36" s="61">
        <v>0</v>
      </c>
      <c r="IE36" s="61">
        <v>0</v>
      </c>
      <c r="IF36" s="61">
        <v>0</v>
      </c>
      <c r="IG36" s="61">
        <v>0</v>
      </c>
      <c r="IH36" s="61">
        <v>1</v>
      </c>
      <c r="II36" s="62">
        <v>1</v>
      </c>
      <c r="IJ36" s="63">
        <v>3</v>
      </c>
      <c r="IK36" s="60">
        <v>1</v>
      </c>
      <c r="IL36" s="61">
        <v>1</v>
      </c>
      <c r="IM36" s="62">
        <v>2</v>
      </c>
      <c r="IN36" s="443">
        <v>0</v>
      </c>
      <c r="IO36" s="61">
        <v>1</v>
      </c>
      <c r="IP36" s="61">
        <v>1</v>
      </c>
      <c r="IQ36" s="61">
        <v>2</v>
      </c>
      <c r="IR36" s="61">
        <v>0</v>
      </c>
      <c r="IS36" s="61">
        <v>0</v>
      </c>
      <c r="IT36" s="62">
        <v>4</v>
      </c>
      <c r="IU36" s="63">
        <v>6</v>
      </c>
      <c r="IV36" s="60">
        <v>1</v>
      </c>
      <c r="IW36" s="61">
        <v>1</v>
      </c>
      <c r="IX36" s="62">
        <v>2</v>
      </c>
      <c r="IY36" s="443">
        <v>0</v>
      </c>
      <c r="IZ36" s="61">
        <v>3</v>
      </c>
      <c r="JA36" s="61">
        <v>0</v>
      </c>
      <c r="JB36" s="61">
        <v>2</v>
      </c>
      <c r="JC36" s="61">
        <v>0</v>
      </c>
      <c r="JD36" s="61">
        <v>0</v>
      </c>
      <c r="JE36" s="62">
        <v>5</v>
      </c>
      <c r="JF36" s="63">
        <v>7</v>
      </c>
      <c r="JG36" s="60">
        <v>1</v>
      </c>
      <c r="JH36" s="61">
        <v>2</v>
      </c>
      <c r="JI36" s="62">
        <v>3</v>
      </c>
      <c r="JJ36" s="443">
        <v>0</v>
      </c>
      <c r="JK36" s="61">
        <v>3</v>
      </c>
      <c r="JL36" s="61">
        <v>4</v>
      </c>
      <c r="JM36" s="61">
        <v>0</v>
      </c>
      <c r="JN36" s="61">
        <v>1</v>
      </c>
      <c r="JO36" s="61">
        <v>1</v>
      </c>
      <c r="JP36" s="62">
        <v>9</v>
      </c>
      <c r="JQ36" s="63">
        <v>12</v>
      </c>
      <c r="JR36" s="60">
        <v>0</v>
      </c>
      <c r="JS36" s="61">
        <v>0</v>
      </c>
      <c r="JT36" s="62">
        <v>0</v>
      </c>
      <c r="JU36" s="443">
        <v>0</v>
      </c>
      <c r="JV36" s="61">
        <v>0</v>
      </c>
      <c r="JW36" s="61">
        <v>0</v>
      </c>
      <c r="JX36" s="61">
        <v>0</v>
      </c>
      <c r="JY36" s="61">
        <v>0</v>
      </c>
      <c r="JZ36" s="61">
        <v>0</v>
      </c>
      <c r="KA36" s="62">
        <v>0</v>
      </c>
      <c r="KB36" s="63">
        <v>0</v>
      </c>
      <c r="KC36" s="60">
        <v>5</v>
      </c>
      <c r="KD36" s="61">
        <v>5</v>
      </c>
      <c r="KE36" s="62">
        <v>10</v>
      </c>
      <c r="KF36" s="443">
        <v>0</v>
      </c>
      <c r="KG36" s="61">
        <v>7</v>
      </c>
      <c r="KH36" s="61">
        <v>5</v>
      </c>
      <c r="KI36" s="61">
        <v>4</v>
      </c>
      <c r="KJ36" s="61">
        <v>1</v>
      </c>
      <c r="KK36" s="61">
        <v>2</v>
      </c>
      <c r="KL36" s="62">
        <v>19</v>
      </c>
      <c r="KM36" s="63">
        <v>29</v>
      </c>
    </row>
    <row r="37" spans="2:299" ht="21" customHeight="1" x14ac:dyDescent="0.2">
      <c r="B37" s="437" t="s">
        <v>34</v>
      </c>
      <c r="C37" s="287">
        <v>3</v>
      </c>
      <c r="D37" s="72">
        <v>3</v>
      </c>
      <c r="E37" s="73">
        <v>6</v>
      </c>
      <c r="F37" s="443">
        <v>0</v>
      </c>
      <c r="G37" s="72">
        <v>2</v>
      </c>
      <c r="H37" s="72">
        <v>11</v>
      </c>
      <c r="I37" s="72">
        <v>3</v>
      </c>
      <c r="J37" s="72">
        <v>1</v>
      </c>
      <c r="K37" s="72">
        <v>0</v>
      </c>
      <c r="L37" s="74">
        <v>17</v>
      </c>
      <c r="M37" s="75">
        <v>23</v>
      </c>
      <c r="N37" s="60">
        <v>0</v>
      </c>
      <c r="O37" s="61">
        <v>0</v>
      </c>
      <c r="P37" s="62">
        <v>0</v>
      </c>
      <c r="Q37" s="443">
        <v>0</v>
      </c>
      <c r="R37" s="61">
        <v>0</v>
      </c>
      <c r="S37" s="61">
        <v>0</v>
      </c>
      <c r="T37" s="61">
        <v>0</v>
      </c>
      <c r="U37" s="61">
        <v>0</v>
      </c>
      <c r="V37" s="61">
        <v>0</v>
      </c>
      <c r="W37" s="62">
        <v>0</v>
      </c>
      <c r="X37" s="63">
        <v>0</v>
      </c>
      <c r="Y37" s="60">
        <v>0</v>
      </c>
      <c r="Z37" s="61">
        <v>0</v>
      </c>
      <c r="AA37" s="62">
        <v>0</v>
      </c>
      <c r="AB37" s="443">
        <v>0</v>
      </c>
      <c r="AC37" s="61">
        <v>0</v>
      </c>
      <c r="AD37" s="61">
        <v>0</v>
      </c>
      <c r="AE37" s="61">
        <v>0</v>
      </c>
      <c r="AF37" s="61">
        <v>0</v>
      </c>
      <c r="AG37" s="61">
        <v>0</v>
      </c>
      <c r="AH37" s="62">
        <v>0</v>
      </c>
      <c r="AI37" s="63">
        <v>0</v>
      </c>
      <c r="AJ37" s="60">
        <v>0</v>
      </c>
      <c r="AK37" s="61">
        <v>0</v>
      </c>
      <c r="AL37" s="62">
        <v>0</v>
      </c>
      <c r="AM37" s="443">
        <v>0</v>
      </c>
      <c r="AN37" s="61">
        <v>0</v>
      </c>
      <c r="AO37" s="61">
        <v>0</v>
      </c>
      <c r="AP37" s="61">
        <v>0</v>
      </c>
      <c r="AQ37" s="61">
        <v>0</v>
      </c>
      <c r="AR37" s="61">
        <v>0</v>
      </c>
      <c r="AS37" s="62">
        <v>0</v>
      </c>
      <c r="AT37" s="63">
        <v>0</v>
      </c>
      <c r="AU37" s="60">
        <v>1</v>
      </c>
      <c r="AV37" s="61">
        <v>1</v>
      </c>
      <c r="AW37" s="62">
        <v>2</v>
      </c>
      <c r="AX37" s="443">
        <v>0</v>
      </c>
      <c r="AY37" s="61">
        <v>0</v>
      </c>
      <c r="AZ37" s="61">
        <v>6</v>
      </c>
      <c r="BA37" s="61">
        <v>0</v>
      </c>
      <c r="BB37" s="61">
        <v>0</v>
      </c>
      <c r="BC37" s="61">
        <v>0</v>
      </c>
      <c r="BD37" s="62">
        <v>6</v>
      </c>
      <c r="BE37" s="63">
        <v>8</v>
      </c>
      <c r="BF37" s="60">
        <v>2</v>
      </c>
      <c r="BG37" s="61">
        <v>1</v>
      </c>
      <c r="BH37" s="62">
        <v>3</v>
      </c>
      <c r="BI37" s="443">
        <v>0</v>
      </c>
      <c r="BJ37" s="61">
        <v>1</v>
      </c>
      <c r="BK37" s="61">
        <v>1</v>
      </c>
      <c r="BL37" s="61">
        <v>3</v>
      </c>
      <c r="BM37" s="61">
        <v>1</v>
      </c>
      <c r="BN37" s="61">
        <v>0</v>
      </c>
      <c r="BO37" s="62">
        <v>6</v>
      </c>
      <c r="BP37" s="63">
        <v>9</v>
      </c>
      <c r="BQ37" s="60">
        <v>0</v>
      </c>
      <c r="BR37" s="61">
        <v>1</v>
      </c>
      <c r="BS37" s="62">
        <v>1</v>
      </c>
      <c r="BT37" s="443">
        <v>0</v>
      </c>
      <c r="BU37" s="61">
        <v>1</v>
      </c>
      <c r="BV37" s="61">
        <v>4</v>
      </c>
      <c r="BW37" s="61">
        <v>0</v>
      </c>
      <c r="BX37" s="61">
        <v>0</v>
      </c>
      <c r="BY37" s="61">
        <v>0</v>
      </c>
      <c r="BZ37" s="62">
        <v>5</v>
      </c>
      <c r="CA37" s="63">
        <v>6</v>
      </c>
      <c r="CB37" s="60">
        <v>0</v>
      </c>
      <c r="CC37" s="61">
        <v>0</v>
      </c>
      <c r="CD37" s="62">
        <v>0</v>
      </c>
      <c r="CE37" s="443">
        <v>0</v>
      </c>
      <c r="CF37" s="61">
        <v>0</v>
      </c>
      <c r="CG37" s="61">
        <v>0</v>
      </c>
      <c r="CH37" s="61">
        <v>0</v>
      </c>
      <c r="CI37" s="61">
        <v>0</v>
      </c>
      <c r="CJ37" s="61">
        <v>0</v>
      </c>
      <c r="CK37" s="62">
        <v>0</v>
      </c>
      <c r="CL37" s="63">
        <v>0</v>
      </c>
      <c r="CM37" s="60">
        <v>3</v>
      </c>
      <c r="CN37" s="61">
        <v>3</v>
      </c>
      <c r="CO37" s="62">
        <v>6</v>
      </c>
      <c r="CP37" s="443">
        <v>0</v>
      </c>
      <c r="CQ37" s="61">
        <v>2</v>
      </c>
      <c r="CR37" s="61">
        <v>11</v>
      </c>
      <c r="CS37" s="61">
        <v>3</v>
      </c>
      <c r="CT37" s="61">
        <v>1</v>
      </c>
      <c r="CU37" s="61">
        <v>0</v>
      </c>
      <c r="CV37" s="62">
        <v>17</v>
      </c>
      <c r="CW37" s="63">
        <v>23</v>
      </c>
      <c r="CX37" s="113">
        <v>1</v>
      </c>
      <c r="CY37" s="72">
        <v>0</v>
      </c>
      <c r="CZ37" s="73">
        <v>1</v>
      </c>
      <c r="DA37" s="443">
        <v>0</v>
      </c>
      <c r="DB37" s="72">
        <v>0</v>
      </c>
      <c r="DC37" s="72">
        <v>0</v>
      </c>
      <c r="DD37" s="72">
        <v>1</v>
      </c>
      <c r="DE37" s="72">
        <v>1</v>
      </c>
      <c r="DF37" s="72">
        <v>2</v>
      </c>
      <c r="DG37" s="74">
        <v>4</v>
      </c>
      <c r="DH37" s="75">
        <v>5</v>
      </c>
      <c r="DI37" s="60">
        <v>0</v>
      </c>
      <c r="DJ37" s="61">
        <v>0</v>
      </c>
      <c r="DK37" s="62">
        <v>0</v>
      </c>
      <c r="DL37" s="443">
        <v>0</v>
      </c>
      <c r="DM37" s="61">
        <v>0</v>
      </c>
      <c r="DN37" s="61">
        <v>0</v>
      </c>
      <c r="DO37" s="61">
        <v>0</v>
      </c>
      <c r="DP37" s="61">
        <v>0</v>
      </c>
      <c r="DQ37" s="61">
        <v>0</v>
      </c>
      <c r="DR37" s="62">
        <v>0</v>
      </c>
      <c r="DS37" s="63">
        <v>0</v>
      </c>
      <c r="DT37" s="60">
        <v>0</v>
      </c>
      <c r="DU37" s="61">
        <v>0</v>
      </c>
      <c r="DV37" s="62">
        <v>0</v>
      </c>
      <c r="DW37" s="443">
        <v>0</v>
      </c>
      <c r="DX37" s="61">
        <v>0</v>
      </c>
      <c r="DY37" s="61">
        <v>0</v>
      </c>
      <c r="DZ37" s="61">
        <v>0</v>
      </c>
      <c r="EA37" s="61">
        <v>1</v>
      </c>
      <c r="EB37" s="61">
        <v>0</v>
      </c>
      <c r="EC37" s="62">
        <v>1</v>
      </c>
      <c r="ED37" s="63">
        <v>1</v>
      </c>
      <c r="EE37" s="60">
        <v>0</v>
      </c>
      <c r="EF37" s="61">
        <v>0</v>
      </c>
      <c r="EG37" s="62">
        <v>0</v>
      </c>
      <c r="EH37" s="443">
        <v>0</v>
      </c>
      <c r="EI37" s="61">
        <v>0</v>
      </c>
      <c r="EJ37" s="61">
        <v>0</v>
      </c>
      <c r="EK37" s="61">
        <v>0</v>
      </c>
      <c r="EL37" s="61">
        <v>0</v>
      </c>
      <c r="EM37" s="61">
        <v>0</v>
      </c>
      <c r="EN37" s="62">
        <v>0</v>
      </c>
      <c r="EO37" s="63">
        <v>0</v>
      </c>
      <c r="EP37" s="60">
        <v>0</v>
      </c>
      <c r="EQ37" s="61">
        <v>0</v>
      </c>
      <c r="ER37" s="62">
        <v>0</v>
      </c>
      <c r="ES37" s="443">
        <v>0</v>
      </c>
      <c r="ET37" s="61">
        <v>0</v>
      </c>
      <c r="EU37" s="61">
        <v>0</v>
      </c>
      <c r="EV37" s="61">
        <v>0</v>
      </c>
      <c r="EW37" s="61">
        <v>0</v>
      </c>
      <c r="EX37" s="61">
        <v>0</v>
      </c>
      <c r="EY37" s="62">
        <v>0</v>
      </c>
      <c r="EZ37" s="63">
        <v>0</v>
      </c>
      <c r="FA37" s="60">
        <v>1</v>
      </c>
      <c r="FB37" s="61">
        <v>0</v>
      </c>
      <c r="FC37" s="62">
        <v>1</v>
      </c>
      <c r="FD37" s="443">
        <v>0</v>
      </c>
      <c r="FE37" s="61">
        <v>0</v>
      </c>
      <c r="FF37" s="61">
        <v>0</v>
      </c>
      <c r="FG37" s="61">
        <v>1</v>
      </c>
      <c r="FH37" s="61">
        <v>0</v>
      </c>
      <c r="FI37" s="61">
        <v>0</v>
      </c>
      <c r="FJ37" s="62">
        <v>1</v>
      </c>
      <c r="FK37" s="63">
        <v>2</v>
      </c>
      <c r="FL37" s="60">
        <v>0</v>
      </c>
      <c r="FM37" s="61">
        <v>0</v>
      </c>
      <c r="FN37" s="62">
        <v>0</v>
      </c>
      <c r="FO37" s="443">
        <v>0</v>
      </c>
      <c r="FP37" s="61">
        <v>0</v>
      </c>
      <c r="FQ37" s="61">
        <v>0</v>
      </c>
      <c r="FR37" s="61">
        <v>0</v>
      </c>
      <c r="FS37" s="61">
        <v>0</v>
      </c>
      <c r="FT37" s="61">
        <v>2</v>
      </c>
      <c r="FU37" s="62">
        <v>2</v>
      </c>
      <c r="FV37" s="63">
        <v>2</v>
      </c>
      <c r="FW37" s="60">
        <v>0</v>
      </c>
      <c r="FX37" s="61">
        <v>0</v>
      </c>
      <c r="FY37" s="62">
        <v>0</v>
      </c>
      <c r="FZ37" s="443">
        <v>0</v>
      </c>
      <c r="GA37" s="61">
        <v>0</v>
      </c>
      <c r="GB37" s="61">
        <v>0</v>
      </c>
      <c r="GC37" s="61">
        <v>0</v>
      </c>
      <c r="GD37" s="61">
        <v>0</v>
      </c>
      <c r="GE37" s="61">
        <v>0</v>
      </c>
      <c r="GF37" s="62">
        <v>0</v>
      </c>
      <c r="GG37" s="63">
        <v>0</v>
      </c>
      <c r="GH37" s="60">
        <v>1</v>
      </c>
      <c r="GI37" s="61">
        <v>0</v>
      </c>
      <c r="GJ37" s="62">
        <v>1</v>
      </c>
      <c r="GK37" s="443">
        <v>0</v>
      </c>
      <c r="GL37" s="61">
        <v>0</v>
      </c>
      <c r="GM37" s="61">
        <v>0</v>
      </c>
      <c r="GN37" s="61">
        <v>1</v>
      </c>
      <c r="GO37" s="61">
        <v>1</v>
      </c>
      <c r="GP37" s="61">
        <v>2</v>
      </c>
      <c r="GQ37" s="62">
        <v>4</v>
      </c>
      <c r="GR37" s="63">
        <v>5</v>
      </c>
      <c r="GS37" s="113">
        <v>4</v>
      </c>
      <c r="GT37" s="72">
        <v>3</v>
      </c>
      <c r="GU37" s="73">
        <v>7</v>
      </c>
      <c r="GV37" s="443">
        <v>0</v>
      </c>
      <c r="GW37" s="72">
        <v>2</v>
      </c>
      <c r="GX37" s="72">
        <v>11</v>
      </c>
      <c r="GY37" s="72">
        <v>4</v>
      </c>
      <c r="GZ37" s="72">
        <v>2</v>
      </c>
      <c r="HA37" s="72">
        <v>2</v>
      </c>
      <c r="HB37" s="74">
        <v>21</v>
      </c>
      <c r="HC37" s="75">
        <v>28</v>
      </c>
      <c r="HD37" s="60">
        <v>0</v>
      </c>
      <c r="HE37" s="61">
        <v>0</v>
      </c>
      <c r="HF37" s="62">
        <v>0</v>
      </c>
      <c r="HG37" s="443">
        <v>0</v>
      </c>
      <c r="HH37" s="61">
        <v>0</v>
      </c>
      <c r="HI37" s="61">
        <v>0</v>
      </c>
      <c r="HJ37" s="61">
        <v>0</v>
      </c>
      <c r="HK37" s="61">
        <v>0</v>
      </c>
      <c r="HL37" s="61">
        <v>0</v>
      </c>
      <c r="HM37" s="62">
        <v>0</v>
      </c>
      <c r="HN37" s="63">
        <v>0</v>
      </c>
      <c r="HO37" s="60">
        <v>0</v>
      </c>
      <c r="HP37" s="61">
        <v>0</v>
      </c>
      <c r="HQ37" s="62">
        <v>0</v>
      </c>
      <c r="HR37" s="443">
        <v>0</v>
      </c>
      <c r="HS37" s="61">
        <v>0</v>
      </c>
      <c r="HT37" s="61">
        <v>0</v>
      </c>
      <c r="HU37" s="61">
        <v>0</v>
      </c>
      <c r="HV37" s="61">
        <v>1</v>
      </c>
      <c r="HW37" s="61">
        <v>0</v>
      </c>
      <c r="HX37" s="62">
        <v>1</v>
      </c>
      <c r="HY37" s="63">
        <v>1</v>
      </c>
      <c r="HZ37" s="60">
        <v>0</v>
      </c>
      <c r="IA37" s="61">
        <v>0</v>
      </c>
      <c r="IB37" s="62">
        <v>0</v>
      </c>
      <c r="IC37" s="443">
        <v>0</v>
      </c>
      <c r="ID37" s="61">
        <v>0</v>
      </c>
      <c r="IE37" s="61">
        <v>0</v>
      </c>
      <c r="IF37" s="61">
        <v>0</v>
      </c>
      <c r="IG37" s="61">
        <v>0</v>
      </c>
      <c r="IH37" s="61">
        <v>0</v>
      </c>
      <c r="II37" s="62">
        <v>0</v>
      </c>
      <c r="IJ37" s="63">
        <v>0</v>
      </c>
      <c r="IK37" s="60">
        <v>1</v>
      </c>
      <c r="IL37" s="61">
        <v>1</v>
      </c>
      <c r="IM37" s="62">
        <v>2</v>
      </c>
      <c r="IN37" s="443">
        <v>0</v>
      </c>
      <c r="IO37" s="61">
        <v>0</v>
      </c>
      <c r="IP37" s="61">
        <v>6</v>
      </c>
      <c r="IQ37" s="61">
        <v>0</v>
      </c>
      <c r="IR37" s="61">
        <v>0</v>
      </c>
      <c r="IS37" s="61">
        <v>0</v>
      </c>
      <c r="IT37" s="62">
        <v>6</v>
      </c>
      <c r="IU37" s="63">
        <v>8</v>
      </c>
      <c r="IV37" s="60">
        <v>3</v>
      </c>
      <c r="IW37" s="61">
        <v>1</v>
      </c>
      <c r="IX37" s="62">
        <v>4</v>
      </c>
      <c r="IY37" s="443">
        <v>0</v>
      </c>
      <c r="IZ37" s="61">
        <v>1</v>
      </c>
      <c r="JA37" s="61">
        <v>1</v>
      </c>
      <c r="JB37" s="61">
        <v>4</v>
      </c>
      <c r="JC37" s="61">
        <v>1</v>
      </c>
      <c r="JD37" s="61">
        <v>0</v>
      </c>
      <c r="JE37" s="62">
        <v>7</v>
      </c>
      <c r="JF37" s="63">
        <v>11</v>
      </c>
      <c r="JG37" s="60">
        <v>0</v>
      </c>
      <c r="JH37" s="61">
        <v>1</v>
      </c>
      <c r="JI37" s="62">
        <v>1</v>
      </c>
      <c r="JJ37" s="443">
        <v>0</v>
      </c>
      <c r="JK37" s="61">
        <v>1</v>
      </c>
      <c r="JL37" s="61">
        <v>4</v>
      </c>
      <c r="JM37" s="61">
        <v>0</v>
      </c>
      <c r="JN37" s="61">
        <v>0</v>
      </c>
      <c r="JO37" s="61">
        <v>2</v>
      </c>
      <c r="JP37" s="62">
        <v>7</v>
      </c>
      <c r="JQ37" s="63">
        <v>8</v>
      </c>
      <c r="JR37" s="60">
        <v>0</v>
      </c>
      <c r="JS37" s="61">
        <v>0</v>
      </c>
      <c r="JT37" s="62">
        <v>0</v>
      </c>
      <c r="JU37" s="443">
        <v>0</v>
      </c>
      <c r="JV37" s="61">
        <v>0</v>
      </c>
      <c r="JW37" s="61">
        <v>0</v>
      </c>
      <c r="JX37" s="61">
        <v>0</v>
      </c>
      <c r="JY37" s="61">
        <v>0</v>
      </c>
      <c r="JZ37" s="61">
        <v>0</v>
      </c>
      <c r="KA37" s="62">
        <v>0</v>
      </c>
      <c r="KB37" s="63">
        <v>0</v>
      </c>
      <c r="KC37" s="60">
        <v>4</v>
      </c>
      <c r="KD37" s="61">
        <v>3</v>
      </c>
      <c r="KE37" s="62">
        <v>7</v>
      </c>
      <c r="KF37" s="443">
        <v>0</v>
      </c>
      <c r="KG37" s="61">
        <v>2</v>
      </c>
      <c r="KH37" s="61">
        <v>11</v>
      </c>
      <c r="KI37" s="61">
        <v>4</v>
      </c>
      <c r="KJ37" s="61">
        <v>2</v>
      </c>
      <c r="KK37" s="61">
        <v>2</v>
      </c>
      <c r="KL37" s="62">
        <v>21</v>
      </c>
      <c r="KM37" s="63">
        <v>28</v>
      </c>
    </row>
    <row r="38" spans="2:299" ht="21" customHeight="1" x14ac:dyDescent="0.2">
      <c r="B38" s="437" t="s">
        <v>35</v>
      </c>
      <c r="C38" s="287">
        <v>8</v>
      </c>
      <c r="D38" s="72">
        <v>2</v>
      </c>
      <c r="E38" s="73">
        <v>10</v>
      </c>
      <c r="F38" s="443">
        <v>0</v>
      </c>
      <c r="G38" s="72">
        <v>17</v>
      </c>
      <c r="H38" s="72">
        <v>7</v>
      </c>
      <c r="I38" s="72">
        <v>8</v>
      </c>
      <c r="J38" s="72">
        <v>6</v>
      </c>
      <c r="K38" s="72">
        <v>1</v>
      </c>
      <c r="L38" s="74">
        <v>39</v>
      </c>
      <c r="M38" s="75">
        <v>49</v>
      </c>
      <c r="N38" s="60">
        <v>0</v>
      </c>
      <c r="O38" s="61">
        <v>0</v>
      </c>
      <c r="P38" s="62">
        <v>0</v>
      </c>
      <c r="Q38" s="443">
        <v>0</v>
      </c>
      <c r="R38" s="61">
        <v>1</v>
      </c>
      <c r="S38" s="61">
        <v>0</v>
      </c>
      <c r="T38" s="61">
        <v>1</v>
      </c>
      <c r="U38" s="61">
        <v>0</v>
      </c>
      <c r="V38" s="61">
        <v>0</v>
      </c>
      <c r="W38" s="62">
        <v>2</v>
      </c>
      <c r="X38" s="63">
        <v>2</v>
      </c>
      <c r="Y38" s="60">
        <v>0</v>
      </c>
      <c r="Z38" s="61">
        <v>0</v>
      </c>
      <c r="AA38" s="62">
        <v>0</v>
      </c>
      <c r="AB38" s="443">
        <v>0</v>
      </c>
      <c r="AC38" s="61">
        <v>0</v>
      </c>
      <c r="AD38" s="61">
        <v>0</v>
      </c>
      <c r="AE38" s="61">
        <v>0</v>
      </c>
      <c r="AF38" s="61">
        <v>0</v>
      </c>
      <c r="AG38" s="61">
        <v>0</v>
      </c>
      <c r="AH38" s="62">
        <v>0</v>
      </c>
      <c r="AI38" s="63">
        <v>0</v>
      </c>
      <c r="AJ38" s="60">
        <v>2</v>
      </c>
      <c r="AK38" s="61">
        <v>0</v>
      </c>
      <c r="AL38" s="62">
        <v>2</v>
      </c>
      <c r="AM38" s="443">
        <v>0</v>
      </c>
      <c r="AN38" s="61">
        <v>2</v>
      </c>
      <c r="AO38" s="61">
        <v>0</v>
      </c>
      <c r="AP38" s="61">
        <v>1</v>
      </c>
      <c r="AQ38" s="61">
        <v>1</v>
      </c>
      <c r="AR38" s="61">
        <v>0</v>
      </c>
      <c r="AS38" s="62">
        <v>4</v>
      </c>
      <c r="AT38" s="63">
        <v>6</v>
      </c>
      <c r="AU38" s="60">
        <v>2</v>
      </c>
      <c r="AV38" s="61">
        <v>1</v>
      </c>
      <c r="AW38" s="62">
        <v>3</v>
      </c>
      <c r="AX38" s="443">
        <v>0</v>
      </c>
      <c r="AY38" s="61">
        <v>4</v>
      </c>
      <c r="AZ38" s="61">
        <v>0</v>
      </c>
      <c r="BA38" s="61">
        <v>1</v>
      </c>
      <c r="BB38" s="61">
        <v>1</v>
      </c>
      <c r="BC38" s="61">
        <v>0</v>
      </c>
      <c r="BD38" s="62">
        <v>6</v>
      </c>
      <c r="BE38" s="63">
        <v>9</v>
      </c>
      <c r="BF38" s="60">
        <v>2</v>
      </c>
      <c r="BG38" s="61">
        <v>0</v>
      </c>
      <c r="BH38" s="62">
        <v>2</v>
      </c>
      <c r="BI38" s="443">
        <v>0</v>
      </c>
      <c r="BJ38" s="61">
        <v>6</v>
      </c>
      <c r="BK38" s="61">
        <v>2</v>
      </c>
      <c r="BL38" s="61">
        <v>0</v>
      </c>
      <c r="BM38" s="61">
        <v>1</v>
      </c>
      <c r="BN38" s="61">
        <v>0</v>
      </c>
      <c r="BO38" s="62">
        <v>9</v>
      </c>
      <c r="BP38" s="63">
        <v>11</v>
      </c>
      <c r="BQ38" s="60">
        <v>2</v>
      </c>
      <c r="BR38" s="61">
        <v>1</v>
      </c>
      <c r="BS38" s="62">
        <v>3</v>
      </c>
      <c r="BT38" s="443">
        <v>0</v>
      </c>
      <c r="BU38" s="61">
        <v>4</v>
      </c>
      <c r="BV38" s="61">
        <v>5</v>
      </c>
      <c r="BW38" s="61">
        <v>5</v>
      </c>
      <c r="BX38" s="61">
        <v>3</v>
      </c>
      <c r="BY38" s="61">
        <v>1</v>
      </c>
      <c r="BZ38" s="62">
        <v>18</v>
      </c>
      <c r="CA38" s="63">
        <v>21</v>
      </c>
      <c r="CB38" s="60">
        <v>0</v>
      </c>
      <c r="CC38" s="61">
        <v>0</v>
      </c>
      <c r="CD38" s="62">
        <v>0</v>
      </c>
      <c r="CE38" s="443">
        <v>0</v>
      </c>
      <c r="CF38" s="61">
        <v>0</v>
      </c>
      <c r="CG38" s="61">
        <v>0</v>
      </c>
      <c r="CH38" s="61">
        <v>0</v>
      </c>
      <c r="CI38" s="61">
        <v>0</v>
      </c>
      <c r="CJ38" s="61">
        <v>0</v>
      </c>
      <c r="CK38" s="62">
        <v>0</v>
      </c>
      <c r="CL38" s="63">
        <v>0</v>
      </c>
      <c r="CM38" s="60">
        <v>8</v>
      </c>
      <c r="CN38" s="61">
        <v>2</v>
      </c>
      <c r="CO38" s="62">
        <v>10</v>
      </c>
      <c r="CP38" s="443">
        <v>0</v>
      </c>
      <c r="CQ38" s="61">
        <v>17</v>
      </c>
      <c r="CR38" s="61">
        <v>7</v>
      </c>
      <c r="CS38" s="61">
        <v>8</v>
      </c>
      <c r="CT38" s="61">
        <v>6</v>
      </c>
      <c r="CU38" s="61">
        <v>1</v>
      </c>
      <c r="CV38" s="62">
        <v>39</v>
      </c>
      <c r="CW38" s="63">
        <v>49</v>
      </c>
      <c r="CX38" s="113">
        <v>1</v>
      </c>
      <c r="CY38" s="72">
        <v>1</v>
      </c>
      <c r="CZ38" s="73">
        <v>2</v>
      </c>
      <c r="DA38" s="443">
        <v>0</v>
      </c>
      <c r="DB38" s="72">
        <v>5</v>
      </c>
      <c r="DC38" s="72">
        <v>3</v>
      </c>
      <c r="DD38" s="72">
        <v>3</v>
      </c>
      <c r="DE38" s="72">
        <v>2</v>
      </c>
      <c r="DF38" s="72">
        <v>2</v>
      </c>
      <c r="DG38" s="74">
        <v>15</v>
      </c>
      <c r="DH38" s="75">
        <v>17</v>
      </c>
      <c r="DI38" s="60">
        <v>0</v>
      </c>
      <c r="DJ38" s="61">
        <v>0</v>
      </c>
      <c r="DK38" s="62">
        <v>0</v>
      </c>
      <c r="DL38" s="443">
        <v>0</v>
      </c>
      <c r="DM38" s="61">
        <v>0</v>
      </c>
      <c r="DN38" s="61">
        <v>0</v>
      </c>
      <c r="DO38" s="61">
        <v>0</v>
      </c>
      <c r="DP38" s="61">
        <v>0</v>
      </c>
      <c r="DQ38" s="61">
        <v>0</v>
      </c>
      <c r="DR38" s="62">
        <v>0</v>
      </c>
      <c r="DS38" s="63">
        <v>0</v>
      </c>
      <c r="DT38" s="60">
        <v>0</v>
      </c>
      <c r="DU38" s="61">
        <v>0</v>
      </c>
      <c r="DV38" s="62">
        <v>0</v>
      </c>
      <c r="DW38" s="443">
        <v>0</v>
      </c>
      <c r="DX38" s="61">
        <v>0</v>
      </c>
      <c r="DY38" s="61">
        <v>0</v>
      </c>
      <c r="DZ38" s="61">
        <v>1</v>
      </c>
      <c r="EA38" s="61">
        <v>0</v>
      </c>
      <c r="EB38" s="61">
        <v>0</v>
      </c>
      <c r="EC38" s="62">
        <v>1</v>
      </c>
      <c r="ED38" s="63">
        <v>1</v>
      </c>
      <c r="EE38" s="60">
        <v>0</v>
      </c>
      <c r="EF38" s="61">
        <v>0</v>
      </c>
      <c r="EG38" s="62">
        <v>0</v>
      </c>
      <c r="EH38" s="443">
        <v>0</v>
      </c>
      <c r="EI38" s="61">
        <v>0</v>
      </c>
      <c r="EJ38" s="61">
        <v>0</v>
      </c>
      <c r="EK38" s="61">
        <v>1</v>
      </c>
      <c r="EL38" s="61">
        <v>0</v>
      </c>
      <c r="EM38" s="61">
        <v>0</v>
      </c>
      <c r="EN38" s="62">
        <v>1</v>
      </c>
      <c r="EO38" s="63">
        <v>1</v>
      </c>
      <c r="EP38" s="60">
        <v>1</v>
      </c>
      <c r="EQ38" s="61">
        <v>0</v>
      </c>
      <c r="ER38" s="62">
        <v>1</v>
      </c>
      <c r="ES38" s="443">
        <v>0</v>
      </c>
      <c r="ET38" s="61">
        <v>1</v>
      </c>
      <c r="EU38" s="61">
        <v>1</v>
      </c>
      <c r="EV38" s="61">
        <v>0</v>
      </c>
      <c r="EW38" s="61">
        <v>0</v>
      </c>
      <c r="EX38" s="61">
        <v>0</v>
      </c>
      <c r="EY38" s="62">
        <v>2</v>
      </c>
      <c r="EZ38" s="63">
        <v>3</v>
      </c>
      <c r="FA38" s="60">
        <v>0</v>
      </c>
      <c r="FB38" s="61">
        <v>0</v>
      </c>
      <c r="FC38" s="62">
        <v>0</v>
      </c>
      <c r="FD38" s="443">
        <v>0</v>
      </c>
      <c r="FE38" s="61">
        <v>3</v>
      </c>
      <c r="FF38" s="61">
        <v>0</v>
      </c>
      <c r="FG38" s="61">
        <v>0</v>
      </c>
      <c r="FH38" s="61">
        <v>0</v>
      </c>
      <c r="FI38" s="61">
        <v>1</v>
      </c>
      <c r="FJ38" s="62">
        <v>4</v>
      </c>
      <c r="FK38" s="63">
        <v>4</v>
      </c>
      <c r="FL38" s="60">
        <v>0</v>
      </c>
      <c r="FM38" s="61">
        <v>1</v>
      </c>
      <c r="FN38" s="62">
        <v>1</v>
      </c>
      <c r="FO38" s="443">
        <v>0</v>
      </c>
      <c r="FP38" s="61">
        <v>1</v>
      </c>
      <c r="FQ38" s="61">
        <v>2</v>
      </c>
      <c r="FR38" s="61">
        <v>1</v>
      </c>
      <c r="FS38" s="61">
        <v>2</v>
      </c>
      <c r="FT38" s="61">
        <v>1</v>
      </c>
      <c r="FU38" s="62">
        <v>7</v>
      </c>
      <c r="FV38" s="63">
        <v>8</v>
      </c>
      <c r="FW38" s="60">
        <v>0</v>
      </c>
      <c r="FX38" s="61">
        <v>0</v>
      </c>
      <c r="FY38" s="62">
        <v>0</v>
      </c>
      <c r="FZ38" s="443">
        <v>0</v>
      </c>
      <c r="GA38" s="61">
        <v>0</v>
      </c>
      <c r="GB38" s="61">
        <v>0</v>
      </c>
      <c r="GC38" s="61">
        <v>0</v>
      </c>
      <c r="GD38" s="61">
        <v>0</v>
      </c>
      <c r="GE38" s="61">
        <v>0</v>
      </c>
      <c r="GF38" s="62">
        <v>0</v>
      </c>
      <c r="GG38" s="63">
        <v>0</v>
      </c>
      <c r="GH38" s="60">
        <v>1</v>
      </c>
      <c r="GI38" s="61">
        <v>1</v>
      </c>
      <c r="GJ38" s="62">
        <v>2</v>
      </c>
      <c r="GK38" s="443">
        <v>0</v>
      </c>
      <c r="GL38" s="61">
        <v>5</v>
      </c>
      <c r="GM38" s="61">
        <v>3</v>
      </c>
      <c r="GN38" s="61">
        <v>3</v>
      </c>
      <c r="GO38" s="61">
        <v>2</v>
      </c>
      <c r="GP38" s="61">
        <v>2</v>
      </c>
      <c r="GQ38" s="62">
        <v>15</v>
      </c>
      <c r="GR38" s="63">
        <v>17</v>
      </c>
      <c r="GS38" s="113">
        <v>9</v>
      </c>
      <c r="GT38" s="72">
        <v>3</v>
      </c>
      <c r="GU38" s="73">
        <v>12</v>
      </c>
      <c r="GV38" s="443">
        <v>0</v>
      </c>
      <c r="GW38" s="72">
        <v>22</v>
      </c>
      <c r="GX38" s="72">
        <v>10</v>
      </c>
      <c r="GY38" s="72">
        <v>11</v>
      </c>
      <c r="GZ38" s="72">
        <v>8</v>
      </c>
      <c r="HA38" s="72">
        <v>3</v>
      </c>
      <c r="HB38" s="74">
        <v>54</v>
      </c>
      <c r="HC38" s="75">
        <v>66</v>
      </c>
      <c r="HD38" s="60">
        <v>0</v>
      </c>
      <c r="HE38" s="61">
        <v>0</v>
      </c>
      <c r="HF38" s="62">
        <v>0</v>
      </c>
      <c r="HG38" s="443">
        <v>0</v>
      </c>
      <c r="HH38" s="61">
        <v>1</v>
      </c>
      <c r="HI38" s="61">
        <v>0</v>
      </c>
      <c r="HJ38" s="61">
        <v>1</v>
      </c>
      <c r="HK38" s="61">
        <v>0</v>
      </c>
      <c r="HL38" s="61">
        <v>0</v>
      </c>
      <c r="HM38" s="62">
        <v>2</v>
      </c>
      <c r="HN38" s="63">
        <v>2</v>
      </c>
      <c r="HO38" s="60">
        <v>0</v>
      </c>
      <c r="HP38" s="61">
        <v>0</v>
      </c>
      <c r="HQ38" s="62">
        <v>0</v>
      </c>
      <c r="HR38" s="443">
        <v>0</v>
      </c>
      <c r="HS38" s="61">
        <v>0</v>
      </c>
      <c r="HT38" s="61">
        <v>0</v>
      </c>
      <c r="HU38" s="61">
        <v>1</v>
      </c>
      <c r="HV38" s="61">
        <v>0</v>
      </c>
      <c r="HW38" s="61">
        <v>0</v>
      </c>
      <c r="HX38" s="62">
        <v>1</v>
      </c>
      <c r="HY38" s="63">
        <v>1</v>
      </c>
      <c r="HZ38" s="60">
        <v>2</v>
      </c>
      <c r="IA38" s="61">
        <v>0</v>
      </c>
      <c r="IB38" s="62">
        <v>2</v>
      </c>
      <c r="IC38" s="443">
        <v>0</v>
      </c>
      <c r="ID38" s="61">
        <v>2</v>
      </c>
      <c r="IE38" s="61">
        <v>0</v>
      </c>
      <c r="IF38" s="61">
        <v>2</v>
      </c>
      <c r="IG38" s="61">
        <v>1</v>
      </c>
      <c r="IH38" s="61">
        <v>0</v>
      </c>
      <c r="II38" s="62">
        <v>5</v>
      </c>
      <c r="IJ38" s="63">
        <v>7</v>
      </c>
      <c r="IK38" s="60">
        <v>3</v>
      </c>
      <c r="IL38" s="61">
        <v>1</v>
      </c>
      <c r="IM38" s="62">
        <v>4</v>
      </c>
      <c r="IN38" s="443">
        <v>0</v>
      </c>
      <c r="IO38" s="61">
        <v>5</v>
      </c>
      <c r="IP38" s="61">
        <v>1</v>
      </c>
      <c r="IQ38" s="61">
        <v>1</v>
      </c>
      <c r="IR38" s="61">
        <v>1</v>
      </c>
      <c r="IS38" s="61">
        <v>0</v>
      </c>
      <c r="IT38" s="62">
        <v>8</v>
      </c>
      <c r="IU38" s="63">
        <v>12</v>
      </c>
      <c r="IV38" s="60">
        <v>2</v>
      </c>
      <c r="IW38" s="61">
        <v>0</v>
      </c>
      <c r="IX38" s="62">
        <v>2</v>
      </c>
      <c r="IY38" s="443">
        <v>0</v>
      </c>
      <c r="IZ38" s="61">
        <v>9</v>
      </c>
      <c r="JA38" s="61">
        <v>2</v>
      </c>
      <c r="JB38" s="61">
        <v>0</v>
      </c>
      <c r="JC38" s="61">
        <v>1</v>
      </c>
      <c r="JD38" s="61">
        <v>1</v>
      </c>
      <c r="JE38" s="62">
        <v>13</v>
      </c>
      <c r="JF38" s="63">
        <v>15</v>
      </c>
      <c r="JG38" s="60">
        <v>2</v>
      </c>
      <c r="JH38" s="61">
        <v>2</v>
      </c>
      <c r="JI38" s="62">
        <v>4</v>
      </c>
      <c r="JJ38" s="443">
        <v>0</v>
      </c>
      <c r="JK38" s="61">
        <v>5</v>
      </c>
      <c r="JL38" s="61">
        <v>7</v>
      </c>
      <c r="JM38" s="61">
        <v>6</v>
      </c>
      <c r="JN38" s="61">
        <v>5</v>
      </c>
      <c r="JO38" s="61">
        <v>2</v>
      </c>
      <c r="JP38" s="62">
        <v>25</v>
      </c>
      <c r="JQ38" s="63">
        <v>29</v>
      </c>
      <c r="JR38" s="60">
        <v>0</v>
      </c>
      <c r="JS38" s="61">
        <v>0</v>
      </c>
      <c r="JT38" s="62">
        <v>0</v>
      </c>
      <c r="JU38" s="443">
        <v>0</v>
      </c>
      <c r="JV38" s="61">
        <v>0</v>
      </c>
      <c r="JW38" s="61">
        <v>0</v>
      </c>
      <c r="JX38" s="61">
        <v>0</v>
      </c>
      <c r="JY38" s="61">
        <v>0</v>
      </c>
      <c r="JZ38" s="61">
        <v>0</v>
      </c>
      <c r="KA38" s="62">
        <v>0</v>
      </c>
      <c r="KB38" s="63">
        <v>0</v>
      </c>
      <c r="KC38" s="60">
        <v>9</v>
      </c>
      <c r="KD38" s="61">
        <v>3</v>
      </c>
      <c r="KE38" s="62">
        <v>12</v>
      </c>
      <c r="KF38" s="443">
        <v>0</v>
      </c>
      <c r="KG38" s="61">
        <v>22</v>
      </c>
      <c r="KH38" s="61">
        <v>10</v>
      </c>
      <c r="KI38" s="61">
        <v>11</v>
      </c>
      <c r="KJ38" s="61">
        <v>8</v>
      </c>
      <c r="KK38" s="61">
        <v>3</v>
      </c>
      <c r="KL38" s="62">
        <v>54</v>
      </c>
      <c r="KM38" s="63">
        <v>66</v>
      </c>
    </row>
    <row r="39" spans="2:299" ht="21" customHeight="1" x14ac:dyDescent="0.2">
      <c r="B39" s="437" t="s">
        <v>36</v>
      </c>
      <c r="C39" s="287">
        <v>6</v>
      </c>
      <c r="D39" s="72">
        <v>4</v>
      </c>
      <c r="E39" s="73">
        <v>10</v>
      </c>
      <c r="F39" s="443">
        <v>0</v>
      </c>
      <c r="G39" s="72">
        <v>11</v>
      </c>
      <c r="H39" s="72">
        <v>7</v>
      </c>
      <c r="I39" s="72">
        <v>2</v>
      </c>
      <c r="J39" s="72">
        <v>8</v>
      </c>
      <c r="K39" s="72">
        <v>3</v>
      </c>
      <c r="L39" s="74">
        <v>31</v>
      </c>
      <c r="M39" s="75">
        <v>41</v>
      </c>
      <c r="N39" s="60">
        <v>1</v>
      </c>
      <c r="O39" s="61">
        <v>0</v>
      </c>
      <c r="P39" s="62">
        <v>1</v>
      </c>
      <c r="Q39" s="443">
        <v>0</v>
      </c>
      <c r="R39" s="61">
        <v>0</v>
      </c>
      <c r="S39" s="61">
        <v>1</v>
      </c>
      <c r="T39" s="61">
        <v>1</v>
      </c>
      <c r="U39" s="61">
        <v>0</v>
      </c>
      <c r="V39" s="61">
        <v>1</v>
      </c>
      <c r="W39" s="62">
        <v>3</v>
      </c>
      <c r="X39" s="63">
        <v>4</v>
      </c>
      <c r="Y39" s="60">
        <v>1</v>
      </c>
      <c r="Z39" s="61">
        <v>0</v>
      </c>
      <c r="AA39" s="62">
        <v>1</v>
      </c>
      <c r="AB39" s="443">
        <v>0</v>
      </c>
      <c r="AC39" s="61">
        <v>0</v>
      </c>
      <c r="AD39" s="61">
        <v>1</v>
      </c>
      <c r="AE39" s="61">
        <v>0</v>
      </c>
      <c r="AF39" s="61">
        <v>1</v>
      </c>
      <c r="AG39" s="61">
        <v>1</v>
      </c>
      <c r="AH39" s="62">
        <v>3</v>
      </c>
      <c r="AI39" s="63">
        <v>4</v>
      </c>
      <c r="AJ39" s="60">
        <v>0</v>
      </c>
      <c r="AK39" s="61">
        <v>0</v>
      </c>
      <c r="AL39" s="62">
        <v>0</v>
      </c>
      <c r="AM39" s="443">
        <v>0</v>
      </c>
      <c r="AN39" s="61">
        <v>1</v>
      </c>
      <c r="AO39" s="61">
        <v>1</v>
      </c>
      <c r="AP39" s="61">
        <v>0</v>
      </c>
      <c r="AQ39" s="61">
        <v>1</v>
      </c>
      <c r="AR39" s="61">
        <v>0</v>
      </c>
      <c r="AS39" s="62">
        <v>3</v>
      </c>
      <c r="AT39" s="63">
        <v>3</v>
      </c>
      <c r="AU39" s="60">
        <v>1</v>
      </c>
      <c r="AV39" s="61">
        <v>1</v>
      </c>
      <c r="AW39" s="62">
        <v>2</v>
      </c>
      <c r="AX39" s="443">
        <v>0</v>
      </c>
      <c r="AY39" s="61">
        <v>3</v>
      </c>
      <c r="AZ39" s="61">
        <v>1</v>
      </c>
      <c r="BA39" s="61">
        <v>0</v>
      </c>
      <c r="BB39" s="61">
        <v>1</v>
      </c>
      <c r="BC39" s="61">
        <v>1</v>
      </c>
      <c r="BD39" s="62">
        <v>6</v>
      </c>
      <c r="BE39" s="63">
        <v>8</v>
      </c>
      <c r="BF39" s="60">
        <v>3</v>
      </c>
      <c r="BG39" s="61">
        <v>0</v>
      </c>
      <c r="BH39" s="62">
        <v>3</v>
      </c>
      <c r="BI39" s="443">
        <v>0</v>
      </c>
      <c r="BJ39" s="61">
        <v>5</v>
      </c>
      <c r="BK39" s="61">
        <v>2</v>
      </c>
      <c r="BL39" s="61">
        <v>0</v>
      </c>
      <c r="BM39" s="61">
        <v>1</v>
      </c>
      <c r="BN39" s="61">
        <v>0</v>
      </c>
      <c r="BO39" s="62">
        <v>8</v>
      </c>
      <c r="BP39" s="63">
        <v>11</v>
      </c>
      <c r="BQ39" s="60">
        <v>0</v>
      </c>
      <c r="BR39" s="61">
        <v>3</v>
      </c>
      <c r="BS39" s="62">
        <v>3</v>
      </c>
      <c r="BT39" s="443">
        <v>0</v>
      </c>
      <c r="BU39" s="61">
        <v>2</v>
      </c>
      <c r="BV39" s="61">
        <v>1</v>
      </c>
      <c r="BW39" s="61">
        <v>1</v>
      </c>
      <c r="BX39" s="61">
        <v>4</v>
      </c>
      <c r="BY39" s="61">
        <v>0</v>
      </c>
      <c r="BZ39" s="62">
        <v>8</v>
      </c>
      <c r="CA39" s="63">
        <v>11</v>
      </c>
      <c r="CB39" s="60">
        <v>0</v>
      </c>
      <c r="CC39" s="61">
        <v>0</v>
      </c>
      <c r="CD39" s="62">
        <v>0</v>
      </c>
      <c r="CE39" s="443">
        <v>0</v>
      </c>
      <c r="CF39" s="61">
        <v>0</v>
      </c>
      <c r="CG39" s="61">
        <v>0</v>
      </c>
      <c r="CH39" s="61">
        <v>0</v>
      </c>
      <c r="CI39" s="61">
        <v>0</v>
      </c>
      <c r="CJ39" s="61">
        <v>0</v>
      </c>
      <c r="CK39" s="62">
        <v>0</v>
      </c>
      <c r="CL39" s="63">
        <v>0</v>
      </c>
      <c r="CM39" s="60">
        <v>6</v>
      </c>
      <c r="CN39" s="61">
        <v>4</v>
      </c>
      <c r="CO39" s="62">
        <v>10</v>
      </c>
      <c r="CP39" s="443">
        <v>0</v>
      </c>
      <c r="CQ39" s="61">
        <v>11</v>
      </c>
      <c r="CR39" s="61">
        <v>7</v>
      </c>
      <c r="CS39" s="61">
        <v>2</v>
      </c>
      <c r="CT39" s="61">
        <v>8</v>
      </c>
      <c r="CU39" s="61">
        <v>3</v>
      </c>
      <c r="CV39" s="62">
        <v>31</v>
      </c>
      <c r="CW39" s="63">
        <v>41</v>
      </c>
      <c r="CX39" s="113">
        <v>1</v>
      </c>
      <c r="CY39" s="72">
        <v>2</v>
      </c>
      <c r="CZ39" s="73">
        <v>3</v>
      </c>
      <c r="DA39" s="443">
        <v>0</v>
      </c>
      <c r="DB39" s="72">
        <v>3</v>
      </c>
      <c r="DC39" s="72">
        <v>1</v>
      </c>
      <c r="DD39" s="72">
        <v>0</v>
      </c>
      <c r="DE39" s="72">
        <v>1</v>
      </c>
      <c r="DF39" s="72">
        <v>2</v>
      </c>
      <c r="DG39" s="74">
        <v>7</v>
      </c>
      <c r="DH39" s="75">
        <v>10</v>
      </c>
      <c r="DI39" s="60">
        <v>0</v>
      </c>
      <c r="DJ39" s="61">
        <v>0</v>
      </c>
      <c r="DK39" s="62">
        <v>0</v>
      </c>
      <c r="DL39" s="443">
        <v>0</v>
      </c>
      <c r="DM39" s="61">
        <v>1</v>
      </c>
      <c r="DN39" s="61">
        <v>0</v>
      </c>
      <c r="DO39" s="61">
        <v>0</v>
      </c>
      <c r="DP39" s="61">
        <v>0</v>
      </c>
      <c r="DQ39" s="61">
        <v>0</v>
      </c>
      <c r="DR39" s="62">
        <v>1</v>
      </c>
      <c r="DS39" s="63">
        <v>1</v>
      </c>
      <c r="DT39" s="60">
        <v>0</v>
      </c>
      <c r="DU39" s="61">
        <v>0</v>
      </c>
      <c r="DV39" s="62">
        <v>0</v>
      </c>
      <c r="DW39" s="443">
        <v>0</v>
      </c>
      <c r="DX39" s="61">
        <v>0</v>
      </c>
      <c r="DY39" s="61">
        <v>0</v>
      </c>
      <c r="DZ39" s="61">
        <v>0</v>
      </c>
      <c r="EA39" s="61">
        <v>1</v>
      </c>
      <c r="EB39" s="61">
        <v>0</v>
      </c>
      <c r="EC39" s="62">
        <v>1</v>
      </c>
      <c r="ED39" s="63">
        <v>1</v>
      </c>
      <c r="EE39" s="60">
        <v>0</v>
      </c>
      <c r="EF39" s="61">
        <v>0</v>
      </c>
      <c r="EG39" s="62">
        <v>0</v>
      </c>
      <c r="EH39" s="443">
        <v>0</v>
      </c>
      <c r="EI39" s="61">
        <v>0</v>
      </c>
      <c r="EJ39" s="61">
        <v>0</v>
      </c>
      <c r="EK39" s="61">
        <v>0</v>
      </c>
      <c r="EL39" s="61">
        <v>0</v>
      </c>
      <c r="EM39" s="61">
        <v>0</v>
      </c>
      <c r="EN39" s="62">
        <v>0</v>
      </c>
      <c r="EO39" s="63">
        <v>0</v>
      </c>
      <c r="EP39" s="60">
        <v>0</v>
      </c>
      <c r="EQ39" s="61">
        <v>1</v>
      </c>
      <c r="ER39" s="62">
        <v>1</v>
      </c>
      <c r="ES39" s="443">
        <v>0</v>
      </c>
      <c r="ET39" s="61">
        <v>1</v>
      </c>
      <c r="EU39" s="61">
        <v>1</v>
      </c>
      <c r="EV39" s="61">
        <v>0</v>
      </c>
      <c r="EW39" s="61">
        <v>0</v>
      </c>
      <c r="EX39" s="61">
        <v>0</v>
      </c>
      <c r="EY39" s="62">
        <v>2</v>
      </c>
      <c r="EZ39" s="63">
        <v>3</v>
      </c>
      <c r="FA39" s="60">
        <v>0</v>
      </c>
      <c r="FB39" s="61">
        <v>1</v>
      </c>
      <c r="FC39" s="62">
        <v>1</v>
      </c>
      <c r="FD39" s="443">
        <v>0</v>
      </c>
      <c r="FE39" s="61">
        <v>0</v>
      </c>
      <c r="FF39" s="61">
        <v>0</v>
      </c>
      <c r="FG39" s="61">
        <v>0</v>
      </c>
      <c r="FH39" s="61">
        <v>0</v>
      </c>
      <c r="FI39" s="61">
        <v>1</v>
      </c>
      <c r="FJ39" s="62">
        <v>1</v>
      </c>
      <c r="FK39" s="63">
        <v>2</v>
      </c>
      <c r="FL39" s="60">
        <v>1</v>
      </c>
      <c r="FM39" s="61">
        <v>0</v>
      </c>
      <c r="FN39" s="62">
        <v>1</v>
      </c>
      <c r="FO39" s="443">
        <v>0</v>
      </c>
      <c r="FP39" s="61">
        <v>1</v>
      </c>
      <c r="FQ39" s="61">
        <v>0</v>
      </c>
      <c r="FR39" s="61">
        <v>0</v>
      </c>
      <c r="FS39" s="61">
        <v>0</v>
      </c>
      <c r="FT39" s="61">
        <v>1</v>
      </c>
      <c r="FU39" s="62">
        <v>2</v>
      </c>
      <c r="FV39" s="63">
        <v>3</v>
      </c>
      <c r="FW39" s="60">
        <v>0</v>
      </c>
      <c r="FX39" s="61">
        <v>0</v>
      </c>
      <c r="FY39" s="62">
        <v>0</v>
      </c>
      <c r="FZ39" s="443">
        <v>0</v>
      </c>
      <c r="GA39" s="61">
        <v>0</v>
      </c>
      <c r="GB39" s="61">
        <v>0</v>
      </c>
      <c r="GC39" s="61">
        <v>0</v>
      </c>
      <c r="GD39" s="61">
        <v>0</v>
      </c>
      <c r="GE39" s="61">
        <v>0</v>
      </c>
      <c r="GF39" s="62">
        <v>0</v>
      </c>
      <c r="GG39" s="63">
        <v>0</v>
      </c>
      <c r="GH39" s="60">
        <v>1</v>
      </c>
      <c r="GI39" s="61">
        <v>2</v>
      </c>
      <c r="GJ39" s="62">
        <v>3</v>
      </c>
      <c r="GK39" s="443">
        <v>0</v>
      </c>
      <c r="GL39" s="61">
        <v>3</v>
      </c>
      <c r="GM39" s="61">
        <v>1</v>
      </c>
      <c r="GN39" s="61">
        <v>0</v>
      </c>
      <c r="GO39" s="61">
        <v>1</v>
      </c>
      <c r="GP39" s="61">
        <v>2</v>
      </c>
      <c r="GQ39" s="62">
        <v>7</v>
      </c>
      <c r="GR39" s="63">
        <v>10</v>
      </c>
      <c r="GS39" s="113">
        <v>7</v>
      </c>
      <c r="GT39" s="72">
        <v>6</v>
      </c>
      <c r="GU39" s="73">
        <v>13</v>
      </c>
      <c r="GV39" s="443">
        <v>0</v>
      </c>
      <c r="GW39" s="72">
        <v>14</v>
      </c>
      <c r="GX39" s="72">
        <v>8</v>
      </c>
      <c r="GY39" s="72">
        <v>2</v>
      </c>
      <c r="GZ39" s="72">
        <v>9</v>
      </c>
      <c r="HA39" s="72">
        <v>5</v>
      </c>
      <c r="HB39" s="74">
        <v>38</v>
      </c>
      <c r="HC39" s="75">
        <v>51</v>
      </c>
      <c r="HD39" s="60">
        <v>1</v>
      </c>
      <c r="HE39" s="61">
        <v>0</v>
      </c>
      <c r="HF39" s="62">
        <v>1</v>
      </c>
      <c r="HG39" s="443">
        <v>0</v>
      </c>
      <c r="HH39" s="61">
        <v>1</v>
      </c>
      <c r="HI39" s="61">
        <v>1</v>
      </c>
      <c r="HJ39" s="61">
        <v>1</v>
      </c>
      <c r="HK39" s="61">
        <v>0</v>
      </c>
      <c r="HL39" s="61">
        <v>1</v>
      </c>
      <c r="HM39" s="62">
        <v>4</v>
      </c>
      <c r="HN39" s="63">
        <v>5</v>
      </c>
      <c r="HO39" s="60">
        <v>1</v>
      </c>
      <c r="HP39" s="61">
        <v>0</v>
      </c>
      <c r="HQ39" s="62">
        <v>1</v>
      </c>
      <c r="HR39" s="443">
        <v>0</v>
      </c>
      <c r="HS39" s="61">
        <v>0</v>
      </c>
      <c r="HT39" s="61">
        <v>1</v>
      </c>
      <c r="HU39" s="61">
        <v>0</v>
      </c>
      <c r="HV39" s="61">
        <v>2</v>
      </c>
      <c r="HW39" s="61">
        <v>1</v>
      </c>
      <c r="HX39" s="62">
        <v>4</v>
      </c>
      <c r="HY39" s="63">
        <v>5</v>
      </c>
      <c r="HZ39" s="60">
        <v>0</v>
      </c>
      <c r="IA39" s="61">
        <v>0</v>
      </c>
      <c r="IB39" s="62">
        <v>0</v>
      </c>
      <c r="IC39" s="443">
        <v>0</v>
      </c>
      <c r="ID39" s="61">
        <v>1</v>
      </c>
      <c r="IE39" s="61">
        <v>1</v>
      </c>
      <c r="IF39" s="61">
        <v>0</v>
      </c>
      <c r="IG39" s="61">
        <v>1</v>
      </c>
      <c r="IH39" s="61">
        <v>0</v>
      </c>
      <c r="II39" s="62">
        <v>3</v>
      </c>
      <c r="IJ39" s="63">
        <v>3</v>
      </c>
      <c r="IK39" s="60">
        <v>1</v>
      </c>
      <c r="IL39" s="61">
        <v>2</v>
      </c>
      <c r="IM39" s="62">
        <v>3</v>
      </c>
      <c r="IN39" s="443">
        <v>0</v>
      </c>
      <c r="IO39" s="61">
        <v>4</v>
      </c>
      <c r="IP39" s="61">
        <v>2</v>
      </c>
      <c r="IQ39" s="61">
        <v>0</v>
      </c>
      <c r="IR39" s="61">
        <v>1</v>
      </c>
      <c r="IS39" s="61">
        <v>1</v>
      </c>
      <c r="IT39" s="62">
        <v>8</v>
      </c>
      <c r="IU39" s="63">
        <v>11</v>
      </c>
      <c r="IV39" s="60">
        <v>3</v>
      </c>
      <c r="IW39" s="61">
        <v>1</v>
      </c>
      <c r="IX39" s="62">
        <v>4</v>
      </c>
      <c r="IY39" s="443">
        <v>0</v>
      </c>
      <c r="IZ39" s="61">
        <v>5</v>
      </c>
      <c r="JA39" s="61">
        <v>2</v>
      </c>
      <c r="JB39" s="61">
        <v>0</v>
      </c>
      <c r="JC39" s="61">
        <v>1</v>
      </c>
      <c r="JD39" s="61">
        <v>1</v>
      </c>
      <c r="JE39" s="62">
        <v>9</v>
      </c>
      <c r="JF39" s="63">
        <v>13</v>
      </c>
      <c r="JG39" s="60">
        <v>1</v>
      </c>
      <c r="JH39" s="61">
        <v>3</v>
      </c>
      <c r="JI39" s="62">
        <v>4</v>
      </c>
      <c r="JJ39" s="443">
        <v>0</v>
      </c>
      <c r="JK39" s="61">
        <v>3</v>
      </c>
      <c r="JL39" s="61">
        <v>1</v>
      </c>
      <c r="JM39" s="61">
        <v>1</v>
      </c>
      <c r="JN39" s="61">
        <v>4</v>
      </c>
      <c r="JO39" s="61">
        <v>1</v>
      </c>
      <c r="JP39" s="62">
        <v>10</v>
      </c>
      <c r="JQ39" s="63">
        <v>14</v>
      </c>
      <c r="JR39" s="60">
        <v>0</v>
      </c>
      <c r="JS39" s="61">
        <v>0</v>
      </c>
      <c r="JT39" s="62">
        <v>0</v>
      </c>
      <c r="JU39" s="443">
        <v>0</v>
      </c>
      <c r="JV39" s="61">
        <v>0</v>
      </c>
      <c r="JW39" s="61">
        <v>0</v>
      </c>
      <c r="JX39" s="61">
        <v>0</v>
      </c>
      <c r="JY39" s="61">
        <v>0</v>
      </c>
      <c r="JZ39" s="61">
        <v>0</v>
      </c>
      <c r="KA39" s="62">
        <v>0</v>
      </c>
      <c r="KB39" s="63">
        <v>0</v>
      </c>
      <c r="KC39" s="60">
        <v>7</v>
      </c>
      <c r="KD39" s="61">
        <v>6</v>
      </c>
      <c r="KE39" s="62">
        <v>13</v>
      </c>
      <c r="KF39" s="443">
        <v>0</v>
      </c>
      <c r="KG39" s="61">
        <v>14</v>
      </c>
      <c r="KH39" s="61">
        <v>8</v>
      </c>
      <c r="KI39" s="61">
        <v>2</v>
      </c>
      <c r="KJ39" s="61">
        <v>9</v>
      </c>
      <c r="KK39" s="61">
        <v>5</v>
      </c>
      <c r="KL39" s="62">
        <v>38</v>
      </c>
      <c r="KM39" s="63">
        <v>51</v>
      </c>
    </row>
    <row r="40" spans="2:299" ht="21" customHeight="1" thickBot="1" x14ac:dyDescent="0.25">
      <c r="B40" s="438" t="s">
        <v>37</v>
      </c>
      <c r="C40" s="288">
        <v>0</v>
      </c>
      <c r="D40" s="77">
        <v>0</v>
      </c>
      <c r="E40" s="78">
        <v>0</v>
      </c>
      <c r="F40" s="444">
        <v>0</v>
      </c>
      <c r="G40" s="77">
        <v>1</v>
      </c>
      <c r="H40" s="77">
        <v>1</v>
      </c>
      <c r="I40" s="77">
        <v>2</v>
      </c>
      <c r="J40" s="77">
        <v>0</v>
      </c>
      <c r="K40" s="77">
        <v>0</v>
      </c>
      <c r="L40" s="79">
        <v>4</v>
      </c>
      <c r="M40" s="80">
        <v>4</v>
      </c>
      <c r="N40" s="64">
        <v>0</v>
      </c>
      <c r="O40" s="65">
        <v>0</v>
      </c>
      <c r="P40" s="66">
        <v>0</v>
      </c>
      <c r="Q40" s="444">
        <v>0</v>
      </c>
      <c r="R40" s="65">
        <v>0</v>
      </c>
      <c r="S40" s="65">
        <v>0</v>
      </c>
      <c r="T40" s="65">
        <v>0</v>
      </c>
      <c r="U40" s="65">
        <v>0</v>
      </c>
      <c r="V40" s="65">
        <v>0</v>
      </c>
      <c r="W40" s="66">
        <v>0</v>
      </c>
      <c r="X40" s="67">
        <v>0</v>
      </c>
      <c r="Y40" s="64">
        <v>0</v>
      </c>
      <c r="Z40" s="65">
        <v>0</v>
      </c>
      <c r="AA40" s="66">
        <v>0</v>
      </c>
      <c r="AB40" s="444">
        <v>0</v>
      </c>
      <c r="AC40" s="65">
        <v>0</v>
      </c>
      <c r="AD40" s="65">
        <v>0</v>
      </c>
      <c r="AE40" s="65">
        <v>1</v>
      </c>
      <c r="AF40" s="65">
        <v>0</v>
      </c>
      <c r="AG40" s="65">
        <v>0</v>
      </c>
      <c r="AH40" s="66">
        <v>1</v>
      </c>
      <c r="AI40" s="67">
        <v>1</v>
      </c>
      <c r="AJ40" s="64">
        <v>0</v>
      </c>
      <c r="AK40" s="65">
        <v>0</v>
      </c>
      <c r="AL40" s="66">
        <v>0</v>
      </c>
      <c r="AM40" s="444">
        <v>0</v>
      </c>
      <c r="AN40" s="65">
        <v>1</v>
      </c>
      <c r="AO40" s="65">
        <v>0</v>
      </c>
      <c r="AP40" s="65">
        <v>1</v>
      </c>
      <c r="AQ40" s="65">
        <v>0</v>
      </c>
      <c r="AR40" s="65">
        <v>0</v>
      </c>
      <c r="AS40" s="66">
        <v>2</v>
      </c>
      <c r="AT40" s="67">
        <v>2</v>
      </c>
      <c r="AU40" s="64">
        <v>0</v>
      </c>
      <c r="AV40" s="65">
        <v>0</v>
      </c>
      <c r="AW40" s="66">
        <v>0</v>
      </c>
      <c r="AX40" s="444">
        <v>0</v>
      </c>
      <c r="AY40" s="65">
        <v>0</v>
      </c>
      <c r="AZ40" s="65">
        <v>0</v>
      </c>
      <c r="BA40" s="65">
        <v>0</v>
      </c>
      <c r="BB40" s="65">
        <v>0</v>
      </c>
      <c r="BC40" s="65">
        <v>0</v>
      </c>
      <c r="BD40" s="66">
        <v>0</v>
      </c>
      <c r="BE40" s="67">
        <v>0</v>
      </c>
      <c r="BF40" s="64">
        <v>0</v>
      </c>
      <c r="BG40" s="65">
        <v>0</v>
      </c>
      <c r="BH40" s="66">
        <v>0</v>
      </c>
      <c r="BI40" s="444">
        <v>0</v>
      </c>
      <c r="BJ40" s="65">
        <v>0</v>
      </c>
      <c r="BK40" s="65">
        <v>1</v>
      </c>
      <c r="BL40" s="65">
        <v>0</v>
      </c>
      <c r="BM40" s="65">
        <v>0</v>
      </c>
      <c r="BN40" s="65">
        <v>0</v>
      </c>
      <c r="BO40" s="66">
        <v>1</v>
      </c>
      <c r="BP40" s="67">
        <v>1</v>
      </c>
      <c r="BQ40" s="64">
        <v>0</v>
      </c>
      <c r="BR40" s="65">
        <v>0</v>
      </c>
      <c r="BS40" s="66">
        <v>0</v>
      </c>
      <c r="BT40" s="444">
        <v>0</v>
      </c>
      <c r="BU40" s="65">
        <v>0</v>
      </c>
      <c r="BV40" s="65">
        <v>0</v>
      </c>
      <c r="BW40" s="65">
        <v>0</v>
      </c>
      <c r="BX40" s="65">
        <v>0</v>
      </c>
      <c r="BY40" s="65">
        <v>0</v>
      </c>
      <c r="BZ40" s="66">
        <v>0</v>
      </c>
      <c r="CA40" s="67">
        <v>0</v>
      </c>
      <c r="CB40" s="64">
        <v>0</v>
      </c>
      <c r="CC40" s="65">
        <v>0</v>
      </c>
      <c r="CD40" s="66">
        <v>0</v>
      </c>
      <c r="CE40" s="444">
        <v>0</v>
      </c>
      <c r="CF40" s="65">
        <v>0</v>
      </c>
      <c r="CG40" s="65">
        <v>0</v>
      </c>
      <c r="CH40" s="65">
        <v>0</v>
      </c>
      <c r="CI40" s="65">
        <v>0</v>
      </c>
      <c r="CJ40" s="65">
        <v>0</v>
      </c>
      <c r="CK40" s="66">
        <v>0</v>
      </c>
      <c r="CL40" s="67">
        <v>0</v>
      </c>
      <c r="CM40" s="64">
        <v>0</v>
      </c>
      <c r="CN40" s="65">
        <v>0</v>
      </c>
      <c r="CO40" s="66">
        <v>0</v>
      </c>
      <c r="CP40" s="444">
        <v>0</v>
      </c>
      <c r="CQ40" s="65">
        <v>1</v>
      </c>
      <c r="CR40" s="65">
        <v>1</v>
      </c>
      <c r="CS40" s="65">
        <v>2</v>
      </c>
      <c r="CT40" s="65">
        <v>0</v>
      </c>
      <c r="CU40" s="65">
        <v>0</v>
      </c>
      <c r="CV40" s="66">
        <v>4</v>
      </c>
      <c r="CW40" s="67">
        <v>4</v>
      </c>
      <c r="CX40" s="114">
        <v>0</v>
      </c>
      <c r="CY40" s="77">
        <v>0</v>
      </c>
      <c r="CZ40" s="78">
        <v>0</v>
      </c>
      <c r="DA40" s="444">
        <v>0</v>
      </c>
      <c r="DB40" s="77">
        <v>0</v>
      </c>
      <c r="DC40" s="77">
        <v>0</v>
      </c>
      <c r="DD40" s="77">
        <v>0</v>
      </c>
      <c r="DE40" s="77">
        <v>0</v>
      </c>
      <c r="DF40" s="77">
        <v>0</v>
      </c>
      <c r="DG40" s="79">
        <v>0</v>
      </c>
      <c r="DH40" s="80">
        <v>0</v>
      </c>
      <c r="DI40" s="64">
        <v>0</v>
      </c>
      <c r="DJ40" s="65">
        <v>0</v>
      </c>
      <c r="DK40" s="66">
        <v>0</v>
      </c>
      <c r="DL40" s="444">
        <v>0</v>
      </c>
      <c r="DM40" s="65">
        <v>0</v>
      </c>
      <c r="DN40" s="65">
        <v>0</v>
      </c>
      <c r="DO40" s="65">
        <v>0</v>
      </c>
      <c r="DP40" s="65">
        <v>0</v>
      </c>
      <c r="DQ40" s="65">
        <v>0</v>
      </c>
      <c r="DR40" s="66">
        <v>0</v>
      </c>
      <c r="DS40" s="67">
        <v>0</v>
      </c>
      <c r="DT40" s="64">
        <v>0</v>
      </c>
      <c r="DU40" s="65">
        <v>0</v>
      </c>
      <c r="DV40" s="66">
        <v>0</v>
      </c>
      <c r="DW40" s="444">
        <v>0</v>
      </c>
      <c r="DX40" s="65">
        <v>0</v>
      </c>
      <c r="DY40" s="65">
        <v>0</v>
      </c>
      <c r="DZ40" s="65">
        <v>0</v>
      </c>
      <c r="EA40" s="65">
        <v>0</v>
      </c>
      <c r="EB40" s="65">
        <v>0</v>
      </c>
      <c r="EC40" s="66">
        <v>0</v>
      </c>
      <c r="ED40" s="67">
        <v>0</v>
      </c>
      <c r="EE40" s="64">
        <v>0</v>
      </c>
      <c r="EF40" s="65">
        <v>0</v>
      </c>
      <c r="EG40" s="66">
        <v>0</v>
      </c>
      <c r="EH40" s="444">
        <v>0</v>
      </c>
      <c r="EI40" s="65">
        <v>0</v>
      </c>
      <c r="EJ40" s="65">
        <v>0</v>
      </c>
      <c r="EK40" s="65">
        <v>0</v>
      </c>
      <c r="EL40" s="65">
        <v>0</v>
      </c>
      <c r="EM40" s="65">
        <v>0</v>
      </c>
      <c r="EN40" s="66">
        <v>0</v>
      </c>
      <c r="EO40" s="67">
        <v>0</v>
      </c>
      <c r="EP40" s="64">
        <v>0</v>
      </c>
      <c r="EQ40" s="65">
        <v>0</v>
      </c>
      <c r="ER40" s="66">
        <v>0</v>
      </c>
      <c r="ES40" s="444">
        <v>0</v>
      </c>
      <c r="ET40" s="65">
        <v>0</v>
      </c>
      <c r="EU40" s="65">
        <v>0</v>
      </c>
      <c r="EV40" s="65">
        <v>0</v>
      </c>
      <c r="EW40" s="65">
        <v>0</v>
      </c>
      <c r="EX40" s="65">
        <v>0</v>
      </c>
      <c r="EY40" s="66">
        <v>0</v>
      </c>
      <c r="EZ40" s="67">
        <v>0</v>
      </c>
      <c r="FA40" s="64">
        <v>0</v>
      </c>
      <c r="FB40" s="65">
        <v>0</v>
      </c>
      <c r="FC40" s="66">
        <v>0</v>
      </c>
      <c r="FD40" s="444">
        <v>0</v>
      </c>
      <c r="FE40" s="65">
        <v>0</v>
      </c>
      <c r="FF40" s="65">
        <v>0</v>
      </c>
      <c r="FG40" s="65">
        <v>0</v>
      </c>
      <c r="FH40" s="65">
        <v>0</v>
      </c>
      <c r="FI40" s="65">
        <v>0</v>
      </c>
      <c r="FJ40" s="66">
        <v>0</v>
      </c>
      <c r="FK40" s="67">
        <v>0</v>
      </c>
      <c r="FL40" s="64">
        <v>0</v>
      </c>
      <c r="FM40" s="65">
        <v>0</v>
      </c>
      <c r="FN40" s="66">
        <v>0</v>
      </c>
      <c r="FO40" s="444">
        <v>0</v>
      </c>
      <c r="FP40" s="65">
        <v>0</v>
      </c>
      <c r="FQ40" s="65">
        <v>0</v>
      </c>
      <c r="FR40" s="65">
        <v>0</v>
      </c>
      <c r="FS40" s="65">
        <v>0</v>
      </c>
      <c r="FT40" s="65">
        <v>0</v>
      </c>
      <c r="FU40" s="66">
        <v>0</v>
      </c>
      <c r="FV40" s="67">
        <v>0</v>
      </c>
      <c r="FW40" s="64">
        <v>0</v>
      </c>
      <c r="FX40" s="65">
        <v>0</v>
      </c>
      <c r="FY40" s="66">
        <v>0</v>
      </c>
      <c r="FZ40" s="444">
        <v>0</v>
      </c>
      <c r="GA40" s="65">
        <v>0</v>
      </c>
      <c r="GB40" s="65">
        <v>0</v>
      </c>
      <c r="GC40" s="65">
        <v>0</v>
      </c>
      <c r="GD40" s="65">
        <v>0</v>
      </c>
      <c r="GE40" s="65">
        <v>0</v>
      </c>
      <c r="GF40" s="66">
        <v>0</v>
      </c>
      <c r="GG40" s="67">
        <v>0</v>
      </c>
      <c r="GH40" s="64">
        <v>0</v>
      </c>
      <c r="GI40" s="65">
        <v>0</v>
      </c>
      <c r="GJ40" s="66">
        <v>0</v>
      </c>
      <c r="GK40" s="444">
        <v>0</v>
      </c>
      <c r="GL40" s="65">
        <v>0</v>
      </c>
      <c r="GM40" s="65">
        <v>0</v>
      </c>
      <c r="GN40" s="65">
        <v>0</v>
      </c>
      <c r="GO40" s="65">
        <v>0</v>
      </c>
      <c r="GP40" s="65">
        <v>0</v>
      </c>
      <c r="GQ40" s="66">
        <v>0</v>
      </c>
      <c r="GR40" s="67">
        <v>0</v>
      </c>
      <c r="GS40" s="114">
        <v>0</v>
      </c>
      <c r="GT40" s="77">
        <v>0</v>
      </c>
      <c r="GU40" s="78">
        <v>0</v>
      </c>
      <c r="GV40" s="444">
        <v>0</v>
      </c>
      <c r="GW40" s="77">
        <v>1</v>
      </c>
      <c r="GX40" s="77">
        <v>1</v>
      </c>
      <c r="GY40" s="77">
        <v>2</v>
      </c>
      <c r="GZ40" s="77">
        <v>0</v>
      </c>
      <c r="HA40" s="77">
        <v>0</v>
      </c>
      <c r="HB40" s="79">
        <v>4</v>
      </c>
      <c r="HC40" s="80">
        <v>4</v>
      </c>
      <c r="HD40" s="64">
        <v>0</v>
      </c>
      <c r="HE40" s="65">
        <v>0</v>
      </c>
      <c r="HF40" s="66">
        <v>0</v>
      </c>
      <c r="HG40" s="444">
        <v>0</v>
      </c>
      <c r="HH40" s="65">
        <v>0</v>
      </c>
      <c r="HI40" s="65">
        <v>0</v>
      </c>
      <c r="HJ40" s="65">
        <v>0</v>
      </c>
      <c r="HK40" s="65">
        <v>0</v>
      </c>
      <c r="HL40" s="65">
        <v>0</v>
      </c>
      <c r="HM40" s="66">
        <v>0</v>
      </c>
      <c r="HN40" s="67">
        <v>0</v>
      </c>
      <c r="HO40" s="64">
        <v>0</v>
      </c>
      <c r="HP40" s="65">
        <v>0</v>
      </c>
      <c r="HQ40" s="66">
        <v>0</v>
      </c>
      <c r="HR40" s="444">
        <v>0</v>
      </c>
      <c r="HS40" s="65">
        <v>0</v>
      </c>
      <c r="HT40" s="65">
        <v>0</v>
      </c>
      <c r="HU40" s="65">
        <v>1</v>
      </c>
      <c r="HV40" s="65">
        <v>0</v>
      </c>
      <c r="HW40" s="65">
        <v>0</v>
      </c>
      <c r="HX40" s="66">
        <v>1</v>
      </c>
      <c r="HY40" s="67">
        <v>1</v>
      </c>
      <c r="HZ40" s="64">
        <v>0</v>
      </c>
      <c r="IA40" s="65">
        <v>0</v>
      </c>
      <c r="IB40" s="66">
        <v>0</v>
      </c>
      <c r="IC40" s="444">
        <v>0</v>
      </c>
      <c r="ID40" s="65">
        <v>1</v>
      </c>
      <c r="IE40" s="65">
        <v>0</v>
      </c>
      <c r="IF40" s="65">
        <v>1</v>
      </c>
      <c r="IG40" s="65">
        <v>0</v>
      </c>
      <c r="IH40" s="65">
        <v>0</v>
      </c>
      <c r="II40" s="66">
        <v>2</v>
      </c>
      <c r="IJ40" s="67">
        <v>2</v>
      </c>
      <c r="IK40" s="64">
        <v>0</v>
      </c>
      <c r="IL40" s="65">
        <v>0</v>
      </c>
      <c r="IM40" s="66">
        <v>0</v>
      </c>
      <c r="IN40" s="444">
        <v>0</v>
      </c>
      <c r="IO40" s="65">
        <v>0</v>
      </c>
      <c r="IP40" s="65">
        <v>0</v>
      </c>
      <c r="IQ40" s="65">
        <v>0</v>
      </c>
      <c r="IR40" s="65">
        <v>0</v>
      </c>
      <c r="IS40" s="65">
        <v>0</v>
      </c>
      <c r="IT40" s="66">
        <v>0</v>
      </c>
      <c r="IU40" s="67">
        <v>0</v>
      </c>
      <c r="IV40" s="64">
        <v>0</v>
      </c>
      <c r="IW40" s="65">
        <v>0</v>
      </c>
      <c r="IX40" s="66">
        <v>0</v>
      </c>
      <c r="IY40" s="444">
        <v>0</v>
      </c>
      <c r="IZ40" s="65">
        <v>0</v>
      </c>
      <c r="JA40" s="65">
        <v>1</v>
      </c>
      <c r="JB40" s="65">
        <v>0</v>
      </c>
      <c r="JC40" s="65">
        <v>0</v>
      </c>
      <c r="JD40" s="65">
        <v>0</v>
      </c>
      <c r="JE40" s="66">
        <v>1</v>
      </c>
      <c r="JF40" s="67">
        <v>1</v>
      </c>
      <c r="JG40" s="64">
        <v>0</v>
      </c>
      <c r="JH40" s="65">
        <v>0</v>
      </c>
      <c r="JI40" s="66">
        <v>0</v>
      </c>
      <c r="JJ40" s="444">
        <v>0</v>
      </c>
      <c r="JK40" s="65">
        <v>0</v>
      </c>
      <c r="JL40" s="65">
        <v>0</v>
      </c>
      <c r="JM40" s="65">
        <v>0</v>
      </c>
      <c r="JN40" s="65">
        <v>0</v>
      </c>
      <c r="JO40" s="65">
        <v>0</v>
      </c>
      <c r="JP40" s="66">
        <v>0</v>
      </c>
      <c r="JQ40" s="67">
        <v>0</v>
      </c>
      <c r="JR40" s="64">
        <v>0</v>
      </c>
      <c r="JS40" s="65">
        <v>0</v>
      </c>
      <c r="JT40" s="66">
        <v>0</v>
      </c>
      <c r="JU40" s="444">
        <v>0</v>
      </c>
      <c r="JV40" s="65">
        <v>0</v>
      </c>
      <c r="JW40" s="65">
        <v>0</v>
      </c>
      <c r="JX40" s="65">
        <v>0</v>
      </c>
      <c r="JY40" s="65">
        <v>0</v>
      </c>
      <c r="JZ40" s="65">
        <v>0</v>
      </c>
      <c r="KA40" s="66">
        <v>0</v>
      </c>
      <c r="KB40" s="67">
        <v>0</v>
      </c>
      <c r="KC40" s="64">
        <v>0</v>
      </c>
      <c r="KD40" s="65">
        <v>0</v>
      </c>
      <c r="KE40" s="66">
        <v>0</v>
      </c>
      <c r="KF40" s="444">
        <v>0</v>
      </c>
      <c r="KG40" s="65">
        <v>1</v>
      </c>
      <c r="KH40" s="65">
        <v>1</v>
      </c>
      <c r="KI40" s="65">
        <v>2</v>
      </c>
      <c r="KJ40" s="65">
        <v>0</v>
      </c>
      <c r="KK40" s="65">
        <v>0</v>
      </c>
      <c r="KL40" s="66">
        <v>4</v>
      </c>
      <c r="KM40" s="67">
        <v>4</v>
      </c>
    </row>
    <row r="41" spans="2:299" ht="32.25" customHeight="1" x14ac:dyDescent="0.2">
      <c r="C41" s="283" t="s">
        <v>125</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0</v>
      </c>
      <c r="F1" s="495">
        <f>第１表!F2</f>
        <v>6</v>
      </c>
      <c r="G1" s="495"/>
      <c r="H1" s="231">
        <f>第１表!G2</f>
        <v>2</v>
      </c>
      <c r="I1" s="494">
        <f>H1</f>
        <v>2</v>
      </c>
      <c r="J1" s="494"/>
    </row>
    <row r="2" spans="2:299" ht="24" customHeight="1" thickBot="1" x14ac:dyDescent="0.25">
      <c r="B2" s="15" t="s">
        <v>151</v>
      </c>
    </row>
    <row r="3" spans="2:299" ht="21" customHeight="1" thickBot="1" x14ac:dyDescent="0.25">
      <c r="B3" s="481" t="s">
        <v>38</v>
      </c>
      <c r="C3" s="476" t="s">
        <v>96</v>
      </c>
      <c r="D3" s="476"/>
      <c r="E3" s="476"/>
      <c r="F3" s="476"/>
      <c r="G3" s="476"/>
      <c r="H3" s="476"/>
      <c r="I3" s="476"/>
      <c r="J3" s="476"/>
      <c r="K3" s="476"/>
      <c r="L3" s="476"/>
      <c r="M3" s="476"/>
      <c r="N3" s="476"/>
      <c r="O3" s="476"/>
      <c r="P3" s="476"/>
      <c r="Q3" s="476"/>
      <c r="R3" s="476"/>
      <c r="S3" s="476"/>
      <c r="T3" s="476"/>
      <c r="U3" s="476"/>
      <c r="V3" s="476"/>
      <c r="W3" s="476"/>
      <c r="X3" s="476"/>
      <c r="Y3" s="476"/>
      <c r="Z3" s="476"/>
      <c r="AA3" s="476"/>
      <c r="AB3" s="476"/>
      <c r="AC3" s="476"/>
      <c r="AD3" s="476"/>
      <c r="AE3" s="476"/>
      <c r="AF3" s="476"/>
      <c r="AG3" s="476"/>
      <c r="AH3" s="476"/>
      <c r="AI3" s="476"/>
      <c r="AJ3" s="476"/>
      <c r="AK3" s="476"/>
      <c r="AL3" s="476"/>
      <c r="AM3" s="476"/>
      <c r="AN3" s="476"/>
      <c r="AO3" s="476"/>
      <c r="AP3" s="476"/>
      <c r="AQ3" s="476"/>
      <c r="AR3" s="476"/>
      <c r="AS3" s="476"/>
      <c r="AT3" s="476"/>
      <c r="AU3" s="476"/>
      <c r="AV3" s="476"/>
      <c r="AW3" s="476"/>
      <c r="AX3" s="476"/>
      <c r="AY3" s="476"/>
      <c r="AZ3" s="476"/>
      <c r="BA3" s="476"/>
      <c r="BB3" s="476"/>
      <c r="BC3" s="476"/>
      <c r="BD3" s="476"/>
      <c r="BE3" s="476"/>
      <c r="BF3" s="476"/>
      <c r="BG3" s="476"/>
      <c r="BH3" s="476"/>
      <c r="BI3" s="476"/>
      <c r="BJ3" s="476"/>
      <c r="BK3" s="476"/>
      <c r="BL3" s="476"/>
      <c r="BM3" s="476"/>
      <c r="BN3" s="476"/>
      <c r="BO3" s="476"/>
      <c r="BP3" s="476"/>
      <c r="BQ3" s="476"/>
      <c r="BR3" s="476"/>
      <c r="BS3" s="476"/>
      <c r="BT3" s="476"/>
      <c r="BU3" s="476"/>
      <c r="BV3" s="476"/>
      <c r="BW3" s="476"/>
      <c r="BX3" s="476"/>
      <c r="BY3" s="476"/>
      <c r="BZ3" s="476"/>
      <c r="CA3" s="476"/>
      <c r="CB3" s="476"/>
      <c r="CC3" s="476"/>
      <c r="CD3" s="476"/>
      <c r="CE3" s="476"/>
      <c r="CF3" s="476"/>
      <c r="CG3" s="476"/>
      <c r="CH3" s="476"/>
      <c r="CI3" s="476"/>
      <c r="CJ3" s="476"/>
      <c r="CK3" s="476"/>
      <c r="CL3" s="476"/>
      <c r="CM3" s="476"/>
      <c r="CN3" s="476"/>
      <c r="CO3" s="476"/>
      <c r="CP3" s="476"/>
      <c r="CQ3" s="476"/>
      <c r="CR3" s="476"/>
      <c r="CS3" s="476"/>
      <c r="CT3" s="476"/>
      <c r="CU3" s="476"/>
      <c r="CV3" s="476"/>
      <c r="CW3" s="477"/>
      <c r="CX3" s="476" t="s">
        <v>103</v>
      </c>
      <c r="CY3" s="476"/>
      <c r="CZ3" s="476"/>
      <c r="DA3" s="476"/>
      <c r="DB3" s="476"/>
      <c r="DC3" s="476"/>
      <c r="DD3" s="476"/>
      <c r="DE3" s="476"/>
      <c r="DF3" s="476"/>
      <c r="DG3" s="476"/>
      <c r="DH3" s="476"/>
      <c r="DI3" s="476"/>
      <c r="DJ3" s="476"/>
      <c r="DK3" s="476"/>
      <c r="DL3" s="476"/>
      <c r="DM3" s="476"/>
      <c r="DN3" s="476"/>
      <c r="DO3" s="476"/>
      <c r="DP3" s="476"/>
      <c r="DQ3" s="476"/>
      <c r="DR3" s="476"/>
      <c r="DS3" s="476"/>
      <c r="DT3" s="476"/>
      <c r="DU3" s="476"/>
      <c r="DV3" s="476"/>
      <c r="DW3" s="476"/>
      <c r="DX3" s="476"/>
      <c r="DY3" s="476"/>
      <c r="DZ3" s="476"/>
      <c r="EA3" s="476"/>
      <c r="EB3" s="476"/>
      <c r="EC3" s="476"/>
      <c r="ED3" s="476"/>
      <c r="EE3" s="476"/>
      <c r="EF3" s="476"/>
      <c r="EG3" s="476"/>
      <c r="EH3" s="476"/>
      <c r="EI3" s="476"/>
      <c r="EJ3" s="476"/>
      <c r="EK3" s="476"/>
      <c r="EL3" s="476"/>
      <c r="EM3" s="476"/>
      <c r="EN3" s="476"/>
      <c r="EO3" s="476"/>
      <c r="EP3" s="476"/>
      <c r="EQ3" s="476"/>
      <c r="ER3" s="476"/>
      <c r="ES3" s="476"/>
      <c r="ET3" s="476"/>
      <c r="EU3" s="476"/>
      <c r="EV3" s="476"/>
      <c r="EW3" s="476"/>
      <c r="EX3" s="476"/>
      <c r="EY3" s="476"/>
      <c r="EZ3" s="476"/>
      <c r="FA3" s="476"/>
      <c r="FB3" s="476"/>
      <c r="FC3" s="476"/>
      <c r="FD3" s="476"/>
      <c r="FE3" s="476"/>
      <c r="FF3" s="476"/>
      <c r="FG3" s="476"/>
      <c r="FH3" s="476"/>
      <c r="FI3" s="476"/>
      <c r="FJ3" s="476"/>
      <c r="FK3" s="476"/>
      <c r="FL3" s="476"/>
      <c r="FM3" s="476"/>
      <c r="FN3" s="476"/>
      <c r="FO3" s="476"/>
      <c r="FP3" s="476"/>
      <c r="FQ3" s="476"/>
      <c r="FR3" s="476"/>
      <c r="FS3" s="476"/>
      <c r="FT3" s="476"/>
      <c r="FU3" s="476"/>
      <c r="FV3" s="476"/>
      <c r="FW3" s="476"/>
      <c r="FX3" s="476"/>
      <c r="FY3" s="476"/>
      <c r="FZ3" s="476"/>
      <c r="GA3" s="476"/>
      <c r="GB3" s="476"/>
      <c r="GC3" s="476"/>
      <c r="GD3" s="476"/>
      <c r="GE3" s="476"/>
      <c r="GF3" s="476"/>
      <c r="GG3" s="476"/>
      <c r="GH3" s="476"/>
      <c r="GI3" s="476"/>
      <c r="GJ3" s="476"/>
      <c r="GK3" s="476"/>
      <c r="GL3" s="476"/>
      <c r="GM3" s="476"/>
      <c r="GN3" s="476"/>
      <c r="GO3" s="476"/>
      <c r="GP3" s="476"/>
      <c r="GQ3" s="476"/>
      <c r="GR3" s="477"/>
      <c r="GS3" s="476" t="s">
        <v>104</v>
      </c>
      <c r="GT3" s="476"/>
      <c r="GU3" s="476"/>
      <c r="GV3" s="476"/>
      <c r="GW3" s="476"/>
      <c r="GX3" s="476"/>
      <c r="GY3" s="476"/>
      <c r="GZ3" s="476"/>
      <c r="HA3" s="476"/>
      <c r="HB3" s="476"/>
      <c r="HC3" s="476"/>
      <c r="HD3" s="476"/>
      <c r="HE3" s="476"/>
      <c r="HF3" s="476"/>
      <c r="HG3" s="476"/>
      <c r="HH3" s="476"/>
      <c r="HI3" s="476"/>
      <c r="HJ3" s="476"/>
      <c r="HK3" s="476"/>
      <c r="HL3" s="476"/>
      <c r="HM3" s="476"/>
      <c r="HN3" s="476"/>
      <c r="HO3" s="476"/>
      <c r="HP3" s="476"/>
      <c r="HQ3" s="476"/>
      <c r="HR3" s="476"/>
      <c r="HS3" s="476"/>
      <c r="HT3" s="476"/>
      <c r="HU3" s="476"/>
      <c r="HV3" s="476"/>
      <c r="HW3" s="476"/>
      <c r="HX3" s="476"/>
      <c r="HY3" s="476"/>
      <c r="HZ3" s="476"/>
      <c r="IA3" s="476"/>
      <c r="IB3" s="476"/>
      <c r="IC3" s="476"/>
      <c r="ID3" s="476"/>
      <c r="IE3" s="476"/>
      <c r="IF3" s="476"/>
      <c r="IG3" s="476"/>
      <c r="IH3" s="476"/>
      <c r="II3" s="476"/>
      <c r="IJ3" s="476"/>
      <c r="IK3" s="476"/>
      <c r="IL3" s="476"/>
      <c r="IM3" s="476"/>
      <c r="IN3" s="476"/>
      <c r="IO3" s="476"/>
      <c r="IP3" s="476"/>
      <c r="IQ3" s="476"/>
      <c r="IR3" s="476"/>
      <c r="IS3" s="476"/>
      <c r="IT3" s="476"/>
      <c r="IU3" s="476"/>
      <c r="IV3" s="476"/>
      <c r="IW3" s="476"/>
      <c r="IX3" s="476"/>
      <c r="IY3" s="476"/>
      <c r="IZ3" s="476"/>
      <c r="JA3" s="476"/>
      <c r="JB3" s="476"/>
      <c r="JC3" s="476"/>
      <c r="JD3" s="476"/>
      <c r="JE3" s="476"/>
      <c r="JF3" s="476"/>
      <c r="JG3" s="476"/>
      <c r="JH3" s="476"/>
      <c r="JI3" s="476"/>
      <c r="JJ3" s="476"/>
      <c r="JK3" s="476"/>
      <c r="JL3" s="476"/>
      <c r="JM3" s="476"/>
      <c r="JN3" s="476"/>
      <c r="JO3" s="476"/>
      <c r="JP3" s="476"/>
      <c r="JQ3" s="476"/>
      <c r="JR3" s="476"/>
      <c r="JS3" s="476"/>
      <c r="JT3" s="476"/>
      <c r="JU3" s="476"/>
      <c r="JV3" s="476"/>
      <c r="JW3" s="476"/>
      <c r="JX3" s="476"/>
      <c r="JY3" s="476"/>
      <c r="JZ3" s="476"/>
      <c r="KA3" s="476"/>
      <c r="KB3" s="476"/>
      <c r="KC3" s="476"/>
      <c r="KD3" s="476"/>
      <c r="KE3" s="476"/>
      <c r="KF3" s="476"/>
      <c r="KG3" s="476"/>
      <c r="KH3" s="476"/>
      <c r="KI3" s="476"/>
      <c r="KJ3" s="476"/>
      <c r="KK3" s="476"/>
      <c r="KL3" s="476"/>
      <c r="KM3" s="477"/>
    </row>
    <row r="4" spans="2:299" ht="21" customHeight="1" thickBot="1" x14ac:dyDescent="0.25">
      <c r="B4" s="493"/>
      <c r="C4" s="478" t="s">
        <v>39</v>
      </c>
      <c r="D4" s="479"/>
      <c r="E4" s="479"/>
      <c r="F4" s="479"/>
      <c r="G4" s="479"/>
      <c r="H4" s="479"/>
      <c r="I4" s="479"/>
      <c r="J4" s="479"/>
      <c r="K4" s="479"/>
      <c r="L4" s="479"/>
      <c r="M4" s="479"/>
      <c r="N4" s="479"/>
      <c r="O4" s="479"/>
      <c r="P4" s="479"/>
      <c r="Q4" s="479"/>
      <c r="R4" s="479"/>
      <c r="S4" s="479"/>
      <c r="T4" s="479"/>
      <c r="U4" s="479"/>
      <c r="V4" s="479"/>
      <c r="W4" s="479"/>
      <c r="X4" s="479"/>
      <c r="Y4" s="479"/>
      <c r="Z4" s="479"/>
      <c r="AA4" s="479"/>
      <c r="AB4" s="479"/>
      <c r="AC4" s="479"/>
      <c r="AD4" s="479"/>
      <c r="AE4" s="479"/>
      <c r="AF4" s="479"/>
      <c r="AG4" s="479"/>
      <c r="AH4" s="479"/>
      <c r="AI4" s="479"/>
      <c r="AJ4" s="479"/>
      <c r="AK4" s="479"/>
      <c r="AL4" s="479"/>
      <c r="AM4" s="479"/>
      <c r="AN4" s="479"/>
      <c r="AO4" s="479"/>
      <c r="AP4" s="479"/>
      <c r="AQ4" s="479"/>
      <c r="AR4" s="479"/>
      <c r="AS4" s="479"/>
      <c r="AT4" s="479"/>
      <c r="AU4" s="479"/>
      <c r="AV4" s="479"/>
      <c r="AW4" s="479"/>
      <c r="AX4" s="479"/>
      <c r="AY4" s="479"/>
      <c r="AZ4" s="479"/>
      <c r="BA4" s="479"/>
      <c r="BB4" s="479"/>
      <c r="BC4" s="479"/>
      <c r="BD4" s="479"/>
      <c r="BE4" s="479"/>
      <c r="BF4" s="479"/>
      <c r="BG4" s="479"/>
      <c r="BH4" s="479"/>
      <c r="BI4" s="479"/>
      <c r="BJ4" s="479"/>
      <c r="BK4" s="479"/>
      <c r="BL4" s="479"/>
      <c r="BM4" s="479"/>
      <c r="BN4" s="479"/>
      <c r="BO4" s="479"/>
      <c r="BP4" s="479"/>
      <c r="BQ4" s="479"/>
      <c r="BR4" s="479"/>
      <c r="BS4" s="479"/>
      <c r="BT4" s="479"/>
      <c r="BU4" s="479"/>
      <c r="BV4" s="479"/>
      <c r="BW4" s="479"/>
      <c r="BX4" s="479"/>
      <c r="BY4" s="479"/>
      <c r="BZ4" s="479"/>
      <c r="CA4" s="480"/>
      <c r="CB4" s="481" t="s">
        <v>40</v>
      </c>
      <c r="CC4" s="482"/>
      <c r="CD4" s="482"/>
      <c r="CE4" s="482"/>
      <c r="CF4" s="482"/>
      <c r="CG4" s="482"/>
      <c r="CH4" s="482"/>
      <c r="CI4" s="482"/>
      <c r="CJ4" s="482"/>
      <c r="CK4" s="482"/>
      <c r="CL4" s="483"/>
      <c r="CM4" s="481" t="s">
        <v>41</v>
      </c>
      <c r="CN4" s="482"/>
      <c r="CO4" s="482"/>
      <c r="CP4" s="482"/>
      <c r="CQ4" s="482"/>
      <c r="CR4" s="482"/>
      <c r="CS4" s="482"/>
      <c r="CT4" s="482"/>
      <c r="CU4" s="482"/>
      <c r="CV4" s="482"/>
      <c r="CW4" s="483"/>
      <c r="CX4" s="478" t="s">
        <v>39</v>
      </c>
      <c r="CY4" s="479"/>
      <c r="CZ4" s="479"/>
      <c r="DA4" s="479"/>
      <c r="DB4" s="479"/>
      <c r="DC4" s="479"/>
      <c r="DD4" s="479"/>
      <c r="DE4" s="479"/>
      <c r="DF4" s="479"/>
      <c r="DG4" s="479"/>
      <c r="DH4" s="479"/>
      <c r="DI4" s="479"/>
      <c r="DJ4" s="479"/>
      <c r="DK4" s="479"/>
      <c r="DL4" s="479"/>
      <c r="DM4" s="479"/>
      <c r="DN4" s="479"/>
      <c r="DO4" s="479"/>
      <c r="DP4" s="479"/>
      <c r="DQ4" s="479"/>
      <c r="DR4" s="479"/>
      <c r="DS4" s="479"/>
      <c r="DT4" s="479"/>
      <c r="DU4" s="479"/>
      <c r="DV4" s="479"/>
      <c r="DW4" s="479"/>
      <c r="DX4" s="479"/>
      <c r="DY4" s="479"/>
      <c r="DZ4" s="479"/>
      <c r="EA4" s="479"/>
      <c r="EB4" s="479"/>
      <c r="EC4" s="479"/>
      <c r="ED4" s="479"/>
      <c r="EE4" s="479"/>
      <c r="EF4" s="479"/>
      <c r="EG4" s="479"/>
      <c r="EH4" s="479"/>
      <c r="EI4" s="479"/>
      <c r="EJ4" s="479"/>
      <c r="EK4" s="479"/>
      <c r="EL4" s="479"/>
      <c r="EM4" s="479"/>
      <c r="EN4" s="479"/>
      <c r="EO4" s="479"/>
      <c r="EP4" s="479"/>
      <c r="EQ4" s="479"/>
      <c r="ER4" s="479"/>
      <c r="ES4" s="479"/>
      <c r="ET4" s="479"/>
      <c r="EU4" s="479"/>
      <c r="EV4" s="479"/>
      <c r="EW4" s="479"/>
      <c r="EX4" s="479"/>
      <c r="EY4" s="479"/>
      <c r="EZ4" s="479"/>
      <c r="FA4" s="479"/>
      <c r="FB4" s="479"/>
      <c r="FC4" s="479"/>
      <c r="FD4" s="479"/>
      <c r="FE4" s="479"/>
      <c r="FF4" s="479"/>
      <c r="FG4" s="479"/>
      <c r="FH4" s="479"/>
      <c r="FI4" s="479"/>
      <c r="FJ4" s="479"/>
      <c r="FK4" s="479"/>
      <c r="FL4" s="479"/>
      <c r="FM4" s="479"/>
      <c r="FN4" s="479"/>
      <c r="FO4" s="479"/>
      <c r="FP4" s="479"/>
      <c r="FQ4" s="479"/>
      <c r="FR4" s="479"/>
      <c r="FS4" s="479"/>
      <c r="FT4" s="479"/>
      <c r="FU4" s="479"/>
      <c r="FV4" s="480"/>
      <c r="FW4" s="481" t="s">
        <v>40</v>
      </c>
      <c r="FX4" s="482"/>
      <c r="FY4" s="482"/>
      <c r="FZ4" s="482"/>
      <c r="GA4" s="482"/>
      <c r="GB4" s="482"/>
      <c r="GC4" s="482"/>
      <c r="GD4" s="482"/>
      <c r="GE4" s="482"/>
      <c r="GF4" s="482"/>
      <c r="GG4" s="483"/>
      <c r="GH4" s="481" t="s">
        <v>41</v>
      </c>
      <c r="GI4" s="482"/>
      <c r="GJ4" s="482"/>
      <c r="GK4" s="482"/>
      <c r="GL4" s="482"/>
      <c r="GM4" s="482"/>
      <c r="GN4" s="482"/>
      <c r="GO4" s="482"/>
      <c r="GP4" s="482"/>
      <c r="GQ4" s="482"/>
      <c r="GR4" s="483"/>
      <c r="GS4" s="478" t="s">
        <v>39</v>
      </c>
      <c r="GT4" s="479"/>
      <c r="GU4" s="479"/>
      <c r="GV4" s="479"/>
      <c r="GW4" s="479"/>
      <c r="GX4" s="479"/>
      <c r="GY4" s="479"/>
      <c r="GZ4" s="479"/>
      <c r="HA4" s="479"/>
      <c r="HB4" s="479"/>
      <c r="HC4" s="479"/>
      <c r="HD4" s="479"/>
      <c r="HE4" s="479"/>
      <c r="HF4" s="479"/>
      <c r="HG4" s="479"/>
      <c r="HH4" s="479"/>
      <c r="HI4" s="479"/>
      <c r="HJ4" s="479"/>
      <c r="HK4" s="479"/>
      <c r="HL4" s="479"/>
      <c r="HM4" s="479"/>
      <c r="HN4" s="479"/>
      <c r="HO4" s="479"/>
      <c r="HP4" s="479"/>
      <c r="HQ4" s="479"/>
      <c r="HR4" s="479"/>
      <c r="HS4" s="479"/>
      <c r="HT4" s="479"/>
      <c r="HU4" s="479"/>
      <c r="HV4" s="479"/>
      <c r="HW4" s="479"/>
      <c r="HX4" s="479"/>
      <c r="HY4" s="479"/>
      <c r="HZ4" s="479"/>
      <c r="IA4" s="479"/>
      <c r="IB4" s="479"/>
      <c r="IC4" s="479"/>
      <c r="ID4" s="479"/>
      <c r="IE4" s="479"/>
      <c r="IF4" s="479"/>
      <c r="IG4" s="479"/>
      <c r="IH4" s="479"/>
      <c r="II4" s="479"/>
      <c r="IJ4" s="479"/>
      <c r="IK4" s="479"/>
      <c r="IL4" s="479"/>
      <c r="IM4" s="479"/>
      <c r="IN4" s="479"/>
      <c r="IO4" s="479"/>
      <c r="IP4" s="479"/>
      <c r="IQ4" s="479"/>
      <c r="IR4" s="479"/>
      <c r="IS4" s="479"/>
      <c r="IT4" s="479"/>
      <c r="IU4" s="479"/>
      <c r="IV4" s="479"/>
      <c r="IW4" s="479"/>
      <c r="IX4" s="479"/>
      <c r="IY4" s="479"/>
      <c r="IZ4" s="479"/>
      <c r="JA4" s="479"/>
      <c r="JB4" s="479"/>
      <c r="JC4" s="479"/>
      <c r="JD4" s="479"/>
      <c r="JE4" s="479"/>
      <c r="JF4" s="479"/>
      <c r="JG4" s="479"/>
      <c r="JH4" s="479"/>
      <c r="JI4" s="479"/>
      <c r="JJ4" s="479"/>
      <c r="JK4" s="479"/>
      <c r="JL4" s="479"/>
      <c r="JM4" s="479"/>
      <c r="JN4" s="479"/>
      <c r="JO4" s="479"/>
      <c r="JP4" s="479"/>
      <c r="JQ4" s="480"/>
      <c r="JR4" s="481" t="s">
        <v>40</v>
      </c>
      <c r="JS4" s="482"/>
      <c r="JT4" s="482"/>
      <c r="JU4" s="482"/>
      <c r="JV4" s="482"/>
      <c r="JW4" s="482"/>
      <c r="JX4" s="482"/>
      <c r="JY4" s="482"/>
      <c r="JZ4" s="482"/>
      <c r="KA4" s="482"/>
      <c r="KB4" s="483"/>
      <c r="KC4" s="481" t="s">
        <v>41</v>
      </c>
      <c r="KD4" s="482"/>
      <c r="KE4" s="482"/>
      <c r="KF4" s="482"/>
      <c r="KG4" s="482"/>
      <c r="KH4" s="482"/>
      <c r="KI4" s="482"/>
      <c r="KJ4" s="482"/>
      <c r="KK4" s="482"/>
      <c r="KL4" s="482"/>
      <c r="KM4" s="483"/>
    </row>
    <row r="5" spans="2:299" ht="21" customHeight="1" thickBot="1" x14ac:dyDescent="0.25">
      <c r="B5" s="487"/>
      <c r="C5" s="487"/>
      <c r="D5" s="488"/>
      <c r="E5" s="488"/>
      <c r="F5" s="488"/>
      <c r="G5" s="488"/>
      <c r="H5" s="488"/>
      <c r="I5" s="488"/>
      <c r="J5" s="488"/>
      <c r="K5" s="488"/>
      <c r="L5" s="488"/>
      <c r="M5" s="489"/>
      <c r="N5" s="490" t="s">
        <v>97</v>
      </c>
      <c r="O5" s="491"/>
      <c r="P5" s="491"/>
      <c r="Q5" s="491"/>
      <c r="R5" s="491"/>
      <c r="S5" s="491"/>
      <c r="T5" s="491"/>
      <c r="U5" s="491"/>
      <c r="V5" s="491"/>
      <c r="W5" s="491"/>
      <c r="X5" s="492"/>
      <c r="Y5" s="490" t="s">
        <v>98</v>
      </c>
      <c r="Z5" s="491"/>
      <c r="AA5" s="491"/>
      <c r="AB5" s="491"/>
      <c r="AC5" s="491"/>
      <c r="AD5" s="491"/>
      <c r="AE5" s="491"/>
      <c r="AF5" s="491"/>
      <c r="AG5" s="491"/>
      <c r="AH5" s="491"/>
      <c r="AI5" s="492"/>
      <c r="AJ5" s="490" t="s">
        <v>99</v>
      </c>
      <c r="AK5" s="491"/>
      <c r="AL5" s="491"/>
      <c r="AM5" s="491"/>
      <c r="AN5" s="491"/>
      <c r="AO5" s="491"/>
      <c r="AP5" s="491"/>
      <c r="AQ5" s="491"/>
      <c r="AR5" s="491"/>
      <c r="AS5" s="491"/>
      <c r="AT5" s="492"/>
      <c r="AU5" s="490" t="s">
        <v>100</v>
      </c>
      <c r="AV5" s="491"/>
      <c r="AW5" s="491"/>
      <c r="AX5" s="491"/>
      <c r="AY5" s="491"/>
      <c r="AZ5" s="491"/>
      <c r="BA5" s="491"/>
      <c r="BB5" s="491"/>
      <c r="BC5" s="491"/>
      <c r="BD5" s="491"/>
      <c r="BE5" s="492"/>
      <c r="BF5" s="490" t="s">
        <v>101</v>
      </c>
      <c r="BG5" s="491"/>
      <c r="BH5" s="491"/>
      <c r="BI5" s="491"/>
      <c r="BJ5" s="491"/>
      <c r="BK5" s="491"/>
      <c r="BL5" s="491"/>
      <c r="BM5" s="491"/>
      <c r="BN5" s="491"/>
      <c r="BO5" s="491"/>
      <c r="BP5" s="492"/>
      <c r="BQ5" s="490" t="s">
        <v>102</v>
      </c>
      <c r="BR5" s="491"/>
      <c r="BS5" s="491"/>
      <c r="BT5" s="491"/>
      <c r="BU5" s="491"/>
      <c r="BV5" s="491"/>
      <c r="BW5" s="491"/>
      <c r="BX5" s="491"/>
      <c r="BY5" s="491"/>
      <c r="BZ5" s="491"/>
      <c r="CA5" s="492"/>
      <c r="CB5" s="484"/>
      <c r="CC5" s="485"/>
      <c r="CD5" s="485"/>
      <c r="CE5" s="485"/>
      <c r="CF5" s="485"/>
      <c r="CG5" s="485"/>
      <c r="CH5" s="485"/>
      <c r="CI5" s="485"/>
      <c r="CJ5" s="485"/>
      <c r="CK5" s="485"/>
      <c r="CL5" s="486"/>
      <c r="CM5" s="484"/>
      <c r="CN5" s="485"/>
      <c r="CO5" s="485"/>
      <c r="CP5" s="485"/>
      <c r="CQ5" s="485"/>
      <c r="CR5" s="485"/>
      <c r="CS5" s="485"/>
      <c r="CT5" s="485"/>
      <c r="CU5" s="485"/>
      <c r="CV5" s="485"/>
      <c r="CW5" s="486"/>
      <c r="CX5" s="487"/>
      <c r="CY5" s="488"/>
      <c r="CZ5" s="488"/>
      <c r="DA5" s="488"/>
      <c r="DB5" s="488"/>
      <c r="DC5" s="488"/>
      <c r="DD5" s="488"/>
      <c r="DE5" s="488"/>
      <c r="DF5" s="488"/>
      <c r="DG5" s="488"/>
      <c r="DH5" s="489"/>
      <c r="DI5" s="490" t="s">
        <v>97</v>
      </c>
      <c r="DJ5" s="491"/>
      <c r="DK5" s="491"/>
      <c r="DL5" s="491"/>
      <c r="DM5" s="491"/>
      <c r="DN5" s="491"/>
      <c r="DO5" s="491"/>
      <c r="DP5" s="491"/>
      <c r="DQ5" s="491"/>
      <c r="DR5" s="491"/>
      <c r="DS5" s="492"/>
      <c r="DT5" s="490" t="s">
        <v>98</v>
      </c>
      <c r="DU5" s="491"/>
      <c r="DV5" s="491"/>
      <c r="DW5" s="491"/>
      <c r="DX5" s="491"/>
      <c r="DY5" s="491"/>
      <c r="DZ5" s="491"/>
      <c r="EA5" s="491"/>
      <c r="EB5" s="491"/>
      <c r="EC5" s="491"/>
      <c r="ED5" s="492"/>
      <c r="EE5" s="490" t="s">
        <v>99</v>
      </c>
      <c r="EF5" s="491"/>
      <c r="EG5" s="491"/>
      <c r="EH5" s="491"/>
      <c r="EI5" s="491"/>
      <c r="EJ5" s="491"/>
      <c r="EK5" s="491"/>
      <c r="EL5" s="491"/>
      <c r="EM5" s="491"/>
      <c r="EN5" s="491"/>
      <c r="EO5" s="492"/>
      <c r="EP5" s="490" t="s">
        <v>100</v>
      </c>
      <c r="EQ5" s="491"/>
      <c r="ER5" s="491"/>
      <c r="ES5" s="491"/>
      <c r="ET5" s="491"/>
      <c r="EU5" s="491"/>
      <c r="EV5" s="491"/>
      <c r="EW5" s="491"/>
      <c r="EX5" s="491"/>
      <c r="EY5" s="491"/>
      <c r="EZ5" s="492"/>
      <c r="FA5" s="490" t="s">
        <v>101</v>
      </c>
      <c r="FB5" s="491"/>
      <c r="FC5" s="491"/>
      <c r="FD5" s="491"/>
      <c r="FE5" s="491"/>
      <c r="FF5" s="491"/>
      <c r="FG5" s="491"/>
      <c r="FH5" s="491"/>
      <c r="FI5" s="491"/>
      <c r="FJ5" s="491"/>
      <c r="FK5" s="492"/>
      <c r="FL5" s="490" t="s">
        <v>102</v>
      </c>
      <c r="FM5" s="491"/>
      <c r="FN5" s="491"/>
      <c r="FO5" s="491"/>
      <c r="FP5" s="491"/>
      <c r="FQ5" s="491"/>
      <c r="FR5" s="491"/>
      <c r="FS5" s="491"/>
      <c r="FT5" s="491"/>
      <c r="FU5" s="491"/>
      <c r="FV5" s="492"/>
      <c r="FW5" s="484"/>
      <c r="FX5" s="485"/>
      <c r="FY5" s="485"/>
      <c r="FZ5" s="485"/>
      <c r="GA5" s="485"/>
      <c r="GB5" s="485"/>
      <c r="GC5" s="485"/>
      <c r="GD5" s="485"/>
      <c r="GE5" s="485"/>
      <c r="GF5" s="485"/>
      <c r="GG5" s="486"/>
      <c r="GH5" s="484"/>
      <c r="GI5" s="485"/>
      <c r="GJ5" s="485"/>
      <c r="GK5" s="485"/>
      <c r="GL5" s="485"/>
      <c r="GM5" s="485"/>
      <c r="GN5" s="485"/>
      <c r="GO5" s="485"/>
      <c r="GP5" s="485"/>
      <c r="GQ5" s="485"/>
      <c r="GR5" s="486"/>
      <c r="GS5" s="487"/>
      <c r="GT5" s="488"/>
      <c r="GU5" s="488"/>
      <c r="GV5" s="488"/>
      <c r="GW5" s="488"/>
      <c r="GX5" s="488"/>
      <c r="GY5" s="488"/>
      <c r="GZ5" s="488"/>
      <c r="HA5" s="488"/>
      <c r="HB5" s="488"/>
      <c r="HC5" s="489"/>
      <c r="HD5" s="490" t="s">
        <v>97</v>
      </c>
      <c r="HE5" s="491"/>
      <c r="HF5" s="491"/>
      <c r="HG5" s="491"/>
      <c r="HH5" s="491"/>
      <c r="HI5" s="491"/>
      <c r="HJ5" s="491"/>
      <c r="HK5" s="491"/>
      <c r="HL5" s="491"/>
      <c r="HM5" s="491"/>
      <c r="HN5" s="492"/>
      <c r="HO5" s="490" t="s">
        <v>98</v>
      </c>
      <c r="HP5" s="491"/>
      <c r="HQ5" s="491"/>
      <c r="HR5" s="491"/>
      <c r="HS5" s="491"/>
      <c r="HT5" s="491"/>
      <c r="HU5" s="491"/>
      <c r="HV5" s="491"/>
      <c r="HW5" s="491"/>
      <c r="HX5" s="491"/>
      <c r="HY5" s="492"/>
      <c r="HZ5" s="490" t="s">
        <v>99</v>
      </c>
      <c r="IA5" s="491"/>
      <c r="IB5" s="491"/>
      <c r="IC5" s="491"/>
      <c r="ID5" s="491"/>
      <c r="IE5" s="491"/>
      <c r="IF5" s="491"/>
      <c r="IG5" s="491"/>
      <c r="IH5" s="491"/>
      <c r="II5" s="491"/>
      <c r="IJ5" s="492"/>
      <c r="IK5" s="490" t="s">
        <v>100</v>
      </c>
      <c r="IL5" s="491"/>
      <c r="IM5" s="491"/>
      <c r="IN5" s="491"/>
      <c r="IO5" s="491"/>
      <c r="IP5" s="491"/>
      <c r="IQ5" s="491"/>
      <c r="IR5" s="491"/>
      <c r="IS5" s="491"/>
      <c r="IT5" s="491"/>
      <c r="IU5" s="492"/>
      <c r="IV5" s="490" t="s">
        <v>101</v>
      </c>
      <c r="IW5" s="491"/>
      <c r="IX5" s="491"/>
      <c r="IY5" s="491"/>
      <c r="IZ5" s="491"/>
      <c r="JA5" s="491"/>
      <c r="JB5" s="491"/>
      <c r="JC5" s="491"/>
      <c r="JD5" s="491"/>
      <c r="JE5" s="491"/>
      <c r="JF5" s="492"/>
      <c r="JG5" s="490" t="s">
        <v>102</v>
      </c>
      <c r="JH5" s="491"/>
      <c r="JI5" s="491"/>
      <c r="JJ5" s="491"/>
      <c r="JK5" s="491"/>
      <c r="JL5" s="491"/>
      <c r="JM5" s="491"/>
      <c r="JN5" s="491"/>
      <c r="JO5" s="491"/>
      <c r="JP5" s="491"/>
      <c r="JQ5" s="492"/>
      <c r="JR5" s="484"/>
      <c r="JS5" s="485"/>
      <c r="JT5" s="485"/>
      <c r="JU5" s="485"/>
      <c r="JV5" s="485"/>
      <c r="JW5" s="485"/>
      <c r="JX5" s="485"/>
      <c r="JY5" s="485"/>
      <c r="JZ5" s="485"/>
      <c r="KA5" s="485"/>
      <c r="KB5" s="486"/>
      <c r="KC5" s="484"/>
      <c r="KD5" s="485"/>
      <c r="KE5" s="485"/>
      <c r="KF5" s="485"/>
      <c r="KG5" s="485"/>
      <c r="KH5" s="485"/>
      <c r="KI5" s="485"/>
      <c r="KJ5" s="485"/>
      <c r="KK5" s="485"/>
      <c r="KL5" s="485"/>
      <c r="KM5" s="486"/>
    </row>
    <row r="6" spans="2:299" ht="30" customHeight="1" thickBot="1" x14ac:dyDescent="0.25">
      <c r="B6" s="311" t="s">
        <v>42</v>
      </c>
      <c r="C6" s="43" t="s">
        <v>43</v>
      </c>
      <c r="D6" s="41" t="s">
        <v>44</v>
      </c>
      <c r="E6" s="42" t="s">
        <v>45</v>
      </c>
      <c r="F6" s="44" t="s">
        <v>46</v>
      </c>
      <c r="G6" s="41" t="s">
        <v>47</v>
      </c>
      <c r="H6" s="41" t="s">
        <v>48</v>
      </c>
      <c r="I6" s="41" t="s">
        <v>49</v>
      </c>
      <c r="J6" s="41" t="s">
        <v>50</v>
      </c>
      <c r="K6" s="41" t="s">
        <v>51</v>
      </c>
      <c r="L6" s="42" t="s">
        <v>45</v>
      </c>
      <c r="M6" s="310" t="s">
        <v>52</v>
      </c>
      <c r="N6" s="314" t="s">
        <v>43</v>
      </c>
      <c r="O6" s="315" t="s">
        <v>44</v>
      </c>
      <c r="P6" s="316" t="s">
        <v>45</v>
      </c>
      <c r="Q6" s="317" t="s">
        <v>46</v>
      </c>
      <c r="R6" s="315" t="s">
        <v>47</v>
      </c>
      <c r="S6" s="315" t="s">
        <v>48</v>
      </c>
      <c r="T6" s="315" t="s">
        <v>49</v>
      </c>
      <c r="U6" s="315" t="s">
        <v>50</v>
      </c>
      <c r="V6" s="315" t="s">
        <v>51</v>
      </c>
      <c r="W6" s="316" t="s">
        <v>45</v>
      </c>
      <c r="X6" s="313" t="s">
        <v>52</v>
      </c>
      <c r="Y6" s="314" t="s">
        <v>43</v>
      </c>
      <c r="Z6" s="315" t="s">
        <v>44</v>
      </c>
      <c r="AA6" s="316" t="s">
        <v>45</v>
      </c>
      <c r="AB6" s="317" t="s">
        <v>46</v>
      </c>
      <c r="AC6" s="315" t="s">
        <v>47</v>
      </c>
      <c r="AD6" s="315" t="s">
        <v>48</v>
      </c>
      <c r="AE6" s="315" t="s">
        <v>49</v>
      </c>
      <c r="AF6" s="315" t="s">
        <v>50</v>
      </c>
      <c r="AG6" s="315" t="s">
        <v>51</v>
      </c>
      <c r="AH6" s="316" t="s">
        <v>45</v>
      </c>
      <c r="AI6" s="318" t="s">
        <v>52</v>
      </c>
      <c r="AJ6" s="314" t="s">
        <v>43</v>
      </c>
      <c r="AK6" s="315" t="s">
        <v>44</v>
      </c>
      <c r="AL6" s="316" t="s">
        <v>45</v>
      </c>
      <c r="AM6" s="317" t="s">
        <v>46</v>
      </c>
      <c r="AN6" s="315" t="s">
        <v>47</v>
      </c>
      <c r="AO6" s="315" t="s">
        <v>48</v>
      </c>
      <c r="AP6" s="315" t="s">
        <v>49</v>
      </c>
      <c r="AQ6" s="315" t="s">
        <v>50</v>
      </c>
      <c r="AR6" s="315" t="s">
        <v>51</v>
      </c>
      <c r="AS6" s="316" t="s">
        <v>45</v>
      </c>
      <c r="AT6" s="318" t="s">
        <v>52</v>
      </c>
      <c r="AU6" s="314" t="s">
        <v>43</v>
      </c>
      <c r="AV6" s="315" t="s">
        <v>44</v>
      </c>
      <c r="AW6" s="316" t="s">
        <v>45</v>
      </c>
      <c r="AX6" s="317" t="s">
        <v>46</v>
      </c>
      <c r="AY6" s="315" t="s">
        <v>47</v>
      </c>
      <c r="AZ6" s="315" t="s">
        <v>48</v>
      </c>
      <c r="BA6" s="315" t="s">
        <v>49</v>
      </c>
      <c r="BB6" s="315" t="s">
        <v>50</v>
      </c>
      <c r="BC6" s="315" t="s">
        <v>51</v>
      </c>
      <c r="BD6" s="316" t="s">
        <v>45</v>
      </c>
      <c r="BE6" s="318" t="s">
        <v>52</v>
      </c>
      <c r="BF6" s="314" t="s">
        <v>43</v>
      </c>
      <c r="BG6" s="315" t="s">
        <v>44</v>
      </c>
      <c r="BH6" s="316" t="s">
        <v>45</v>
      </c>
      <c r="BI6" s="317" t="s">
        <v>46</v>
      </c>
      <c r="BJ6" s="315" t="s">
        <v>47</v>
      </c>
      <c r="BK6" s="315" t="s">
        <v>48</v>
      </c>
      <c r="BL6" s="315" t="s">
        <v>49</v>
      </c>
      <c r="BM6" s="315" t="s">
        <v>50</v>
      </c>
      <c r="BN6" s="315" t="s">
        <v>51</v>
      </c>
      <c r="BO6" s="316" t="s">
        <v>45</v>
      </c>
      <c r="BP6" s="318" t="s">
        <v>52</v>
      </c>
      <c r="BQ6" s="314" t="s">
        <v>43</v>
      </c>
      <c r="BR6" s="315" t="s">
        <v>44</v>
      </c>
      <c r="BS6" s="316" t="s">
        <v>45</v>
      </c>
      <c r="BT6" s="317" t="s">
        <v>46</v>
      </c>
      <c r="BU6" s="315" t="s">
        <v>47</v>
      </c>
      <c r="BV6" s="315" t="s">
        <v>48</v>
      </c>
      <c r="BW6" s="315" t="s">
        <v>49</v>
      </c>
      <c r="BX6" s="315" t="s">
        <v>50</v>
      </c>
      <c r="BY6" s="315" t="s">
        <v>51</v>
      </c>
      <c r="BZ6" s="316" t="s">
        <v>45</v>
      </c>
      <c r="CA6" s="318" t="s">
        <v>52</v>
      </c>
      <c r="CB6" s="314" t="s">
        <v>43</v>
      </c>
      <c r="CC6" s="315" t="s">
        <v>44</v>
      </c>
      <c r="CD6" s="316" t="s">
        <v>45</v>
      </c>
      <c r="CE6" s="317" t="s">
        <v>46</v>
      </c>
      <c r="CF6" s="315" t="s">
        <v>47</v>
      </c>
      <c r="CG6" s="315" t="s">
        <v>48</v>
      </c>
      <c r="CH6" s="315" t="s">
        <v>49</v>
      </c>
      <c r="CI6" s="315" t="s">
        <v>50</v>
      </c>
      <c r="CJ6" s="315" t="s">
        <v>51</v>
      </c>
      <c r="CK6" s="316" t="s">
        <v>45</v>
      </c>
      <c r="CL6" s="318" t="s">
        <v>52</v>
      </c>
      <c r="CM6" s="314" t="s">
        <v>43</v>
      </c>
      <c r="CN6" s="315" t="s">
        <v>44</v>
      </c>
      <c r="CO6" s="316" t="s">
        <v>45</v>
      </c>
      <c r="CP6" s="317" t="s">
        <v>46</v>
      </c>
      <c r="CQ6" s="315" t="s">
        <v>47</v>
      </c>
      <c r="CR6" s="315" t="s">
        <v>48</v>
      </c>
      <c r="CS6" s="315" t="s">
        <v>49</v>
      </c>
      <c r="CT6" s="315" t="s">
        <v>50</v>
      </c>
      <c r="CU6" s="315" t="s">
        <v>51</v>
      </c>
      <c r="CV6" s="316" t="s">
        <v>45</v>
      </c>
      <c r="CW6" s="318" t="s">
        <v>52</v>
      </c>
      <c r="CX6" s="43" t="s">
        <v>43</v>
      </c>
      <c r="CY6" s="41" t="s">
        <v>44</v>
      </c>
      <c r="CZ6" s="42" t="s">
        <v>45</v>
      </c>
      <c r="DA6" s="44" t="s">
        <v>46</v>
      </c>
      <c r="DB6" s="41" t="s">
        <v>47</v>
      </c>
      <c r="DC6" s="41" t="s">
        <v>48</v>
      </c>
      <c r="DD6" s="41" t="s">
        <v>49</v>
      </c>
      <c r="DE6" s="41" t="s">
        <v>50</v>
      </c>
      <c r="DF6" s="41" t="s">
        <v>51</v>
      </c>
      <c r="DG6" s="42" t="s">
        <v>45</v>
      </c>
      <c r="DH6" s="310" t="s">
        <v>52</v>
      </c>
      <c r="DI6" s="314" t="s">
        <v>43</v>
      </c>
      <c r="DJ6" s="315" t="s">
        <v>44</v>
      </c>
      <c r="DK6" s="316" t="s">
        <v>45</v>
      </c>
      <c r="DL6" s="317" t="s">
        <v>46</v>
      </c>
      <c r="DM6" s="315" t="s">
        <v>47</v>
      </c>
      <c r="DN6" s="315" t="s">
        <v>48</v>
      </c>
      <c r="DO6" s="315" t="s">
        <v>49</v>
      </c>
      <c r="DP6" s="315" t="s">
        <v>50</v>
      </c>
      <c r="DQ6" s="315" t="s">
        <v>51</v>
      </c>
      <c r="DR6" s="316" t="s">
        <v>45</v>
      </c>
      <c r="DS6" s="318" t="s">
        <v>52</v>
      </c>
      <c r="DT6" s="314" t="s">
        <v>43</v>
      </c>
      <c r="DU6" s="315" t="s">
        <v>44</v>
      </c>
      <c r="DV6" s="316" t="s">
        <v>45</v>
      </c>
      <c r="DW6" s="317" t="s">
        <v>46</v>
      </c>
      <c r="DX6" s="315" t="s">
        <v>47</v>
      </c>
      <c r="DY6" s="315" t="s">
        <v>48</v>
      </c>
      <c r="DZ6" s="315" t="s">
        <v>49</v>
      </c>
      <c r="EA6" s="315" t="s">
        <v>50</v>
      </c>
      <c r="EB6" s="315" t="s">
        <v>51</v>
      </c>
      <c r="EC6" s="316" t="s">
        <v>45</v>
      </c>
      <c r="ED6" s="318" t="s">
        <v>52</v>
      </c>
      <c r="EE6" s="314" t="s">
        <v>43</v>
      </c>
      <c r="EF6" s="315" t="s">
        <v>44</v>
      </c>
      <c r="EG6" s="316" t="s">
        <v>45</v>
      </c>
      <c r="EH6" s="317" t="s">
        <v>46</v>
      </c>
      <c r="EI6" s="315" t="s">
        <v>47</v>
      </c>
      <c r="EJ6" s="315" t="s">
        <v>48</v>
      </c>
      <c r="EK6" s="315" t="s">
        <v>49</v>
      </c>
      <c r="EL6" s="315" t="s">
        <v>50</v>
      </c>
      <c r="EM6" s="315" t="s">
        <v>51</v>
      </c>
      <c r="EN6" s="316" t="s">
        <v>45</v>
      </c>
      <c r="EO6" s="318" t="s">
        <v>52</v>
      </c>
      <c r="EP6" s="314" t="s">
        <v>43</v>
      </c>
      <c r="EQ6" s="315" t="s">
        <v>44</v>
      </c>
      <c r="ER6" s="316" t="s">
        <v>45</v>
      </c>
      <c r="ES6" s="317" t="s">
        <v>46</v>
      </c>
      <c r="ET6" s="315" t="s">
        <v>47</v>
      </c>
      <c r="EU6" s="315" t="s">
        <v>48</v>
      </c>
      <c r="EV6" s="315" t="s">
        <v>49</v>
      </c>
      <c r="EW6" s="315" t="s">
        <v>50</v>
      </c>
      <c r="EX6" s="315" t="s">
        <v>51</v>
      </c>
      <c r="EY6" s="316" t="s">
        <v>45</v>
      </c>
      <c r="EZ6" s="318" t="s">
        <v>52</v>
      </c>
      <c r="FA6" s="314" t="s">
        <v>43</v>
      </c>
      <c r="FB6" s="315" t="s">
        <v>44</v>
      </c>
      <c r="FC6" s="316" t="s">
        <v>45</v>
      </c>
      <c r="FD6" s="317" t="s">
        <v>46</v>
      </c>
      <c r="FE6" s="315" t="s">
        <v>47</v>
      </c>
      <c r="FF6" s="315" t="s">
        <v>48</v>
      </c>
      <c r="FG6" s="315" t="s">
        <v>49</v>
      </c>
      <c r="FH6" s="315" t="s">
        <v>50</v>
      </c>
      <c r="FI6" s="315" t="s">
        <v>51</v>
      </c>
      <c r="FJ6" s="316" t="s">
        <v>45</v>
      </c>
      <c r="FK6" s="318" t="s">
        <v>52</v>
      </c>
      <c r="FL6" s="314" t="s">
        <v>43</v>
      </c>
      <c r="FM6" s="315" t="s">
        <v>44</v>
      </c>
      <c r="FN6" s="316" t="s">
        <v>45</v>
      </c>
      <c r="FO6" s="317" t="s">
        <v>46</v>
      </c>
      <c r="FP6" s="315" t="s">
        <v>47</v>
      </c>
      <c r="FQ6" s="315" t="s">
        <v>48</v>
      </c>
      <c r="FR6" s="315" t="s">
        <v>49</v>
      </c>
      <c r="FS6" s="315" t="s">
        <v>50</v>
      </c>
      <c r="FT6" s="315" t="s">
        <v>51</v>
      </c>
      <c r="FU6" s="316" t="s">
        <v>45</v>
      </c>
      <c r="FV6" s="318" t="s">
        <v>52</v>
      </c>
      <c r="FW6" s="314" t="s">
        <v>43</v>
      </c>
      <c r="FX6" s="315" t="s">
        <v>44</v>
      </c>
      <c r="FY6" s="316" t="s">
        <v>45</v>
      </c>
      <c r="FZ6" s="317" t="s">
        <v>46</v>
      </c>
      <c r="GA6" s="315" t="s">
        <v>47</v>
      </c>
      <c r="GB6" s="315" t="s">
        <v>48</v>
      </c>
      <c r="GC6" s="315" t="s">
        <v>49</v>
      </c>
      <c r="GD6" s="315" t="s">
        <v>50</v>
      </c>
      <c r="GE6" s="315" t="s">
        <v>51</v>
      </c>
      <c r="GF6" s="316" t="s">
        <v>45</v>
      </c>
      <c r="GG6" s="318" t="s">
        <v>52</v>
      </c>
      <c r="GH6" s="314" t="s">
        <v>43</v>
      </c>
      <c r="GI6" s="315" t="s">
        <v>44</v>
      </c>
      <c r="GJ6" s="316" t="s">
        <v>45</v>
      </c>
      <c r="GK6" s="317" t="s">
        <v>46</v>
      </c>
      <c r="GL6" s="315" t="s">
        <v>47</v>
      </c>
      <c r="GM6" s="315" t="s">
        <v>48</v>
      </c>
      <c r="GN6" s="315" t="s">
        <v>49</v>
      </c>
      <c r="GO6" s="315" t="s">
        <v>50</v>
      </c>
      <c r="GP6" s="315" t="s">
        <v>51</v>
      </c>
      <c r="GQ6" s="316" t="s">
        <v>45</v>
      </c>
      <c r="GR6" s="318" t="s">
        <v>52</v>
      </c>
      <c r="GS6" s="43" t="s">
        <v>43</v>
      </c>
      <c r="GT6" s="41" t="s">
        <v>44</v>
      </c>
      <c r="GU6" s="42" t="s">
        <v>45</v>
      </c>
      <c r="GV6" s="44" t="s">
        <v>46</v>
      </c>
      <c r="GW6" s="41" t="s">
        <v>47</v>
      </c>
      <c r="GX6" s="41" t="s">
        <v>48</v>
      </c>
      <c r="GY6" s="41" t="s">
        <v>49</v>
      </c>
      <c r="GZ6" s="41" t="s">
        <v>50</v>
      </c>
      <c r="HA6" s="41" t="s">
        <v>51</v>
      </c>
      <c r="HB6" s="42" t="s">
        <v>45</v>
      </c>
      <c r="HC6" s="310" t="s">
        <v>52</v>
      </c>
      <c r="HD6" s="314" t="s">
        <v>43</v>
      </c>
      <c r="HE6" s="315" t="s">
        <v>44</v>
      </c>
      <c r="HF6" s="316" t="s">
        <v>45</v>
      </c>
      <c r="HG6" s="317" t="s">
        <v>46</v>
      </c>
      <c r="HH6" s="315" t="s">
        <v>47</v>
      </c>
      <c r="HI6" s="315" t="s">
        <v>48</v>
      </c>
      <c r="HJ6" s="315" t="s">
        <v>49</v>
      </c>
      <c r="HK6" s="315" t="s">
        <v>50</v>
      </c>
      <c r="HL6" s="315" t="s">
        <v>51</v>
      </c>
      <c r="HM6" s="316" t="s">
        <v>45</v>
      </c>
      <c r="HN6" s="318" t="s">
        <v>52</v>
      </c>
      <c r="HO6" s="314" t="s">
        <v>43</v>
      </c>
      <c r="HP6" s="315" t="s">
        <v>44</v>
      </c>
      <c r="HQ6" s="316" t="s">
        <v>45</v>
      </c>
      <c r="HR6" s="317" t="s">
        <v>46</v>
      </c>
      <c r="HS6" s="315" t="s">
        <v>47</v>
      </c>
      <c r="HT6" s="315" t="s">
        <v>48</v>
      </c>
      <c r="HU6" s="315" t="s">
        <v>49</v>
      </c>
      <c r="HV6" s="315" t="s">
        <v>50</v>
      </c>
      <c r="HW6" s="315" t="s">
        <v>51</v>
      </c>
      <c r="HX6" s="316" t="s">
        <v>45</v>
      </c>
      <c r="HY6" s="318" t="s">
        <v>52</v>
      </c>
      <c r="HZ6" s="314" t="s">
        <v>43</v>
      </c>
      <c r="IA6" s="315" t="s">
        <v>44</v>
      </c>
      <c r="IB6" s="316" t="s">
        <v>45</v>
      </c>
      <c r="IC6" s="317" t="s">
        <v>46</v>
      </c>
      <c r="ID6" s="315" t="s">
        <v>47</v>
      </c>
      <c r="IE6" s="315" t="s">
        <v>48</v>
      </c>
      <c r="IF6" s="315" t="s">
        <v>49</v>
      </c>
      <c r="IG6" s="315" t="s">
        <v>50</v>
      </c>
      <c r="IH6" s="315" t="s">
        <v>51</v>
      </c>
      <c r="II6" s="316" t="s">
        <v>45</v>
      </c>
      <c r="IJ6" s="318" t="s">
        <v>52</v>
      </c>
      <c r="IK6" s="314" t="s">
        <v>43</v>
      </c>
      <c r="IL6" s="315" t="s">
        <v>44</v>
      </c>
      <c r="IM6" s="316" t="s">
        <v>45</v>
      </c>
      <c r="IN6" s="317" t="s">
        <v>46</v>
      </c>
      <c r="IO6" s="315" t="s">
        <v>47</v>
      </c>
      <c r="IP6" s="315" t="s">
        <v>48</v>
      </c>
      <c r="IQ6" s="315" t="s">
        <v>49</v>
      </c>
      <c r="IR6" s="315" t="s">
        <v>50</v>
      </c>
      <c r="IS6" s="315" t="s">
        <v>51</v>
      </c>
      <c r="IT6" s="316" t="s">
        <v>45</v>
      </c>
      <c r="IU6" s="318" t="s">
        <v>52</v>
      </c>
      <c r="IV6" s="314" t="s">
        <v>43</v>
      </c>
      <c r="IW6" s="315" t="s">
        <v>44</v>
      </c>
      <c r="IX6" s="316" t="s">
        <v>45</v>
      </c>
      <c r="IY6" s="317" t="s">
        <v>46</v>
      </c>
      <c r="IZ6" s="315" t="s">
        <v>47</v>
      </c>
      <c r="JA6" s="315" t="s">
        <v>48</v>
      </c>
      <c r="JB6" s="315" t="s">
        <v>49</v>
      </c>
      <c r="JC6" s="315" t="s">
        <v>50</v>
      </c>
      <c r="JD6" s="315" t="s">
        <v>51</v>
      </c>
      <c r="JE6" s="316" t="s">
        <v>45</v>
      </c>
      <c r="JF6" s="318" t="s">
        <v>52</v>
      </c>
      <c r="JG6" s="314" t="s">
        <v>43</v>
      </c>
      <c r="JH6" s="315" t="s">
        <v>44</v>
      </c>
      <c r="JI6" s="316" t="s">
        <v>45</v>
      </c>
      <c r="JJ6" s="317" t="s">
        <v>46</v>
      </c>
      <c r="JK6" s="315" t="s">
        <v>47</v>
      </c>
      <c r="JL6" s="315" t="s">
        <v>48</v>
      </c>
      <c r="JM6" s="315" t="s">
        <v>49</v>
      </c>
      <c r="JN6" s="315" t="s">
        <v>50</v>
      </c>
      <c r="JO6" s="315" t="s">
        <v>51</v>
      </c>
      <c r="JP6" s="316" t="s">
        <v>45</v>
      </c>
      <c r="JQ6" s="318" t="s">
        <v>52</v>
      </c>
      <c r="JR6" s="314" t="s">
        <v>43</v>
      </c>
      <c r="JS6" s="315" t="s">
        <v>44</v>
      </c>
      <c r="JT6" s="316" t="s">
        <v>45</v>
      </c>
      <c r="JU6" s="317" t="s">
        <v>46</v>
      </c>
      <c r="JV6" s="315" t="s">
        <v>47</v>
      </c>
      <c r="JW6" s="315" t="s">
        <v>48</v>
      </c>
      <c r="JX6" s="315" t="s">
        <v>49</v>
      </c>
      <c r="JY6" s="315" t="s">
        <v>50</v>
      </c>
      <c r="JZ6" s="315" t="s">
        <v>51</v>
      </c>
      <c r="KA6" s="316" t="s">
        <v>45</v>
      </c>
      <c r="KB6" s="318" t="s">
        <v>52</v>
      </c>
      <c r="KC6" s="314" t="s">
        <v>43</v>
      </c>
      <c r="KD6" s="315" t="s">
        <v>44</v>
      </c>
      <c r="KE6" s="316" t="s">
        <v>45</v>
      </c>
      <c r="KF6" s="317" t="s">
        <v>46</v>
      </c>
      <c r="KG6" s="315" t="s">
        <v>47</v>
      </c>
      <c r="KH6" s="315" t="s">
        <v>48</v>
      </c>
      <c r="KI6" s="315" t="s">
        <v>49</v>
      </c>
      <c r="KJ6" s="315" t="s">
        <v>50</v>
      </c>
      <c r="KK6" s="315" t="s">
        <v>51</v>
      </c>
      <c r="KL6" s="316" t="s">
        <v>45</v>
      </c>
      <c r="KM6" s="318" t="s">
        <v>52</v>
      </c>
    </row>
    <row r="7" spans="2:299" ht="21" customHeight="1" x14ac:dyDescent="0.2">
      <c r="B7" s="435" t="s">
        <v>4</v>
      </c>
      <c r="C7" s="286">
        <v>3400</v>
      </c>
      <c r="D7" s="68">
        <v>3295</v>
      </c>
      <c r="E7" s="69">
        <v>6695</v>
      </c>
      <c r="F7" s="442">
        <v>0</v>
      </c>
      <c r="G7" s="68">
        <v>4355</v>
      </c>
      <c r="H7" s="68">
        <v>4083</v>
      </c>
      <c r="I7" s="68">
        <v>2424</v>
      </c>
      <c r="J7" s="68">
        <v>2011</v>
      </c>
      <c r="K7" s="68">
        <v>1342</v>
      </c>
      <c r="L7" s="70">
        <v>14215</v>
      </c>
      <c r="M7" s="71">
        <v>20910</v>
      </c>
      <c r="N7" s="56">
        <v>110</v>
      </c>
      <c r="O7" s="57">
        <v>130</v>
      </c>
      <c r="P7" s="58">
        <v>240</v>
      </c>
      <c r="Q7" s="442">
        <v>0</v>
      </c>
      <c r="R7" s="57">
        <v>120</v>
      </c>
      <c r="S7" s="57">
        <v>139</v>
      </c>
      <c r="T7" s="57">
        <v>87</v>
      </c>
      <c r="U7" s="57">
        <v>96</v>
      </c>
      <c r="V7" s="57">
        <v>71</v>
      </c>
      <c r="W7" s="58">
        <v>513</v>
      </c>
      <c r="X7" s="59">
        <v>753</v>
      </c>
      <c r="Y7" s="56">
        <v>240</v>
      </c>
      <c r="Z7" s="57">
        <v>262</v>
      </c>
      <c r="AA7" s="58">
        <v>502</v>
      </c>
      <c r="AB7" s="442">
        <v>0</v>
      </c>
      <c r="AC7" s="57">
        <v>270</v>
      </c>
      <c r="AD7" s="57">
        <v>305</v>
      </c>
      <c r="AE7" s="57">
        <v>152</v>
      </c>
      <c r="AF7" s="57">
        <v>148</v>
      </c>
      <c r="AG7" s="57">
        <v>132</v>
      </c>
      <c r="AH7" s="58">
        <v>1007</v>
      </c>
      <c r="AI7" s="59">
        <v>1509</v>
      </c>
      <c r="AJ7" s="56">
        <v>376</v>
      </c>
      <c r="AK7" s="57">
        <v>420</v>
      </c>
      <c r="AL7" s="58">
        <v>796</v>
      </c>
      <c r="AM7" s="442">
        <v>0</v>
      </c>
      <c r="AN7" s="57">
        <v>492</v>
      </c>
      <c r="AO7" s="57">
        <v>451</v>
      </c>
      <c r="AP7" s="57">
        <v>252</v>
      </c>
      <c r="AQ7" s="57">
        <v>235</v>
      </c>
      <c r="AR7" s="57">
        <v>188</v>
      </c>
      <c r="AS7" s="58">
        <v>1618</v>
      </c>
      <c r="AT7" s="59">
        <v>2414</v>
      </c>
      <c r="AU7" s="56">
        <v>788</v>
      </c>
      <c r="AV7" s="57">
        <v>730</v>
      </c>
      <c r="AW7" s="58">
        <v>1518</v>
      </c>
      <c r="AX7" s="442">
        <v>0</v>
      </c>
      <c r="AY7" s="57">
        <v>1003</v>
      </c>
      <c r="AZ7" s="57">
        <v>826</v>
      </c>
      <c r="BA7" s="57">
        <v>477</v>
      </c>
      <c r="BB7" s="57">
        <v>392</v>
      </c>
      <c r="BC7" s="57">
        <v>268</v>
      </c>
      <c r="BD7" s="58">
        <v>2966</v>
      </c>
      <c r="BE7" s="59">
        <v>4484</v>
      </c>
      <c r="BF7" s="56">
        <v>1067</v>
      </c>
      <c r="BG7" s="57">
        <v>911</v>
      </c>
      <c r="BH7" s="58">
        <v>1978</v>
      </c>
      <c r="BI7" s="442">
        <v>0</v>
      </c>
      <c r="BJ7" s="57">
        <v>1330</v>
      </c>
      <c r="BK7" s="57">
        <v>1152</v>
      </c>
      <c r="BL7" s="57">
        <v>668</v>
      </c>
      <c r="BM7" s="57">
        <v>537</v>
      </c>
      <c r="BN7" s="57">
        <v>320</v>
      </c>
      <c r="BO7" s="58">
        <v>4007</v>
      </c>
      <c r="BP7" s="59">
        <v>5985</v>
      </c>
      <c r="BQ7" s="56">
        <v>819</v>
      </c>
      <c r="BR7" s="57">
        <v>842</v>
      </c>
      <c r="BS7" s="58">
        <v>1661</v>
      </c>
      <c r="BT7" s="442">
        <v>0</v>
      </c>
      <c r="BU7" s="57">
        <v>1140</v>
      </c>
      <c r="BV7" s="57">
        <v>1210</v>
      </c>
      <c r="BW7" s="57">
        <v>788</v>
      </c>
      <c r="BX7" s="57">
        <v>603</v>
      </c>
      <c r="BY7" s="57">
        <v>363</v>
      </c>
      <c r="BZ7" s="58">
        <v>4104</v>
      </c>
      <c r="CA7" s="59">
        <v>5765</v>
      </c>
      <c r="CB7" s="56">
        <v>0</v>
      </c>
      <c r="CC7" s="57">
        <v>0</v>
      </c>
      <c r="CD7" s="58">
        <v>0</v>
      </c>
      <c r="CE7" s="442">
        <v>0</v>
      </c>
      <c r="CF7" s="57">
        <v>0</v>
      </c>
      <c r="CG7" s="57">
        <v>0</v>
      </c>
      <c r="CH7" s="57">
        <v>0</v>
      </c>
      <c r="CI7" s="57">
        <v>0</v>
      </c>
      <c r="CJ7" s="57">
        <v>0</v>
      </c>
      <c r="CK7" s="58">
        <v>0</v>
      </c>
      <c r="CL7" s="59">
        <v>0</v>
      </c>
      <c r="CM7" s="56">
        <v>3400</v>
      </c>
      <c r="CN7" s="57">
        <v>3295</v>
      </c>
      <c r="CO7" s="58">
        <v>6695</v>
      </c>
      <c r="CP7" s="442">
        <v>0</v>
      </c>
      <c r="CQ7" s="57">
        <v>4355</v>
      </c>
      <c r="CR7" s="57">
        <v>4083</v>
      </c>
      <c r="CS7" s="57">
        <v>2424</v>
      </c>
      <c r="CT7" s="57">
        <v>2011</v>
      </c>
      <c r="CU7" s="57">
        <v>1342</v>
      </c>
      <c r="CV7" s="58">
        <v>14215</v>
      </c>
      <c r="CW7" s="59">
        <v>20910</v>
      </c>
      <c r="CX7" s="112">
        <v>1222</v>
      </c>
      <c r="CY7" s="68">
        <v>1412</v>
      </c>
      <c r="CZ7" s="69">
        <v>2634</v>
      </c>
      <c r="DA7" s="442">
        <v>0</v>
      </c>
      <c r="DB7" s="68">
        <v>1816</v>
      </c>
      <c r="DC7" s="68">
        <v>1617</v>
      </c>
      <c r="DD7" s="68">
        <v>1089</v>
      </c>
      <c r="DE7" s="68">
        <v>1081</v>
      </c>
      <c r="DF7" s="68">
        <v>706</v>
      </c>
      <c r="DG7" s="70">
        <v>6309</v>
      </c>
      <c r="DH7" s="71">
        <v>8943</v>
      </c>
      <c r="DI7" s="56">
        <v>34</v>
      </c>
      <c r="DJ7" s="57">
        <v>36</v>
      </c>
      <c r="DK7" s="58">
        <v>70</v>
      </c>
      <c r="DL7" s="442">
        <v>0</v>
      </c>
      <c r="DM7" s="57">
        <v>26</v>
      </c>
      <c r="DN7" s="57">
        <v>30</v>
      </c>
      <c r="DO7" s="57">
        <v>19</v>
      </c>
      <c r="DP7" s="57">
        <v>15</v>
      </c>
      <c r="DQ7" s="57">
        <v>13</v>
      </c>
      <c r="DR7" s="58">
        <v>103</v>
      </c>
      <c r="DS7" s="59">
        <v>173</v>
      </c>
      <c r="DT7" s="56">
        <v>94</v>
      </c>
      <c r="DU7" s="57">
        <v>95</v>
      </c>
      <c r="DV7" s="58">
        <v>189</v>
      </c>
      <c r="DW7" s="442">
        <v>0</v>
      </c>
      <c r="DX7" s="57">
        <v>71</v>
      </c>
      <c r="DY7" s="57">
        <v>71</v>
      </c>
      <c r="DZ7" s="57">
        <v>44</v>
      </c>
      <c r="EA7" s="57">
        <v>34</v>
      </c>
      <c r="EB7" s="57">
        <v>33</v>
      </c>
      <c r="EC7" s="58">
        <v>253</v>
      </c>
      <c r="ED7" s="59">
        <v>442</v>
      </c>
      <c r="EE7" s="56">
        <v>172</v>
      </c>
      <c r="EF7" s="57">
        <v>201</v>
      </c>
      <c r="EG7" s="58">
        <v>373</v>
      </c>
      <c r="EH7" s="442">
        <v>0</v>
      </c>
      <c r="EI7" s="57">
        <v>198</v>
      </c>
      <c r="EJ7" s="57">
        <v>161</v>
      </c>
      <c r="EK7" s="57">
        <v>69</v>
      </c>
      <c r="EL7" s="57">
        <v>74</v>
      </c>
      <c r="EM7" s="57">
        <v>69</v>
      </c>
      <c r="EN7" s="58">
        <v>571</v>
      </c>
      <c r="EO7" s="59">
        <v>944</v>
      </c>
      <c r="EP7" s="56">
        <v>361</v>
      </c>
      <c r="EQ7" s="57">
        <v>330</v>
      </c>
      <c r="ER7" s="58">
        <v>691</v>
      </c>
      <c r="ES7" s="442">
        <v>0</v>
      </c>
      <c r="ET7" s="57">
        <v>345</v>
      </c>
      <c r="EU7" s="57">
        <v>294</v>
      </c>
      <c r="EV7" s="57">
        <v>171</v>
      </c>
      <c r="EW7" s="57">
        <v>146</v>
      </c>
      <c r="EX7" s="57">
        <v>96</v>
      </c>
      <c r="EY7" s="58">
        <v>1052</v>
      </c>
      <c r="EZ7" s="59">
        <v>1743</v>
      </c>
      <c r="FA7" s="56">
        <v>329</v>
      </c>
      <c r="FB7" s="57">
        <v>438</v>
      </c>
      <c r="FC7" s="58">
        <v>767</v>
      </c>
      <c r="FD7" s="442">
        <v>0</v>
      </c>
      <c r="FE7" s="57">
        <v>566</v>
      </c>
      <c r="FF7" s="57">
        <v>448</v>
      </c>
      <c r="FG7" s="57">
        <v>284</v>
      </c>
      <c r="FH7" s="57">
        <v>257</v>
      </c>
      <c r="FI7" s="57">
        <v>172</v>
      </c>
      <c r="FJ7" s="58">
        <v>1727</v>
      </c>
      <c r="FK7" s="59">
        <v>2494</v>
      </c>
      <c r="FL7" s="56">
        <v>232</v>
      </c>
      <c r="FM7" s="57">
        <v>312</v>
      </c>
      <c r="FN7" s="58">
        <v>544</v>
      </c>
      <c r="FO7" s="442">
        <v>0</v>
      </c>
      <c r="FP7" s="57">
        <v>610</v>
      </c>
      <c r="FQ7" s="57">
        <v>613</v>
      </c>
      <c r="FR7" s="57">
        <v>502</v>
      </c>
      <c r="FS7" s="57">
        <v>555</v>
      </c>
      <c r="FT7" s="57">
        <v>323</v>
      </c>
      <c r="FU7" s="58">
        <v>2603</v>
      </c>
      <c r="FV7" s="59">
        <v>3147</v>
      </c>
      <c r="FW7" s="56">
        <v>0</v>
      </c>
      <c r="FX7" s="57">
        <v>0</v>
      </c>
      <c r="FY7" s="58">
        <v>0</v>
      </c>
      <c r="FZ7" s="442">
        <v>0</v>
      </c>
      <c r="GA7" s="57">
        <v>0</v>
      </c>
      <c r="GB7" s="57">
        <v>0</v>
      </c>
      <c r="GC7" s="57">
        <v>0</v>
      </c>
      <c r="GD7" s="57">
        <v>0</v>
      </c>
      <c r="GE7" s="57">
        <v>0</v>
      </c>
      <c r="GF7" s="58">
        <v>0</v>
      </c>
      <c r="GG7" s="59">
        <v>0</v>
      </c>
      <c r="GH7" s="56">
        <v>1222</v>
      </c>
      <c r="GI7" s="57">
        <v>1412</v>
      </c>
      <c r="GJ7" s="58">
        <v>2634</v>
      </c>
      <c r="GK7" s="442">
        <v>0</v>
      </c>
      <c r="GL7" s="57">
        <v>1816</v>
      </c>
      <c r="GM7" s="57">
        <v>1617</v>
      </c>
      <c r="GN7" s="57">
        <v>1089</v>
      </c>
      <c r="GO7" s="57">
        <v>1081</v>
      </c>
      <c r="GP7" s="57">
        <v>706</v>
      </c>
      <c r="GQ7" s="58">
        <v>6309</v>
      </c>
      <c r="GR7" s="59">
        <v>8943</v>
      </c>
      <c r="GS7" s="112">
        <v>4622</v>
      </c>
      <c r="GT7" s="68">
        <v>4707</v>
      </c>
      <c r="GU7" s="69">
        <v>9329</v>
      </c>
      <c r="GV7" s="442">
        <v>0</v>
      </c>
      <c r="GW7" s="68">
        <v>6171</v>
      </c>
      <c r="GX7" s="68">
        <v>5700</v>
      </c>
      <c r="GY7" s="68">
        <v>3513</v>
      </c>
      <c r="GZ7" s="68">
        <v>3092</v>
      </c>
      <c r="HA7" s="68">
        <v>2048</v>
      </c>
      <c r="HB7" s="70">
        <v>20524</v>
      </c>
      <c r="HC7" s="71">
        <v>29853</v>
      </c>
      <c r="HD7" s="56">
        <v>144</v>
      </c>
      <c r="HE7" s="57">
        <v>166</v>
      </c>
      <c r="HF7" s="58">
        <v>310</v>
      </c>
      <c r="HG7" s="442">
        <v>0</v>
      </c>
      <c r="HH7" s="57">
        <v>146</v>
      </c>
      <c r="HI7" s="57">
        <v>169</v>
      </c>
      <c r="HJ7" s="57">
        <v>106</v>
      </c>
      <c r="HK7" s="57">
        <v>111</v>
      </c>
      <c r="HL7" s="57">
        <v>84</v>
      </c>
      <c r="HM7" s="58">
        <v>616</v>
      </c>
      <c r="HN7" s="59">
        <v>926</v>
      </c>
      <c r="HO7" s="56">
        <v>334</v>
      </c>
      <c r="HP7" s="57">
        <v>357</v>
      </c>
      <c r="HQ7" s="58">
        <v>691</v>
      </c>
      <c r="HR7" s="442">
        <v>0</v>
      </c>
      <c r="HS7" s="57">
        <v>341</v>
      </c>
      <c r="HT7" s="57">
        <v>376</v>
      </c>
      <c r="HU7" s="57">
        <v>196</v>
      </c>
      <c r="HV7" s="57">
        <v>182</v>
      </c>
      <c r="HW7" s="57">
        <v>165</v>
      </c>
      <c r="HX7" s="58">
        <v>1260</v>
      </c>
      <c r="HY7" s="59">
        <v>1951</v>
      </c>
      <c r="HZ7" s="56">
        <v>548</v>
      </c>
      <c r="IA7" s="57">
        <v>621</v>
      </c>
      <c r="IB7" s="58">
        <v>1169</v>
      </c>
      <c r="IC7" s="442">
        <v>0</v>
      </c>
      <c r="ID7" s="57">
        <v>690</v>
      </c>
      <c r="IE7" s="57">
        <v>612</v>
      </c>
      <c r="IF7" s="57">
        <v>321</v>
      </c>
      <c r="IG7" s="57">
        <v>309</v>
      </c>
      <c r="IH7" s="57">
        <v>257</v>
      </c>
      <c r="II7" s="58">
        <v>2189</v>
      </c>
      <c r="IJ7" s="59">
        <v>3358</v>
      </c>
      <c r="IK7" s="56">
        <v>1149</v>
      </c>
      <c r="IL7" s="57">
        <v>1060</v>
      </c>
      <c r="IM7" s="58">
        <v>2209</v>
      </c>
      <c r="IN7" s="442">
        <v>0</v>
      </c>
      <c r="IO7" s="57">
        <v>1348</v>
      </c>
      <c r="IP7" s="57">
        <v>1120</v>
      </c>
      <c r="IQ7" s="57">
        <v>648</v>
      </c>
      <c r="IR7" s="57">
        <v>538</v>
      </c>
      <c r="IS7" s="57">
        <v>364</v>
      </c>
      <c r="IT7" s="58">
        <v>4018</v>
      </c>
      <c r="IU7" s="59">
        <v>6227</v>
      </c>
      <c r="IV7" s="56">
        <v>1396</v>
      </c>
      <c r="IW7" s="57">
        <v>1349</v>
      </c>
      <c r="IX7" s="58">
        <v>2745</v>
      </c>
      <c r="IY7" s="442">
        <v>0</v>
      </c>
      <c r="IZ7" s="57">
        <v>1896</v>
      </c>
      <c r="JA7" s="57">
        <v>1600</v>
      </c>
      <c r="JB7" s="57">
        <v>952</v>
      </c>
      <c r="JC7" s="57">
        <v>794</v>
      </c>
      <c r="JD7" s="57">
        <v>492</v>
      </c>
      <c r="JE7" s="58">
        <v>5734</v>
      </c>
      <c r="JF7" s="59">
        <v>8479</v>
      </c>
      <c r="JG7" s="56">
        <v>1051</v>
      </c>
      <c r="JH7" s="57">
        <v>1154</v>
      </c>
      <c r="JI7" s="58">
        <v>2205</v>
      </c>
      <c r="JJ7" s="442">
        <v>0</v>
      </c>
      <c r="JK7" s="57">
        <v>1750</v>
      </c>
      <c r="JL7" s="57">
        <v>1823</v>
      </c>
      <c r="JM7" s="57">
        <v>1290</v>
      </c>
      <c r="JN7" s="57">
        <v>1158</v>
      </c>
      <c r="JO7" s="57">
        <v>686</v>
      </c>
      <c r="JP7" s="58">
        <v>6707</v>
      </c>
      <c r="JQ7" s="59">
        <v>8912</v>
      </c>
      <c r="JR7" s="56">
        <v>0</v>
      </c>
      <c r="JS7" s="57">
        <v>0</v>
      </c>
      <c r="JT7" s="58">
        <v>0</v>
      </c>
      <c r="JU7" s="442">
        <v>0</v>
      </c>
      <c r="JV7" s="57">
        <v>0</v>
      </c>
      <c r="JW7" s="57">
        <v>0</v>
      </c>
      <c r="JX7" s="57">
        <v>0</v>
      </c>
      <c r="JY7" s="57">
        <v>0</v>
      </c>
      <c r="JZ7" s="57">
        <v>0</v>
      </c>
      <c r="KA7" s="58">
        <v>0</v>
      </c>
      <c r="KB7" s="59">
        <v>0</v>
      </c>
      <c r="KC7" s="56">
        <v>4622</v>
      </c>
      <c r="KD7" s="57">
        <v>4707</v>
      </c>
      <c r="KE7" s="58">
        <v>9329</v>
      </c>
      <c r="KF7" s="442">
        <v>0</v>
      </c>
      <c r="KG7" s="57">
        <v>6171</v>
      </c>
      <c r="KH7" s="57">
        <v>5700</v>
      </c>
      <c r="KI7" s="57">
        <v>3513</v>
      </c>
      <c r="KJ7" s="57">
        <v>3092</v>
      </c>
      <c r="KK7" s="57">
        <v>2048</v>
      </c>
      <c r="KL7" s="58">
        <v>20524</v>
      </c>
      <c r="KM7" s="59">
        <v>29853</v>
      </c>
    </row>
    <row r="8" spans="2:299" ht="21" customHeight="1" x14ac:dyDescent="0.2">
      <c r="B8" s="436" t="s">
        <v>5</v>
      </c>
      <c r="C8" s="287">
        <v>1507</v>
      </c>
      <c r="D8" s="72">
        <v>1658</v>
      </c>
      <c r="E8" s="73">
        <v>3165</v>
      </c>
      <c r="F8" s="443">
        <v>0</v>
      </c>
      <c r="G8" s="72">
        <v>1598</v>
      </c>
      <c r="H8" s="72">
        <v>1978</v>
      </c>
      <c r="I8" s="72">
        <v>1092</v>
      </c>
      <c r="J8" s="72">
        <v>910</v>
      </c>
      <c r="K8" s="72">
        <v>587</v>
      </c>
      <c r="L8" s="74">
        <v>6165</v>
      </c>
      <c r="M8" s="75">
        <v>9330</v>
      </c>
      <c r="N8" s="60">
        <v>47</v>
      </c>
      <c r="O8" s="61">
        <v>52</v>
      </c>
      <c r="P8" s="62">
        <v>99</v>
      </c>
      <c r="Q8" s="443">
        <v>0</v>
      </c>
      <c r="R8" s="61">
        <v>42</v>
      </c>
      <c r="S8" s="61">
        <v>68</v>
      </c>
      <c r="T8" s="61">
        <v>38</v>
      </c>
      <c r="U8" s="61">
        <v>42</v>
      </c>
      <c r="V8" s="61">
        <v>25</v>
      </c>
      <c r="W8" s="62">
        <v>215</v>
      </c>
      <c r="X8" s="63">
        <v>314</v>
      </c>
      <c r="Y8" s="60">
        <v>96</v>
      </c>
      <c r="Z8" s="61">
        <v>128</v>
      </c>
      <c r="AA8" s="62">
        <v>224</v>
      </c>
      <c r="AB8" s="443">
        <v>0</v>
      </c>
      <c r="AC8" s="61">
        <v>75</v>
      </c>
      <c r="AD8" s="61">
        <v>130</v>
      </c>
      <c r="AE8" s="61">
        <v>60</v>
      </c>
      <c r="AF8" s="61">
        <v>73</v>
      </c>
      <c r="AG8" s="61">
        <v>56</v>
      </c>
      <c r="AH8" s="62">
        <v>394</v>
      </c>
      <c r="AI8" s="63">
        <v>618</v>
      </c>
      <c r="AJ8" s="60">
        <v>153</v>
      </c>
      <c r="AK8" s="61">
        <v>219</v>
      </c>
      <c r="AL8" s="62">
        <v>372</v>
      </c>
      <c r="AM8" s="443">
        <v>0</v>
      </c>
      <c r="AN8" s="61">
        <v>165</v>
      </c>
      <c r="AO8" s="61">
        <v>201</v>
      </c>
      <c r="AP8" s="61">
        <v>110</v>
      </c>
      <c r="AQ8" s="61">
        <v>99</v>
      </c>
      <c r="AR8" s="61">
        <v>79</v>
      </c>
      <c r="AS8" s="62">
        <v>654</v>
      </c>
      <c r="AT8" s="63">
        <v>1026</v>
      </c>
      <c r="AU8" s="60">
        <v>349</v>
      </c>
      <c r="AV8" s="61">
        <v>371</v>
      </c>
      <c r="AW8" s="62">
        <v>720</v>
      </c>
      <c r="AX8" s="443">
        <v>0</v>
      </c>
      <c r="AY8" s="61">
        <v>335</v>
      </c>
      <c r="AZ8" s="61">
        <v>392</v>
      </c>
      <c r="BA8" s="61">
        <v>216</v>
      </c>
      <c r="BB8" s="61">
        <v>180</v>
      </c>
      <c r="BC8" s="61">
        <v>109</v>
      </c>
      <c r="BD8" s="62">
        <v>1232</v>
      </c>
      <c r="BE8" s="63">
        <v>1952</v>
      </c>
      <c r="BF8" s="60">
        <v>502</v>
      </c>
      <c r="BG8" s="61">
        <v>474</v>
      </c>
      <c r="BH8" s="62">
        <v>976</v>
      </c>
      <c r="BI8" s="443">
        <v>0</v>
      </c>
      <c r="BJ8" s="61">
        <v>545</v>
      </c>
      <c r="BK8" s="61">
        <v>571</v>
      </c>
      <c r="BL8" s="61">
        <v>300</v>
      </c>
      <c r="BM8" s="61">
        <v>242</v>
      </c>
      <c r="BN8" s="61">
        <v>144</v>
      </c>
      <c r="BO8" s="62">
        <v>1802</v>
      </c>
      <c r="BP8" s="63">
        <v>2778</v>
      </c>
      <c r="BQ8" s="60">
        <v>360</v>
      </c>
      <c r="BR8" s="61">
        <v>414</v>
      </c>
      <c r="BS8" s="62">
        <v>774</v>
      </c>
      <c r="BT8" s="443">
        <v>0</v>
      </c>
      <c r="BU8" s="61">
        <v>436</v>
      </c>
      <c r="BV8" s="61">
        <v>616</v>
      </c>
      <c r="BW8" s="61">
        <v>368</v>
      </c>
      <c r="BX8" s="61">
        <v>274</v>
      </c>
      <c r="BY8" s="61">
        <v>174</v>
      </c>
      <c r="BZ8" s="62">
        <v>1868</v>
      </c>
      <c r="CA8" s="63">
        <v>2642</v>
      </c>
      <c r="CB8" s="60">
        <v>0</v>
      </c>
      <c r="CC8" s="61">
        <v>0</v>
      </c>
      <c r="CD8" s="62">
        <v>0</v>
      </c>
      <c r="CE8" s="443">
        <v>0</v>
      </c>
      <c r="CF8" s="61">
        <v>0</v>
      </c>
      <c r="CG8" s="61">
        <v>0</v>
      </c>
      <c r="CH8" s="61">
        <v>0</v>
      </c>
      <c r="CI8" s="61">
        <v>0</v>
      </c>
      <c r="CJ8" s="61">
        <v>0</v>
      </c>
      <c r="CK8" s="62">
        <v>0</v>
      </c>
      <c r="CL8" s="63">
        <v>0</v>
      </c>
      <c r="CM8" s="60">
        <v>1507</v>
      </c>
      <c r="CN8" s="61">
        <v>1658</v>
      </c>
      <c r="CO8" s="62">
        <v>3165</v>
      </c>
      <c r="CP8" s="443">
        <v>0</v>
      </c>
      <c r="CQ8" s="61">
        <v>1598</v>
      </c>
      <c r="CR8" s="61">
        <v>1978</v>
      </c>
      <c r="CS8" s="61">
        <v>1092</v>
      </c>
      <c r="CT8" s="61">
        <v>910</v>
      </c>
      <c r="CU8" s="61">
        <v>587</v>
      </c>
      <c r="CV8" s="62">
        <v>6165</v>
      </c>
      <c r="CW8" s="63">
        <v>9330</v>
      </c>
      <c r="CX8" s="113">
        <v>469</v>
      </c>
      <c r="CY8" s="72">
        <v>640</v>
      </c>
      <c r="CZ8" s="73">
        <v>1109</v>
      </c>
      <c r="DA8" s="443">
        <v>0</v>
      </c>
      <c r="DB8" s="72">
        <v>665</v>
      </c>
      <c r="DC8" s="72">
        <v>768</v>
      </c>
      <c r="DD8" s="72">
        <v>476</v>
      </c>
      <c r="DE8" s="72">
        <v>482</v>
      </c>
      <c r="DF8" s="72">
        <v>312</v>
      </c>
      <c r="DG8" s="74">
        <v>2703</v>
      </c>
      <c r="DH8" s="75">
        <v>3812</v>
      </c>
      <c r="DI8" s="60">
        <v>12</v>
      </c>
      <c r="DJ8" s="61">
        <v>17</v>
      </c>
      <c r="DK8" s="62">
        <v>29</v>
      </c>
      <c r="DL8" s="443">
        <v>0</v>
      </c>
      <c r="DM8" s="61">
        <v>8</v>
      </c>
      <c r="DN8" s="61">
        <v>12</v>
      </c>
      <c r="DO8" s="61">
        <v>7</v>
      </c>
      <c r="DP8" s="61">
        <v>9</v>
      </c>
      <c r="DQ8" s="61">
        <v>8</v>
      </c>
      <c r="DR8" s="62">
        <v>44</v>
      </c>
      <c r="DS8" s="63">
        <v>73</v>
      </c>
      <c r="DT8" s="60">
        <v>42</v>
      </c>
      <c r="DU8" s="61">
        <v>44</v>
      </c>
      <c r="DV8" s="62">
        <v>86</v>
      </c>
      <c r="DW8" s="443">
        <v>0</v>
      </c>
      <c r="DX8" s="61">
        <v>13</v>
      </c>
      <c r="DY8" s="61">
        <v>34</v>
      </c>
      <c r="DZ8" s="61">
        <v>19</v>
      </c>
      <c r="EA8" s="61">
        <v>16</v>
      </c>
      <c r="EB8" s="61">
        <v>15</v>
      </c>
      <c r="EC8" s="62">
        <v>97</v>
      </c>
      <c r="ED8" s="63">
        <v>183</v>
      </c>
      <c r="EE8" s="60">
        <v>52</v>
      </c>
      <c r="EF8" s="61">
        <v>93</v>
      </c>
      <c r="EG8" s="62">
        <v>145</v>
      </c>
      <c r="EH8" s="443">
        <v>0</v>
      </c>
      <c r="EI8" s="61">
        <v>68</v>
      </c>
      <c r="EJ8" s="61">
        <v>86</v>
      </c>
      <c r="EK8" s="61">
        <v>30</v>
      </c>
      <c r="EL8" s="61">
        <v>36</v>
      </c>
      <c r="EM8" s="61">
        <v>32</v>
      </c>
      <c r="EN8" s="62">
        <v>252</v>
      </c>
      <c r="EO8" s="63">
        <v>397</v>
      </c>
      <c r="EP8" s="60">
        <v>142</v>
      </c>
      <c r="EQ8" s="61">
        <v>156</v>
      </c>
      <c r="ER8" s="62">
        <v>298</v>
      </c>
      <c r="ES8" s="443">
        <v>0</v>
      </c>
      <c r="ET8" s="61">
        <v>135</v>
      </c>
      <c r="EU8" s="61">
        <v>132</v>
      </c>
      <c r="EV8" s="61">
        <v>71</v>
      </c>
      <c r="EW8" s="61">
        <v>65</v>
      </c>
      <c r="EX8" s="61">
        <v>32</v>
      </c>
      <c r="EY8" s="62">
        <v>435</v>
      </c>
      <c r="EZ8" s="63">
        <v>733</v>
      </c>
      <c r="FA8" s="60">
        <v>125</v>
      </c>
      <c r="FB8" s="61">
        <v>204</v>
      </c>
      <c r="FC8" s="62">
        <v>329</v>
      </c>
      <c r="FD8" s="443">
        <v>0</v>
      </c>
      <c r="FE8" s="61">
        <v>225</v>
      </c>
      <c r="FF8" s="61">
        <v>216</v>
      </c>
      <c r="FG8" s="61">
        <v>122</v>
      </c>
      <c r="FH8" s="61">
        <v>127</v>
      </c>
      <c r="FI8" s="61">
        <v>71</v>
      </c>
      <c r="FJ8" s="62">
        <v>761</v>
      </c>
      <c r="FK8" s="63">
        <v>1090</v>
      </c>
      <c r="FL8" s="60">
        <v>96</v>
      </c>
      <c r="FM8" s="61">
        <v>126</v>
      </c>
      <c r="FN8" s="62">
        <v>222</v>
      </c>
      <c r="FO8" s="443">
        <v>0</v>
      </c>
      <c r="FP8" s="61">
        <v>216</v>
      </c>
      <c r="FQ8" s="61">
        <v>288</v>
      </c>
      <c r="FR8" s="61">
        <v>227</v>
      </c>
      <c r="FS8" s="61">
        <v>229</v>
      </c>
      <c r="FT8" s="61">
        <v>154</v>
      </c>
      <c r="FU8" s="62">
        <v>1114</v>
      </c>
      <c r="FV8" s="63">
        <v>1336</v>
      </c>
      <c r="FW8" s="60">
        <v>0</v>
      </c>
      <c r="FX8" s="61">
        <v>0</v>
      </c>
      <c r="FY8" s="62">
        <v>0</v>
      </c>
      <c r="FZ8" s="443">
        <v>0</v>
      </c>
      <c r="GA8" s="61">
        <v>0</v>
      </c>
      <c r="GB8" s="61">
        <v>0</v>
      </c>
      <c r="GC8" s="61">
        <v>0</v>
      </c>
      <c r="GD8" s="61">
        <v>0</v>
      </c>
      <c r="GE8" s="61">
        <v>0</v>
      </c>
      <c r="GF8" s="62">
        <v>0</v>
      </c>
      <c r="GG8" s="63">
        <v>0</v>
      </c>
      <c r="GH8" s="60">
        <v>469</v>
      </c>
      <c r="GI8" s="61">
        <v>640</v>
      </c>
      <c r="GJ8" s="62">
        <v>1109</v>
      </c>
      <c r="GK8" s="443">
        <v>0</v>
      </c>
      <c r="GL8" s="61">
        <v>665</v>
      </c>
      <c r="GM8" s="61">
        <v>768</v>
      </c>
      <c r="GN8" s="61">
        <v>476</v>
      </c>
      <c r="GO8" s="61">
        <v>482</v>
      </c>
      <c r="GP8" s="61">
        <v>312</v>
      </c>
      <c r="GQ8" s="62">
        <v>2703</v>
      </c>
      <c r="GR8" s="63">
        <v>3812</v>
      </c>
      <c r="GS8" s="113">
        <v>1976</v>
      </c>
      <c r="GT8" s="72">
        <v>2298</v>
      </c>
      <c r="GU8" s="73">
        <v>4274</v>
      </c>
      <c r="GV8" s="443">
        <v>0</v>
      </c>
      <c r="GW8" s="72">
        <v>2263</v>
      </c>
      <c r="GX8" s="72">
        <v>2746</v>
      </c>
      <c r="GY8" s="72">
        <v>1568</v>
      </c>
      <c r="GZ8" s="72">
        <v>1392</v>
      </c>
      <c r="HA8" s="72">
        <v>899</v>
      </c>
      <c r="HB8" s="74">
        <v>8868</v>
      </c>
      <c r="HC8" s="75">
        <v>13142</v>
      </c>
      <c r="HD8" s="60">
        <v>59</v>
      </c>
      <c r="HE8" s="61">
        <v>69</v>
      </c>
      <c r="HF8" s="62">
        <v>128</v>
      </c>
      <c r="HG8" s="443">
        <v>0</v>
      </c>
      <c r="HH8" s="61">
        <v>50</v>
      </c>
      <c r="HI8" s="61">
        <v>80</v>
      </c>
      <c r="HJ8" s="61">
        <v>45</v>
      </c>
      <c r="HK8" s="61">
        <v>51</v>
      </c>
      <c r="HL8" s="61">
        <v>33</v>
      </c>
      <c r="HM8" s="62">
        <v>259</v>
      </c>
      <c r="HN8" s="63">
        <v>387</v>
      </c>
      <c r="HO8" s="60">
        <v>138</v>
      </c>
      <c r="HP8" s="61">
        <v>172</v>
      </c>
      <c r="HQ8" s="62">
        <v>310</v>
      </c>
      <c r="HR8" s="443">
        <v>0</v>
      </c>
      <c r="HS8" s="61">
        <v>88</v>
      </c>
      <c r="HT8" s="61">
        <v>164</v>
      </c>
      <c r="HU8" s="61">
        <v>79</v>
      </c>
      <c r="HV8" s="61">
        <v>89</v>
      </c>
      <c r="HW8" s="61">
        <v>71</v>
      </c>
      <c r="HX8" s="62">
        <v>491</v>
      </c>
      <c r="HY8" s="63">
        <v>801</v>
      </c>
      <c r="HZ8" s="60">
        <v>205</v>
      </c>
      <c r="IA8" s="61">
        <v>312</v>
      </c>
      <c r="IB8" s="62">
        <v>517</v>
      </c>
      <c r="IC8" s="443">
        <v>0</v>
      </c>
      <c r="ID8" s="61">
        <v>233</v>
      </c>
      <c r="IE8" s="61">
        <v>287</v>
      </c>
      <c r="IF8" s="61">
        <v>140</v>
      </c>
      <c r="IG8" s="61">
        <v>135</v>
      </c>
      <c r="IH8" s="61">
        <v>111</v>
      </c>
      <c r="II8" s="62">
        <v>906</v>
      </c>
      <c r="IJ8" s="63">
        <v>1423</v>
      </c>
      <c r="IK8" s="60">
        <v>491</v>
      </c>
      <c r="IL8" s="61">
        <v>527</v>
      </c>
      <c r="IM8" s="62">
        <v>1018</v>
      </c>
      <c r="IN8" s="443">
        <v>0</v>
      </c>
      <c r="IO8" s="61">
        <v>470</v>
      </c>
      <c r="IP8" s="61">
        <v>524</v>
      </c>
      <c r="IQ8" s="61">
        <v>287</v>
      </c>
      <c r="IR8" s="61">
        <v>245</v>
      </c>
      <c r="IS8" s="61">
        <v>141</v>
      </c>
      <c r="IT8" s="62">
        <v>1667</v>
      </c>
      <c r="IU8" s="63">
        <v>2685</v>
      </c>
      <c r="IV8" s="60">
        <v>627</v>
      </c>
      <c r="IW8" s="61">
        <v>678</v>
      </c>
      <c r="IX8" s="62">
        <v>1305</v>
      </c>
      <c r="IY8" s="443">
        <v>0</v>
      </c>
      <c r="IZ8" s="61">
        <v>770</v>
      </c>
      <c r="JA8" s="61">
        <v>787</v>
      </c>
      <c r="JB8" s="61">
        <v>422</v>
      </c>
      <c r="JC8" s="61">
        <v>369</v>
      </c>
      <c r="JD8" s="61">
        <v>215</v>
      </c>
      <c r="JE8" s="62">
        <v>2563</v>
      </c>
      <c r="JF8" s="63">
        <v>3868</v>
      </c>
      <c r="JG8" s="60">
        <v>456</v>
      </c>
      <c r="JH8" s="61">
        <v>540</v>
      </c>
      <c r="JI8" s="62">
        <v>996</v>
      </c>
      <c r="JJ8" s="443">
        <v>0</v>
      </c>
      <c r="JK8" s="61">
        <v>652</v>
      </c>
      <c r="JL8" s="61">
        <v>904</v>
      </c>
      <c r="JM8" s="61">
        <v>595</v>
      </c>
      <c r="JN8" s="61">
        <v>503</v>
      </c>
      <c r="JO8" s="61">
        <v>328</v>
      </c>
      <c r="JP8" s="62">
        <v>2982</v>
      </c>
      <c r="JQ8" s="63">
        <v>3978</v>
      </c>
      <c r="JR8" s="60">
        <v>0</v>
      </c>
      <c r="JS8" s="61">
        <v>0</v>
      </c>
      <c r="JT8" s="62">
        <v>0</v>
      </c>
      <c r="JU8" s="443">
        <v>0</v>
      </c>
      <c r="JV8" s="61">
        <v>0</v>
      </c>
      <c r="JW8" s="61">
        <v>0</v>
      </c>
      <c r="JX8" s="61">
        <v>0</v>
      </c>
      <c r="JY8" s="61">
        <v>0</v>
      </c>
      <c r="JZ8" s="61">
        <v>0</v>
      </c>
      <c r="KA8" s="62">
        <v>0</v>
      </c>
      <c r="KB8" s="63">
        <v>0</v>
      </c>
      <c r="KC8" s="60">
        <v>1976</v>
      </c>
      <c r="KD8" s="61">
        <v>2298</v>
      </c>
      <c r="KE8" s="62">
        <v>4274</v>
      </c>
      <c r="KF8" s="443">
        <v>0</v>
      </c>
      <c r="KG8" s="61">
        <v>2263</v>
      </c>
      <c r="KH8" s="61">
        <v>2746</v>
      </c>
      <c r="KI8" s="61">
        <v>1568</v>
      </c>
      <c r="KJ8" s="61">
        <v>1392</v>
      </c>
      <c r="KK8" s="61">
        <v>899</v>
      </c>
      <c r="KL8" s="62">
        <v>8868</v>
      </c>
      <c r="KM8" s="63">
        <v>13142</v>
      </c>
    </row>
    <row r="9" spans="2:299" ht="21" customHeight="1" x14ac:dyDescent="0.2">
      <c r="B9" s="437" t="s">
        <v>6</v>
      </c>
      <c r="C9" s="287">
        <v>439</v>
      </c>
      <c r="D9" s="72">
        <v>419</v>
      </c>
      <c r="E9" s="73">
        <v>858</v>
      </c>
      <c r="F9" s="443">
        <v>0</v>
      </c>
      <c r="G9" s="72">
        <v>765</v>
      </c>
      <c r="H9" s="72">
        <v>578</v>
      </c>
      <c r="I9" s="72">
        <v>356</v>
      </c>
      <c r="J9" s="72">
        <v>308</v>
      </c>
      <c r="K9" s="72">
        <v>225</v>
      </c>
      <c r="L9" s="74">
        <v>2232</v>
      </c>
      <c r="M9" s="75">
        <v>3090</v>
      </c>
      <c r="N9" s="60">
        <v>26</v>
      </c>
      <c r="O9" s="61">
        <v>21</v>
      </c>
      <c r="P9" s="62">
        <v>47</v>
      </c>
      <c r="Q9" s="443">
        <v>0</v>
      </c>
      <c r="R9" s="61">
        <v>25</v>
      </c>
      <c r="S9" s="61">
        <v>25</v>
      </c>
      <c r="T9" s="61">
        <v>10</v>
      </c>
      <c r="U9" s="61">
        <v>13</v>
      </c>
      <c r="V9" s="61">
        <v>14</v>
      </c>
      <c r="W9" s="62">
        <v>87</v>
      </c>
      <c r="X9" s="63">
        <v>134</v>
      </c>
      <c r="Y9" s="60">
        <v>36</v>
      </c>
      <c r="Z9" s="61">
        <v>34</v>
      </c>
      <c r="AA9" s="62">
        <v>70</v>
      </c>
      <c r="AB9" s="443">
        <v>0</v>
      </c>
      <c r="AC9" s="61">
        <v>47</v>
      </c>
      <c r="AD9" s="61">
        <v>50</v>
      </c>
      <c r="AE9" s="61">
        <v>19</v>
      </c>
      <c r="AF9" s="61">
        <v>19</v>
      </c>
      <c r="AG9" s="61">
        <v>19</v>
      </c>
      <c r="AH9" s="62">
        <v>154</v>
      </c>
      <c r="AI9" s="63">
        <v>224</v>
      </c>
      <c r="AJ9" s="60">
        <v>52</v>
      </c>
      <c r="AK9" s="61">
        <v>45</v>
      </c>
      <c r="AL9" s="62">
        <v>97</v>
      </c>
      <c r="AM9" s="443">
        <v>0</v>
      </c>
      <c r="AN9" s="61">
        <v>92</v>
      </c>
      <c r="AO9" s="61">
        <v>65</v>
      </c>
      <c r="AP9" s="61">
        <v>43</v>
      </c>
      <c r="AQ9" s="61">
        <v>45</v>
      </c>
      <c r="AR9" s="61">
        <v>34</v>
      </c>
      <c r="AS9" s="62">
        <v>279</v>
      </c>
      <c r="AT9" s="63">
        <v>376</v>
      </c>
      <c r="AU9" s="60">
        <v>106</v>
      </c>
      <c r="AV9" s="61">
        <v>77</v>
      </c>
      <c r="AW9" s="62">
        <v>183</v>
      </c>
      <c r="AX9" s="443">
        <v>0</v>
      </c>
      <c r="AY9" s="61">
        <v>189</v>
      </c>
      <c r="AZ9" s="61">
        <v>118</v>
      </c>
      <c r="BA9" s="61">
        <v>65</v>
      </c>
      <c r="BB9" s="61">
        <v>56</v>
      </c>
      <c r="BC9" s="61">
        <v>42</v>
      </c>
      <c r="BD9" s="62">
        <v>470</v>
      </c>
      <c r="BE9" s="63">
        <v>653</v>
      </c>
      <c r="BF9" s="60">
        <v>113</v>
      </c>
      <c r="BG9" s="61">
        <v>114</v>
      </c>
      <c r="BH9" s="62">
        <v>227</v>
      </c>
      <c r="BI9" s="443">
        <v>0</v>
      </c>
      <c r="BJ9" s="61">
        <v>213</v>
      </c>
      <c r="BK9" s="61">
        <v>148</v>
      </c>
      <c r="BL9" s="61">
        <v>89</v>
      </c>
      <c r="BM9" s="61">
        <v>85</v>
      </c>
      <c r="BN9" s="61">
        <v>49</v>
      </c>
      <c r="BO9" s="62">
        <v>584</v>
      </c>
      <c r="BP9" s="63">
        <v>811</v>
      </c>
      <c r="BQ9" s="60">
        <v>106</v>
      </c>
      <c r="BR9" s="61">
        <v>128</v>
      </c>
      <c r="BS9" s="62">
        <v>234</v>
      </c>
      <c r="BT9" s="443">
        <v>0</v>
      </c>
      <c r="BU9" s="61">
        <v>199</v>
      </c>
      <c r="BV9" s="61">
        <v>172</v>
      </c>
      <c r="BW9" s="61">
        <v>130</v>
      </c>
      <c r="BX9" s="61">
        <v>90</v>
      </c>
      <c r="BY9" s="61">
        <v>67</v>
      </c>
      <c r="BZ9" s="62">
        <v>658</v>
      </c>
      <c r="CA9" s="63">
        <v>892</v>
      </c>
      <c r="CB9" s="60">
        <v>0</v>
      </c>
      <c r="CC9" s="61">
        <v>0</v>
      </c>
      <c r="CD9" s="62">
        <v>0</v>
      </c>
      <c r="CE9" s="443">
        <v>0</v>
      </c>
      <c r="CF9" s="61">
        <v>0</v>
      </c>
      <c r="CG9" s="61">
        <v>0</v>
      </c>
      <c r="CH9" s="61">
        <v>0</v>
      </c>
      <c r="CI9" s="61">
        <v>0</v>
      </c>
      <c r="CJ9" s="61">
        <v>0</v>
      </c>
      <c r="CK9" s="62">
        <v>0</v>
      </c>
      <c r="CL9" s="63">
        <v>0</v>
      </c>
      <c r="CM9" s="60">
        <v>439</v>
      </c>
      <c r="CN9" s="61">
        <v>419</v>
      </c>
      <c r="CO9" s="62">
        <v>858</v>
      </c>
      <c r="CP9" s="443">
        <v>0</v>
      </c>
      <c r="CQ9" s="61">
        <v>765</v>
      </c>
      <c r="CR9" s="61">
        <v>578</v>
      </c>
      <c r="CS9" s="61">
        <v>356</v>
      </c>
      <c r="CT9" s="61">
        <v>308</v>
      </c>
      <c r="CU9" s="61">
        <v>225</v>
      </c>
      <c r="CV9" s="62">
        <v>2232</v>
      </c>
      <c r="CW9" s="63">
        <v>3090</v>
      </c>
      <c r="CX9" s="113">
        <v>218</v>
      </c>
      <c r="CY9" s="72">
        <v>243</v>
      </c>
      <c r="CZ9" s="73">
        <v>461</v>
      </c>
      <c r="DA9" s="443">
        <v>0</v>
      </c>
      <c r="DB9" s="72">
        <v>386</v>
      </c>
      <c r="DC9" s="72">
        <v>275</v>
      </c>
      <c r="DD9" s="72">
        <v>189</v>
      </c>
      <c r="DE9" s="72">
        <v>179</v>
      </c>
      <c r="DF9" s="72">
        <v>121</v>
      </c>
      <c r="DG9" s="74">
        <v>1150</v>
      </c>
      <c r="DH9" s="75">
        <v>1611</v>
      </c>
      <c r="DI9" s="60">
        <v>3</v>
      </c>
      <c r="DJ9" s="61">
        <v>7</v>
      </c>
      <c r="DK9" s="62">
        <v>10</v>
      </c>
      <c r="DL9" s="443">
        <v>0</v>
      </c>
      <c r="DM9" s="61">
        <v>5</v>
      </c>
      <c r="DN9" s="61">
        <v>6</v>
      </c>
      <c r="DO9" s="61">
        <v>4</v>
      </c>
      <c r="DP9" s="61">
        <v>1</v>
      </c>
      <c r="DQ9" s="61">
        <v>1</v>
      </c>
      <c r="DR9" s="62">
        <v>17</v>
      </c>
      <c r="DS9" s="63">
        <v>27</v>
      </c>
      <c r="DT9" s="60">
        <v>11</v>
      </c>
      <c r="DU9" s="61">
        <v>22</v>
      </c>
      <c r="DV9" s="62">
        <v>33</v>
      </c>
      <c r="DW9" s="443">
        <v>0</v>
      </c>
      <c r="DX9" s="61">
        <v>19</v>
      </c>
      <c r="DY9" s="61">
        <v>11</v>
      </c>
      <c r="DZ9" s="61">
        <v>11</v>
      </c>
      <c r="EA9" s="61">
        <v>5</v>
      </c>
      <c r="EB9" s="61">
        <v>2</v>
      </c>
      <c r="EC9" s="62">
        <v>48</v>
      </c>
      <c r="ED9" s="63">
        <v>81</v>
      </c>
      <c r="EE9" s="60">
        <v>34</v>
      </c>
      <c r="EF9" s="61">
        <v>28</v>
      </c>
      <c r="EG9" s="62">
        <v>62</v>
      </c>
      <c r="EH9" s="443">
        <v>0</v>
      </c>
      <c r="EI9" s="61">
        <v>46</v>
      </c>
      <c r="EJ9" s="61">
        <v>18</v>
      </c>
      <c r="EK9" s="61">
        <v>13</v>
      </c>
      <c r="EL9" s="61">
        <v>10</v>
      </c>
      <c r="EM9" s="61">
        <v>15</v>
      </c>
      <c r="EN9" s="62">
        <v>102</v>
      </c>
      <c r="EO9" s="63">
        <v>164</v>
      </c>
      <c r="EP9" s="60">
        <v>71</v>
      </c>
      <c r="EQ9" s="61">
        <v>46</v>
      </c>
      <c r="ER9" s="62">
        <v>117</v>
      </c>
      <c r="ES9" s="443">
        <v>0</v>
      </c>
      <c r="ET9" s="61">
        <v>71</v>
      </c>
      <c r="EU9" s="61">
        <v>55</v>
      </c>
      <c r="EV9" s="61">
        <v>28</v>
      </c>
      <c r="EW9" s="61">
        <v>24</v>
      </c>
      <c r="EX9" s="61">
        <v>23</v>
      </c>
      <c r="EY9" s="62">
        <v>201</v>
      </c>
      <c r="EZ9" s="63">
        <v>318</v>
      </c>
      <c r="FA9" s="60">
        <v>57</v>
      </c>
      <c r="FB9" s="61">
        <v>81</v>
      </c>
      <c r="FC9" s="62">
        <v>138</v>
      </c>
      <c r="FD9" s="443">
        <v>0</v>
      </c>
      <c r="FE9" s="61">
        <v>111</v>
      </c>
      <c r="FF9" s="61">
        <v>73</v>
      </c>
      <c r="FG9" s="61">
        <v>62</v>
      </c>
      <c r="FH9" s="61">
        <v>38</v>
      </c>
      <c r="FI9" s="61">
        <v>33</v>
      </c>
      <c r="FJ9" s="62">
        <v>317</v>
      </c>
      <c r="FK9" s="63">
        <v>455</v>
      </c>
      <c r="FL9" s="60">
        <v>42</v>
      </c>
      <c r="FM9" s="61">
        <v>59</v>
      </c>
      <c r="FN9" s="62">
        <v>101</v>
      </c>
      <c r="FO9" s="443">
        <v>0</v>
      </c>
      <c r="FP9" s="61">
        <v>134</v>
      </c>
      <c r="FQ9" s="61">
        <v>112</v>
      </c>
      <c r="FR9" s="61">
        <v>71</v>
      </c>
      <c r="FS9" s="61">
        <v>101</v>
      </c>
      <c r="FT9" s="61">
        <v>47</v>
      </c>
      <c r="FU9" s="62">
        <v>465</v>
      </c>
      <c r="FV9" s="63">
        <v>566</v>
      </c>
      <c r="FW9" s="60">
        <v>0</v>
      </c>
      <c r="FX9" s="61">
        <v>0</v>
      </c>
      <c r="FY9" s="62">
        <v>0</v>
      </c>
      <c r="FZ9" s="443">
        <v>0</v>
      </c>
      <c r="GA9" s="61">
        <v>0</v>
      </c>
      <c r="GB9" s="61">
        <v>0</v>
      </c>
      <c r="GC9" s="61">
        <v>0</v>
      </c>
      <c r="GD9" s="61">
        <v>0</v>
      </c>
      <c r="GE9" s="61">
        <v>0</v>
      </c>
      <c r="GF9" s="62">
        <v>0</v>
      </c>
      <c r="GG9" s="63">
        <v>0</v>
      </c>
      <c r="GH9" s="60">
        <v>218</v>
      </c>
      <c r="GI9" s="61">
        <v>243</v>
      </c>
      <c r="GJ9" s="62">
        <v>461</v>
      </c>
      <c r="GK9" s="443">
        <v>0</v>
      </c>
      <c r="GL9" s="61">
        <v>386</v>
      </c>
      <c r="GM9" s="61">
        <v>275</v>
      </c>
      <c r="GN9" s="61">
        <v>189</v>
      </c>
      <c r="GO9" s="61">
        <v>179</v>
      </c>
      <c r="GP9" s="61">
        <v>121</v>
      </c>
      <c r="GQ9" s="62">
        <v>1150</v>
      </c>
      <c r="GR9" s="63">
        <v>1611</v>
      </c>
      <c r="GS9" s="113">
        <v>657</v>
      </c>
      <c r="GT9" s="72">
        <v>662</v>
      </c>
      <c r="GU9" s="73">
        <v>1319</v>
      </c>
      <c r="GV9" s="443">
        <v>0</v>
      </c>
      <c r="GW9" s="72">
        <v>1151</v>
      </c>
      <c r="GX9" s="72">
        <v>853</v>
      </c>
      <c r="GY9" s="72">
        <v>545</v>
      </c>
      <c r="GZ9" s="72">
        <v>487</v>
      </c>
      <c r="HA9" s="72">
        <v>346</v>
      </c>
      <c r="HB9" s="74">
        <v>3382</v>
      </c>
      <c r="HC9" s="75">
        <v>4701</v>
      </c>
      <c r="HD9" s="60">
        <v>29</v>
      </c>
      <c r="HE9" s="61">
        <v>28</v>
      </c>
      <c r="HF9" s="62">
        <v>57</v>
      </c>
      <c r="HG9" s="443">
        <v>0</v>
      </c>
      <c r="HH9" s="61">
        <v>30</v>
      </c>
      <c r="HI9" s="61">
        <v>31</v>
      </c>
      <c r="HJ9" s="61">
        <v>14</v>
      </c>
      <c r="HK9" s="61">
        <v>14</v>
      </c>
      <c r="HL9" s="61">
        <v>15</v>
      </c>
      <c r="HM9" s="62">
        <v>104</v>
      </c>
      <c r="HN9" s="63">
        <v>161</v>
      </c>
      <c r="HO9" s="60">
        <v>47</v>
      </c>
      <c r="HP9" s="61">
        <v>56</v>
      </c>
      <c r="HQ9" s="62">
        <v>103</v>
      </c>
      <c r="HR9" s="443">
        <v>0</v>
      </c>
      <c r="HS9" s="61">
        <v>66</v>
      </c>
      <c r="HT9" s="61">
        <v>61</v>
      </c>
      <c r="HU9" s="61">
        <v>30</v>
      </c>
      <c r="HV9" s="61">
        <v>24</v>
      </c>
      <c r="HW9" s="61">
        <v>21</v>
      </c>
      <c r="HX9" s="62">
        <v>202</v>
      </c>
      <c r="HY9" s="63">
        <v>305</v>
      </c>
      <c r="HZ9" s="60">
        <v>86</v>
      </c>
      <c r="IA9" s="61">
        <v>73</v>
      </c>
      <c r="IB9" s="62">
        <v>159</v>
      </c>
      <c r="IC9" s="443">
        <v>0</v>
      </c>
      <c r="ID9" s="61">
        <v>138</v>
      </c>
      <c r="IE9" s="61">
        <v>83</v>
      </c>
      <c r="IF9" s="61">
        <v>56</v>
      </c>
      <c r="IG9" s="61">
        <v>55</v>
      </c>
      <c r="IH9" s="61">
        <v>49</v>
      </c>
      <c r="II9" s="62">
        <v>381</v>
      </c>
      <c r="IJ9" s="63">
        <v>540</v>
      </c>
      <c r="IK9" s="60">
        <v>177</v>
      </c>
      <c r="IL9" s="61">
        <v>123</v>
      </c>
      <c r="IM9" s="62">
        <v>300</v>
      </c>
      <c r="IN9" s="443">
        <v>0</v>
      </c>
      <c r="IO9" s="61">
        <v>260</v>
      </c>
      <c r="IP9" s="61">
        <v>173</v>
      </c>
      <c r="IQ9" s="61">
        <v>93</v>
      </c>
      <c r="IR9" s="61">
        <v>80</v>
      </c>
      <c r="IS9" s="61">
        <v>65</v>
      </c>
      <c r="IT9" s="62">
        <v>671</v>
      </c>
      <c r="IU9" s="63">
        <v>971</v>
      </c>
      <c r="IV9" s="60">
        <v>170</v>
      </c>
      <c r="IW9" s="61">
        <v>195</v>
      </c>
      <c r="IX9" s="62">
        <v>365</v>
      </c>
      <c r="IY9" s="443">
        <v>0</v>
      </c>
      <c r="IZ9" s="61">
        <v>324</v>
      </c>
      <c r="JA9" s="61">
        <v>221</v>
      </c>
      <c r="JB9" s="61">
        <v>151</v>
      </c>
      <c r="JC9" s="61">
        <v>123</v>
      </c>
      <c r="JD9" s="61">
        <v>82</v>
      </c>
      <c r="JE9" s="62">
        <v>901</v>
      </c>
      <c r="JF9" s="63">
        <v>1266</v>
      </c>
      <c r="JG9" s="60">
        <v>148</v>
      </c>
      <c r="JH9" s="61">
        <v>187</v>
      </c>
      <c r="JI9" s="62">
        <v>335</v>
      </c>
      <c r="JJ9" s="443">
        <v>0</v>
      </c>
      <c r="JK9" s="61">
        <v>333</v>
      </c>
      <c r="JL9" s="61">
        <v>284</v>
      </c>
      <c r="JM9" s="61">
        <v>201</v>
      </c>
      <c r="JN9" s="61">
        <v>191</v>
      </c>
      <c r="JO9" s="61">
        <v>114</v>
      </c>
      <c r="JP9" s="62">
        <v>1123</v>
      </c>
      <c r="JQ9" s="63">
        <v>1458</v>
      </c>
      <c r="JR9" s="60">
        <v>0</v>
      </c>
      <c r="JS9" s="61">
        <v>0</v>
      </c>
      <c r="JT9" s="62">
        <v>0</v>
      </c>
      <c r="JU9" s="443">
        <v>0</v>
      </c>
      <c r="JV9" s="61">
        <v>0</v>
      </c>
      <c r="JW9" s="61">
        <v>0</v>
      </c>
      <c r="JX9" s="61">
        <v>0</v>
      </c>
      <c r="JY9" s="61">
        <v>0</v>
      </c>
      <c r="JZ9" s="61">
        <v>0</v>
      </c>
      <c r="KA9" s="62">
        <v>0</v>
      </c>
      <c r="KB9" s="63">
        <v>0</v>
      </c>
      <c r="KC9" s="60">
        <v>657</v>
      </c>
      <c r="KD9" s="61">
        <v>662</v>
      </c>
      <c r="KE9" s="62">
        <v>1319</v>
      </c>
      <c r="KF9" s="443">
        <v>0</v>
      </c>
      <c r="KG9" s="61">
        <v>1151</v>
      </c>
      <c r="KH9" s="61">
        <v>853</v>
      </c>
      <c r="KI9" s="61">
        <v>545</v>
      </c>
      <c r="KJ9" s="61">
        <v>487</v>
      </c>
      <c r="KK9" s="61">
        <v>346</v>
      </c>
      <c r="KL9" s="62">
        <v>3382</v>
      </c>
      <c r="KM9" s="63">
        <v>4701</v>
      </c>
    </row>
    <row r="10" spans="2:299" ht="21" customHeight="1" x14ac:dyDescent="0.2">
      <c r="B10" s="437" t="s">
        <v>14</v>
      </c>
      <c r="C10" s="287">
        <v>188</v>
      </c>
      <c r="D10" s="72">
        <v>197</v>
      </c>
      <c r="E10" s="73">
        <v>385</v>
      </c>
      <c r="F10" s="443">
        <v>0</v>
      </c>
      <c r="G10" s="72">
        <v>236</v>
      </c>
      <c r="H10" s="72">
        <v>268</v>
      </c>
      <c r="I10" s="72">
        <v>162</v>
      </c>
      <c r="J10" s="72">
        <v>132</v>
      </c>
      <c r="K10" s="72">
        <v>91</v>
      </c>
      <c r="L10" s="74">
        <v>889</v>
      </c>
      <c r="M10" s="75">
        <v>1274</v>
      </c>
      <c r="N10" s="60">
        <v>1</v>
      </c>
      <c r="O10" s="61">
        <v>7</v>
      </c>
      <c r="P10" s="62">
        <v>8</v>
      </c>
      <c r="Q10" s="443">
        <v>0</v>
      </c>
      <c r="R10" s="61">
        <v>6</v>
      </c>
      <c r="S10" s="61">
        <v>5</v>
      </c>
      <c r="T10" s="61">
        <v>9</v>
      </c>
      <c r="U10" s="61">
        <v>8</v>
      </c>
      <c r="V10" s="61">
        <v>5</v>
      </c>
      <c r="W10" s="62">
        <v>33</v>
      </c>
      <c r="X10" s="63">
        <v>41</v>
      </c>
      <c r="Y10" s="60">
        <v>19</v>
      </c>
      <c r="Z10" s="61">
        <v>22</v>
      </c>
      <c r="AA10" s="62">
        <v>41</v>
      </c>
      <c r="AB10" s="443">
        <v>0</v>
      </c>
      <c r="AC10" s="61">
        <v>25</v>
      </c>
      <c r="AD10" s="61">
        <v>23</v>
      </c>
      <c r="AE10" s="61">
        <v>13</v>
      </c>
      <c r="AF10" s="61">
        <v>11</v>
      </c>
      <c r="AG10" s="61">
        <v>11</v>
      </c>
      <c r="AH10" s="62">
        <v>83</v>
      </c>
      <c r="AI10" s="63">
        <v>124</v>
      </c>
      <c r="AJ10" s="60">
        <v>22</v>
      </c>
      <c r="AK10" s="61">
        <v>35</v>
      </c>
      <c r="AL10" s="62">
        <v>57</v>
      </c>
      <c r="AM10" s="443">
        <v>0</v>
      </c>
      <c r="AN10" s="61">
        <v>21</v>
      </c>
      <c r="AO10" s="61">
        <v>39</v>
      </c>
      <c r="AP10" s="61">
        <v>14</v>
      </c>
      <c r="AQ10" s="61">
        <v>13</v>
      </c>
      <c r="AR10" s="61">
        <v>16</v>
      </c>
      <c r="AS10" s="62">
        <v>103</v>
      </c>
      <c r="AT10" s="63">
        <v>160</v>
      </c>
      <c r="AU10" s="60">
        <v>47</v>
      </c>
      <c r="AV10" s="61">
        <v>41</v>
      </c>
      <c r="AW10" s="62">
        <v>88</v>
      </c>
      <c r="AX10" s="443">
        <v>0</v>
      </c>
      <c r="AY10" s="61">
        <v>62</v>
      </c>
      <c r="AZ10" s="61">
        <v>54</v>
      </c>
      <c r="BA10" s="61">
        <v>29</v>
      </c>
      <c r="BB10" s="61">
        <v>23</v>
      </c>
      <c r="BC10" s="61">
        <v>19</v>
      </c>
      <c r="BD10" s="62">
        <v>187</v>
      </c>
      <c r="BE10" s="63">
        <v>275</v>
      </c>
      <c r="BF10" s="60">
        <v>60</v>
      </c>
      <c r="BG10" s="61">
        <v>49</v>
      </c>
      <c r="BH10" s="62">
        <v>109</v>
      </c>
      <c r="BI10" s="443">
        <v>0</v>
      </c>
      <c r="BJ10" s="61">
        <v>63</v>
      </c>
      <c r="BK10" s="61">
        <v>87</v>
      </c>
      <c r="BL10" s="61">
        <v>56</v>
      </c>
      <c r="BM10" s="61">
        <v>32</v>
      </c>
      <c r="BN10" s="61">
        <v>22</v>
      </c>
      <c r="BO10" s="62">
        <v>260</v>
      </c>
      <c r="BP10" s="63">
        <v>369</v>
      </c>
      <c r="BQ10" s="60">
        <v>39</v>
      </c>
      <c r="BR10" s="61">
        <v>43</v>
      </c>
      <c r="BS10" s="62">
        <v>82</v>
      </c>
      <c r="BT10" s="443">
        <v>0</v>
      </c>
      <c r="BU10" s="61">
        <v>59</v>
      </c>
      <c r="BV10" s="61">
        <v>60</v>
      </c>
      <c r="BW10" s="61">
        <v>41</v>
      </c>
      <c r="BX10" s="61">
        <v>45</v>
      </c>
      <c r="BY10" s="61">
        <v>18</v>
      </c>
      <c r="BZ10" s="62">
        <v>223</v>
      </c>
      <c r="CA10" s="63">
        <v>305</v>
      </c>
      <c r="CB10" s="60">
        <v>0</v>
      </c>
      <c r="CC10" s="61">
        <v>0</v>
      </c>
      <c r="CD10" s="62">
        <v>0</v>
      </c>
      <c r="CE10" s="443">
        <v>0</v>
      </c>
      <c r="CF10" s="61">
        <v>0</v>
      </c>
      <c r="CG10" s="61">
        <v>0</v>
      </c>
      <c r="CH10" s="61">
        <v>0</v>
      </c>
      <c r="CI10" s="61">
        <v>0</v>
      </c>
      <c r="CJ10" s="61">
        <v>0</v>
      </c>
      <c r="CK10" s="62">
        <v>0</v>
      </c>
      <c r="CL10" s="63">
        <v>0</v>
      </c>
      <c r="CM10" s="60">
        <v>188</v>
      </c>
      <c r="CN10" s="61">
        <v>197</v>
      </c>
      <c r="CO10" s="62">
        <v>385</v>
      </c>
      <c r="CP10" s="443">
        <v>0</v>
      </c>
      <c r="CQ10" s="61">
        <v>236</v>
      </c>
      <c r="CR10" s="61">
        <v>268</v>
      </c>
      <c r="CS10" s="61">
        <v>162</v>
      </c>
      <c r="CT10" s="61">
        <v>132</v>
      </c>
      <c r="CU10" s="61">
        <v>91</v>
      </c>
      <c r="CV10" s="62">
        <v>889</v>
      </c>
      <c r="CW10" s="63">
        <v>1274</v>
      </c>
      <c r="CX10" s="113">
        <v>59</v>
      </c>
      <c r="CY10" s="72">
        <v>76</v>
      </c>
      <c r="CZ10" s="73">
        <v>135</v>
      </c>
      <c r="DA10" s="443">
        <v>0</v>
      </c>
      <c r="DB10" s="72">
        <v>101</v>
      </c>
      <c r="DC10" s="72">
        <v>123</v>
      </c>
      <c r="DD10" s="72">
        <v>74</v>
      </c>
      <c r="DE10" s="72">
        <v>77</v>
      </c>
      <c r="DF10" s="72">
        <v>41</v>
      </c>
      <c r="DG10" s="74">
        <v>416</v>
      </c>
      <c r="DH10" s="75">
        <v>551</v>
      </c>
      <c r="DI10" s="60">
        <v>1</v>
      </c>
      <c r="DJ10" s="61">
        <v>2</v>
      </c>
      <c r="DK10" s="62">
        <v>3</v>
      </c>
      <c r="DL10" s="443">
        <v>0</v>
      </c>
      <c r="DM10" s="61">
        <v>2</v>
      </c>
      <c r="DN10" s="61">
        <v>6</v>
      </c>
      <c r="DO10" s="61">
        <v>1</v>
      </c>
      <c r="DP10" s="61">
        <v>2</v>
      </c>
      <c r="DQ10" s="61">
        <v>1</v>
      </c>
      <c r="DR10" s="62">
        <v>12</v>
      </c>
      <c r="DS10" s="63">
        <v>15</v>
      </c>
      <c r="DT10" s="60">
        <v>4</v>
      </c>
      <c r="DU10" s="61">
        <v>1</v>
      </c>
      <c r="DV10" s="62">
        <v>5</v>
      </c>
      <c r="DW10" s="443">
        <v>0</v>
      </c>
      <c r="DX10" s="61">
        <v>4</v>
      </c>
      <c r="DY10" s="61">
        <v>7</v>
      </c>
      <c r="DZ10" s="61">
        <v>5</v>
      </c>
      <c r="EA10" s="61">
        <v>0</v>
      </c>
      <c r="EB10" s="61">
        <v>0</v>
      </c>
      <c r="EC10" s="62">
        <v>16</v>
      </c>
      <c r="ED10" s="63">
        <v>21</v>
      </c>
      <c r="EE10" s="60">
        <v>13</v>
      </c>
      <c r="EF10" s="61">
        <v>12</v>
      </c>
      <c r="EG10" s="62">
        <v>25</v>
      </c>
      <c r="EH10" s="443">
        <v>0</v>
      </c>
      <c r="EI10" s="61">
        <v>10</v>
      </c>
      <c r="EJ10" s="61">
        <v>12</v>
      </c>
      <c r="EK10" s="61">
        <v>2</v>
      </c>
      <c r="EL10" s="61">
        <v>5</v>
      </c>
      <c r="EM10" s="61">
        <v>8</v>
      </c>
      <c r="EN10" s="62">
        <v>37</v>
      </c>
      <c r="EO10" s="63">
        <v>62</v>
      </c>
      <c r="EP10" s="60">
        <v>18</v>
      </c>
      <c r="EQ10" s="61">
        <v>18</v>
      </c>
      <c r="ER10" s="62">
        <v>36</v>
      </c>
      <c r="ES10" s="443">
        <v>0</v>
      </c>
      <c r="ET10" s="61">
        <v>15</v>
      </c>
      <c r="EU10" s="61">
        <v>25</v>
      </c>
      <c r="EV10" s="61">
        <v>17</v>
      </c>
      <c r="EW10" s="61">
        <v>12</v>
      </c>
      <c r="EX10" s="61">
        <v>7</v>
      </c>
      <c r="EY10" s="62">
        <v>76</v>
      </c>
      <c r="EZ10" s="63">
        <v>112</v>
      </c>
      <c r="FA10" s="60">
        <v>11</v>
      </c>
      <c r="FB10" s="61">
        <v>24</v>
      </c>
      <c r="FC10" s="62">
        <v>35</v>
      </c>
      <c r="FD10" s="443">
        <v>0</v>
      </c>
      <c r="FE10" s="61">
        <v>36</v>
      </c>
      <c r="FF10" s="61">
        <v>31</v>
      </c>
      <c r="FG10" s="61">
        <v>15</v>
      </c>
      <c r="FH10" s="61">
        <v>20</v>
      </c>
      <c r="FI10" s="61">
        <v>10</v>
      </c>
      <c r="FJ10" s="62">
        <v>112</v>
      </c>
      <c r="FK10" s="63">
        <v>147</v>
      </c>
      <c r="FL10" s="60">
        <v>12</v>
      </c>
      <c r="FM10" s="61">
        <v>19</v>
      </c>
      <c r="FN10" s="62">
        <v>31</v>
      </c>
      <c r="FO10" s="443">
        <v>0</v>
      </c>
      <c r="FP10" s="61">
        <v>34</v>
      </c>
      <c r="FQ10" s="61">
        <v>42</v>
      </c>
      <c r="FR10" s="61">
        <v>34</v>
      </c>
      <c r="FS10" s="61">
        <v>38</v>
      </c>
      <c r="FT10" s="61">
        <v>15</v>
      </c>
      <c r="FU10" s="62">
        <v>163</v>
      </c>
      <c r="FV10" s="63">
        <v>194</v>
      </c>
      <c r="FW10" s="60">
        <v>0</v>
      </c>
      <c r="FX10" s="61">
        <v>0</v>
      </c>
      <c r="FY10" s="62">
        <v>0</v>
      </c>
      <c r="FZ10" s="443">
        <v>0</v>
      </c>
      <c r="GA10" s="61">
        <v>0</v>
      </c>
      <c r="GB10" s="61">
        <v>0</v>
      </c>
      <c r="GC10" s="61">
        <v>0</v>
      </c>
      <c r="GD10" s="61">
        <v>0</v>
      </c>
      <c r="GE10" s="61">
        <v>0</v>
      </c>
      <c r="GF10" s="62">
        <v>0</v>
      </c>
      <c r="GG10" s="63">
        <v>0</v>
      </c>
      <c r="GH10" s="60">
        <v>59</v>
      </c>
      <c r="GI10" s="61">
        <v>76</v>
      </c>
      <c r="GJ10" s="62">
        <v>135</v>
      </c>
      <c r="GK10" s="443">
        <v>0</v>
      </c>
      <c r="GL10" s="61">
        <v>101</v>
      </c>
      <c r="GM10" s="61">
        <v>123</v>
      </c>
      <c r="GN10" s="61">
        <v>74</v>
      </c>
      <c r="GO10" s="61">
        <v>77</v>
      </c>
      <c r="GP10" s="61">
        <v>41</v>
      </c>
      <c r="GQ10" s="62">
        <v>416</v>
      </c>
      <c r="GR10" s="63">
        <v>551</v>
      </c>
      <c r="GS10" s="113">
        <v>247</v>
      </c>
      <c r="GT10" s="72">
        <v>273</v>
      </c>
      <c r="GU10" s="73">
        <v>520</v>
      </c>
      <c r="GV10" s="443">
        <v>0</v>
      </c>
      <c r="GW10" s="72">
        <v>337</v>
      </c>
      <c r="GX10" s="72">
        <v>391</v>
      </c>
      <c r="GY10" s="72">
        <v>236</v>
      </c>
      <c r="GZ10" s="72">
        <v>209</v>
      </c>
      <c r="HA10" s="72">
        <v>132</v>
      </c>
      <c r="HB10" s="74">
        <v>1305</v>
      </c>
      <c r="HC10" s="75">
        <v>1825</v>
      </c>
      <c r="HD10" s="60">
        <v>2</v>
      </c>
      <c r="HE10" s="61">
        <v>9</v>
      </c>
      <c r="HF10" s="62">
        <v>11</v>
      </c>
      <c r="HG10" s="443">
        <v>0</v>
      </c>
      <c r="HH10" s="61">
        <v>8</v>
      </c>
      <c r="HI10" s="61">
        <v>11</v>
      </c>
      <c r="HJ10" s="61">
        <v>10</v>
      </c>
      <c r="HK10" s="61">
        <v>10</v>
      </c>
      <c r="HL10" s="61">
        <v>6</v>
      </c>
      <c r="HM10" s="62">
        <v>45</v>
      </c>
      <c r="HN10" s="63">
        <v>56</v>
      </c>
      <c r="HO10" s="60">
        <v>23</v>
      </c>
      <c r="HP10" s="61">
        <v>23</v>
      </c>
      <c r="HQ10" s="62">
        <v>46</v>
      </c>
      <c r="HR10" s="443">
        <v>0</v>
      </c>
      <c r="HS10" s="61">
        <v>29</v>
      </c>
      <c r="HT10" s="61">
        <v>30</v>
      </c>
      <c r="HU10" s="61">
        <v>18</v>
      </c>
      <c r="HV10" s="61">
        <v>11</v>
      </c>
      <c r="HW10" s="61">
        <v>11</v>
      </c>
      <c r="HX10" s="62">
        <v>99</v>
      </c>
      <c r="HY10" s="63">
        <v>145</v>
      </c>
      <c r="HZ10" s="60">
        <v>35</v>
      </c>
      <c r="IA10" s="61">
        <v>47</v>
      </c>
      <c r="IB10" s="62">
        <v>82</v>
      </c>
      <c r="IC10" s="443">
        <v>0</v>
      </c>
      <c r="ID10" s="61">
        <v>31</v>
      </c>
      <c r="IE10" s="61">
        <v>51</v>
      </c>
      <c r="IF10" s="61">
        <v>16</v>
      </c>
      <c r="IG10" s="61">
        <v>18</v>
      </c>
      <c r="IH10" s="61">
        <v>24</v>
      </c>
      <c r="II10" s="62">
        <v>140</v>
      </c>
      <c r="IJ10" s="63">
        <v>222</v>
      </c>
      <c r="IK10" s="60">
        <v>65</v>
      </c>
      <c r="IL10" s="61">
        <v>59</v>
      </c>
      <c r="IM10" s="62">
        <v>124</v>
      </c>
      <c r="IN10" s="443">
        <v>0</v>
      </c>
      <c r="IO10" s="61">
        <v>77</v>
      </c>
      <c r="IP10" s="61">
        <v>79</v>
      </c>
      <c r="IQ10" s="61">
        <v>46</v>
      </c>
      <c r="IR10" s="61">
        <v>35</v>
      </c>
      <c r="IS10" s="61">
        <v>26</v>
      </c>
      <c r="IT10" s="62">
        <v>263</v>
      </c>
      <c r="IU10" s="63">
        <v>387</v>
      </c>
      <c r="IV10" s="60">
        <v>71</v>
      </c>
      <c r="IW10" s="61">
        <v>73</v>
      </c>
      <c r="IX10" s="62">
        <v>144</v>
      </c>
      <c r="IY10" s="443">
        <v>0</v>
      </c>
      <c r="IZ10" s="61">
        <v>99</v>
      </c>
      <c r="JA10" s="61">
        <v>118</v>
      </c>
      <c r="JB10" s="61">
        <v>71</v>
      </c>
      <c r="JC10" s="61">
        <v>52</v>
      </c>
      <c r="JD10" s="61">
        <v>32</v>
      </c>
      <c r="JE10" s="62">
        <v>372</v>
      </c>
      <c r="JF10" s="63">
        <v>516</v>
      </c>
      <c r="JG10" s="60">
        <v>51</v>
      </c>
      <c r="JH10" s="61">
        <v>62</v>
      </c>
      <c r="JI10" s="62">
        <v>113</v>
      </c>
      <c r="JJ10" s="443">
        <v>0</v>
      </c>
      <c r="JK10" s="61">
        <v>93</v>
      </c>
      <c r="JL10" s="61">
        <v>102</v>
      </c>
      <c r="JM10" s="61">
        <v>75</v>
      </c>
      <c r="JN10" s="61">
        <v>83</v>
      </c>
      <c r="JO10" s="61">
        <v>33</v>
      </c>
      <c r="JP10" s="62">
        <v>386</v>
      </c>
      <c r="JQ10" s="63">
        <v>499</v>
      </c>
      <c r="JR10" s="60">
        <v>0</v>
      </c>
      <c r="JS10" s="61">
        <v>0</v>
      </c>
      <c r="JT10" s="62">
        <v>0</v>
      </c>
      <c r="JU10" s="443">
        <v>0</v>
      </c>
      <c r="JV10" s="61">
        <v>0</v>
      </c>
      <c r="JW10" s="61">
        <v>0</v>
      </c>
      <c r="JX10" s="61">
        <v>0</v>
      </c>
      <c r="JY10" s="61">
        <v>0</v>
      </c>
      <c r="JZ10" s="61">
        <v>0</v>
      </c>
      <c r="KA10" s="62">
        <v>0</v>
      </c>
      <c r="KB10" s="63">
        <v>0</v>
      </c>
      <c r="KC10" s="60">
        <v>247</v>
      </c>
      <c r="KD10" s="61">
        <v>273</v>
      </c>
      <c r="KE10" s="62">
        <v>520</v>
      </c>
      <c r="KF10" s="443">
        <v>0</v>
      </c>
      <c r="KG10" s="61">
        <v>337</v>
      </c>
      <c r="KH10" s="61">
        <v>391</v>
      </c>
      <c r="KI10" s="61">
        <v>236</v>
      </c>
      <c r="KJ10" s="61">
        <v>209</v>
      </c>
      <c r="KK10" s="61">
        <v>132</v>
      </c>
      <c r="KL10" s="62">
        <v>1305</v>
      </c>
      <c r="KM10" s="63">
        <v>1825</v>
      </c>
    </row>
    <row r="11" spans="2:299" ht="21" customHeight="1" x14ac:dyDescent="0.2">
      <c r="B11" s="437" t="s">
        <v>7</v>
      </c>
      <c r="C11" s="287">
        <v>149</v>
      </c>
      <c r="D11" s="72">
        <v>82</v>
      </c>
      <c r="E11" s="73">
        <v>231</v>
      </c>
      <c r="F11" s="443">
        <v>0</v>
      </c>
      <c r="G11" s="72">
        <v>226</v>
      </c>
      <c r="H11" s="72">
        <v>125</v>
      </c>
      <c r="I11" s="72">
        <v>58</v>
      </c>
      <c r="J11" s="72">
        <v>72</v>
      </c>
      <c r="K11" s="72">
        <v>44</v>
      </c>
      <c r="L11" s="74">
        <v>525</v>
      </c>
      <c r="M11" s="75">
        <v>756</v>
      </c>
      <c r="N11" s="60">
        <v>5</v>
      </c>
      <c r="O11" s="61">
        <v>4</v>
      </c>
      <c r="P11" s="62">
        <v>9</v>
      </c>
      <c r="Q11" s="443">
        <v>0</v>
      </c>
      <c r="R11" s="61">
        <v>1</v>
      </c>
      <c r="S11" s="61">
        <v>5</v>
      </c>
      <c r="T11" s="61">
        <v>2</v>
      </c>
      <c r="U11" s="61">
        <v>6</v>
      </c>
      <c r="V11" s="61">
        <v>3</v>
      </c>
      <c r="W11" s="62">
        <v>17</v>
      </c>
      <c r="X11" s="63">
        <v>26</v>
      </c>
      <c r="Y11" s="60">
        <v>10</v>
      </c>
      <c r="Z11" s="61">
        <v>9</v>
      </c>
      <c r="AA11" s="62">
        <v>19</v>
      </c>
      <c r="AB11" s="443">
        <v>0</v>
      </c>
      <c r="AC11" s="61">
        <v>14</v>
      </c>
      <c r="AD11" s="61">
        <v>6</v>
      </c>
      <c r="AE11" s="61">
        <v>6</v>
      </c>
      <c r="AF11" s="61">
        <v>5</v>
      </c>
      <c r="AG11" s="61">
        <v>6</v>
      </c>
      <c r="AH11" s="62">
        <v>37</v>
      </c>
      <c r="AI11" s="63">
        <v>56</v>
      </c>
      <c r="AJ11" s="60">
        <v>17</v>
      </c>
      <c r="AK11" s="61">
        <v>12</v>
      </c>
      <c r="AL11" s="62">
        <v>29</v>
      </c>
      <c r="AM11" s="443">
        <v>0</v>
      </c>
      <c r="AN11" s="61">
        <v>18</v>
      </c>
      <c r="AO11" s="61">
        <v>11</v>
      </c>
      <c r="AP11" s="61">
        <v>8</v>
      </c>
      <c r="AQ11" s="61">
        <v>13</v>
      </c>
      <c r="AR11" s="61">
        <v>5</v>
      </c>
      <c r="AS11" s="62">
        <v>55</v>
      </c>
      <c r="AT11" s="63">
        <v>84</v>
      </c>
      <c r="AU11" s="60">
        <v>34</v>
      </c>
      <c r="AV11" s="61">
        <v>18</v>
      </c>
      <c r="AW11" s="62">
        <v>52</v>
      </c>
      <c r="AX11" s="443">
        <v>0</v>
      </c>
      <c r="AY11" s="61">
        <v>60</v>
      </c>
      <c r="AZ11" s="61">
        <v>27</v>
      </c>
      <c r="BA11" s="61">
        <v>14</v>
      </c>
      <c r="BB11" s="61">
        <v>6</v>
      </c>
      <c r="BC11" s="61">
        <v>7</v>
      </c>
      <c r="BD11" s="62">
        <v>114</v>
      </c>
      <c r="BE11" s="63">
        <v>166</v>
      </c>
      <c r="BF11" s="60">
        <v>49</v>
      </c>
      <c r="BG11" s="61">
        <v>19</v>
      </c>
      <c r="BH11" s="62">
        <v>68</v>
      </c>
      <c r="BI11" s="443">
        <v>0</v>
      </c>
      <c r="BJ11" s="61">
        <v>68</v>
      </c>
      <c r="BK11" s="61">
        <v>42</v>
      </c>
      <c r="BL11" s="61">
        <v>10</v>
      </c>
      <c r="BM11" s="61">
        <v>22</v>
      </c>
      <c r="BN11" s="61">
        <v>14</v>
      </c>
      <c r="BO11" s="62">
        <v>156</v>
      </c>
      <c r="BP11" s="63">
        <v>224</v>
      </c>
      <c r="BQ11" s="60">
        <v>34</v>
      </c>
      <c r="BR11" s="61">
        <v>20</v>
      </c>
      <c r="BS11" s="62">
        <v>54</v>
      </c>
      <c r="BT11" s="443">
        <v>0</v>
      </c>
      <c r="BU11" s="61">
        <v>65</v>
      </c>
      <c r="BV11" s="61">
        <v>34</v>
      </c>
      <c r="BW11" s="61">
        <v>18</v>
      </c>
      <c r="BX11" s="61">
        <v>20</v>
      </c>
      <c r="BY11" s="61">
        <v>9</v>
      </c>
      <c r="BZ11" s="62">
        <v>146</v>
      </c>
      <c r="CA11" s="63">
        <v>200</v>
      </c>
      <c r="CB11" s="60">
        <v>0</v>
      </c>
      <c r="CC11" s="61">
        <v>0</v>
      </c>
      <c r="CD11" s="62">
        <v>0</v>
      </c>
      <c r="CE11" s="443">
        <v>0</v>
      </c>
      <c r="CF11" s="61">
        <v>0</v>
      </c>
      <c r="CG11" s="61">
        <v>0</v>
      </c>
      <c r="CH11" s="61">
        <v>0</v>
      </c>
      <c r="CI11" s="61">
        <v>0</v>
      </c>
      <c r="CJ11" s="61">
        <v>0</v>
      </c>
      <c r="CK11" s="62">
        <v>0</v>
      </c>
      <c r="CL11" s="63">
        <v>0</v>
      </c>
      <c r="CM11" s="60">
        <v>149</v>
      </c>
      <c r="CN11" s="61">
        <v>82</v>
      </c>
      <c r="CO11" s="62">
        <v>231</v>
      </c>
      <c r="CP11" s="443">
        <v>0</v>
      </c>
      <c r="CQ11" s="61">
        <v>226</v>
      </c>
      <c r="CR11" s="61">
        <v>125</v>
      </c>
      <c r="CS11" s="61">
        <v>58</v>
      </c>
      <c r="CT11" s="61">
        <v>72</v>
      </c>
      <c r="CU11" s="61">
        <v>44</v>
      </c>
      <c r="CV11" s="62">
        <v>525</v>
      </c>
      <c r="CW11" s="63">
        <v>756</v>
      </c>
      <c r="CX11" s="113">
        <v>41</v>
      </c>
      <c r="CY11" s="72">
        <v>50</v>
      </c>
      <c r="CZ11" s="73">
        <v>91</v>
      </c>
      <c r="DA11" s="443">
        <v>0</v>
      </c>
      <c r="DB11" s="72">
        <v>66</v>
      </c>
      <c r="DC11" s="72">
        <v>36</v>
      </c>
      <c r="DD11" s="72">
        <v>27</v>
      </c>
      <c r="DE11" s="72">
        <v>28</v>
      </c>
      <c r="DF11" s="72">
        <v>19</v>
      </c>
      <c r="DG11" s="74">
        <v>176</v>
      </c>
      <c r="DH11" s="75">
        <v>267</v>
      </c>
      <c r="DI11" s="60">
        <v>1</v>
      </c>
      <c r="DJ11" s="61">
        <v>0</v>
      </c>
      <c r="DK11" s="62">
        <v>1</v>
      </c>
      <c r="DL11" s="443">
        <v>0</v>
      </c>
      <c r="DM11" s="61">
        <v>2</v>
      </c>
      <c r="DN11" s="61">
        <v>1</v>
      </c>
      <c r="DO11" s="61">
        <v>2</v>
      </c>
      <c r="DP11" s="61">
        <v>0</v>
      </c>
      <c r="DQ11" s="61">
        <v>0</v>
      </c>
      <c r="DR11" s="62">
        <v>5</v>
      </c>
      <c r="DS11" s="63">
        <v>6</v>
      </c>
      <c r="DT11" s="60">
        <v>0</v>
      </c>
      <c r="DU11" s="61">
        <v>1</v>
      </c>
      <c r="DV11" s="62">
        <v>1</v>
      </c>
      <c r="DW11" s="443">
        <v>0</v>
      </c>
      <c r="DX11" s="61">
        <v>3</v>
      </c>
      <c r="DY11" s="61">
        <v>2</v>
      </c>
      <c r="DZ11" s="61">
        <v>3</v>
      </c>
      <c r="EA11" s="61">
        <v>2</v>
      </c>
      <c r="EB11" s="61">
        <v>2</v>
      </c>
      <c r="EC11" s="62">
        <v>12</v>
      </c>
      <c r="ED11" s="63">
        <v>13</v>
      </c>
      <c r="EE11" s="60">
        <v>6</v>
      </c>
      <c r="EF11" s="61">
        <v>10</v>
      </c>
      <c r="EG11" s="62">
        <v>16</v>
      </c>
      <c r="EH11" s="443">
        <v>0</v>
      </c>
      <c r="EI11" s="61">
        <v>15</v>
      </c>
      <c r="EJ11" s="61">
        <v>1</v>
      </c>
      <c r="EK11" s="61">
        <v>1</v>
      </c>
      <c r="EL11" s="61">
        <v>4</v>
      </c>
      <c r="EM11" s="61">
        <v>2</v>
      </c>
      <c r="EN11" s="62">
        <v>23</v>
      </c>
      <c r="EO11" s="63">
        <v>39</v>
      </c>
      <c r="EP11" s="60">
        <v>15</v>
      </c>
      <c r="EQ11" s="61">
        <v>10</v>
      </c>
      <c r="ER11" s="62">
        <v>25</v>
      </c>
      <c r="ES11" s="443">
        <v>0</v>
      </c>
      <c r="ET11" s="61">
        <v>10</v>
      </c>
      <c r="EU11" s="61">
        <v>10</v>
      </c>
      <c r="EV11" s="61">
        <v>4</v>
      </c>
      <c r="EW11" s="61">
        <v>3</v>
      </c>
      <c r="EX11" s="61">
        <v>3</v>
      </c>
      <c r="EY11" s="62">
        <v>30</v>
      </c>
      <c r="EZ11" s="63">
        <v>55</v>
      </c>
      <c r="FA11" s="60">
        <v>9</v>
      </c>
      <c r="FB11" s="61">
        <v>18</v>
      </c>
      <c r="FC11" s="62">
        <v>27</v>
      </c>
      <c r="FD11" s="443">
        <v>0</v>
      </c>
      <c r="FE11" s="61">
        <v>20</v>
      </c>
      <c r="FF11" s="61">
        <v>6</v>
      </c>
      <c r="FG11" s="61">
        <v>7</v>
      </c>
      <c r="FH11" s="61">
        <v>9</v>
      </c>
      <c r="FI11" s="61">
        <v>6</v>
      </c>
      <c r="FJ11" s="62">
        <v>48</v>
      </c>
      <c r="FK11" s="63">
        <v>75</v>
      </c>
      <c r="FL11" s="60">
        <v>10</v>
      </c>
      <c r="FM11" s="61">
        <v>11</v>
      </c>
      <c r="FN11" s="62">
        <v>21</v>
      </c>
      <c r="FO11" s="443">
        <v>0</v>
      </c>
      <c r="FP11" s="61">
        <v>16</v>
      </c>
      <c r="FQ11" s="61">
        <v>16</v>
      </c>
      <c r="FR11" s="61">
        <v>10</v>
      </c>
      <c r="FS11" s="61">
        <v>10</v>
      </c>
      <c r="FT11" s="61">
        <v>6</v>
      </c>
      <c r="FU11" s="62">
        <v>58</v>
      </c>
      <c r="FV11" s="63">
        <v>79</v>
      </c>
      <c r="FW11" s="60">
        <v>0</v>
      </c>
      <c r="FX11" s="61">
        <v>0</v>
      </c>
      <c r="FY11" s="62">
        <v>0</v>
      </c>
      <c r="FZ11" s="443">
        <v>0</v>
      </c>
      <c r="GA11" s="61">
        <v>0</v>
      </c>
      <c r="GB11" s="61">
        <v>0</v>
      </c>
      <c r="GC11" s="61">
        <v>0</v>
      </c>
      <c r="GD11" s="61">
        <v>0</v>
      </c>
      <c r="GE11" s="61">
        <v>0</v>
      </c>
      <c r="GF11" s="62">
        <v>0</v>
      </c>
      <c r="GG11" s="63">
        <v>0</v>
      </c>
      <c r="GH11" s="60">
        <v>41</v>
      </c>
      <c r="GI11" s="61">
        <v>50</v>
      </c>
      <c r="GJ11" s="62">
        <v>91</v>
      </c>
      <c r="GK11" s="443">
        <v>0</v>
      </c>
      <c r="GL11" s="61">
        <v>66</v>
      </c>
      <c r="GM11" s="61">
        <v>36</v>
      </c>
      <c r="GN11" s="61">
        <v>27</v>
      </c>
      <c r="GO11" s="61">
        <v>28</v>
      </c>
      <c r="GP11" s="61">
        <v>19</v>
      </c>
      <c r="GQ11" s="62">
        <v>176</v>
      </c>
      <c r="GR11" s="63">
        <v>267</v>
      </c>
      <c r="GS11" s="113">
        <v>190</v>
      </c>
      <c r="GT11" s="72">
        <v>132</v>
      </c>
      <c r="GU11" s="73">
        <v>322</v>
      </c>
      <c r="GV11" s="443">
        <v>0</v>
      </c>
      <c r="GW11" s="72">
        <v>292</v>
      </c>
      <c r="GX11" s="72">
        <v>161</v>
      </c>
      <c r="GY11" s="72">
        <v>85</v>
      </c>
      <c r="GZ11" s="72">
        <v>100</v>
      </c>
      <c r="HA11" s="72">
        <v>63</v>
      </c>
      <c r="HB11" s="74">
        <v>701</v>
      </c>
      <c r="HC11" s="75">
        <v>1023</v>
      </c>
      <c r="HD11" s="60">
        <v>6</v>
      </c>
      <c r="HE11" s="61">
        <v>4</v>
      </c>
      <c r="HF11" s="62">
        <v>10</v>
      </c>
      <c r="HG11" s="443">
        <v>0</v>
      </c>
      <c r="HH11" s="61">
        <v>3</v>
      </c>
      <c r="HI11" s="61">
        <v>6</v>
      </c>
      <c r="HJ11" s="61">
        <v>4</v>
      </c>
      <c r="HK11" s="61">
        <v>6</v>
      </c>
      <c r="HL11" s="61">
        <v>3</v>
      </c>
      <c r="HM11" s="62">
        <v>22</v>
      </c>
      <c r="HN11" s="63">
        <v>32</v>
      </c>
      <c r="HO11" s="60">
        <v>10</v>
      </c>
      <c r="HP11" s="61">
        <v>10</v>
      </c>
      <c r="HQ11" s="62">
        <v>20</v>
      </c>
      <c r="HR11" s="443">
        <v>0</v>
      </c>
      <c r="HS11" s="61">
        <v>17</v>
      </c>
      <c r="HT11" s="61">
        <v>8</v>
      </c>
      <c r="HU11" s="61">
        <v>9</v>
      </c>
      <c r="HV11" s="61">
        <v>7</v>
      </c>
      <c r="HW11" s="61">
        <v>8</v>
      </c>
      <c r="HX11" s="62">
        <v>49</v>
      </c>
      <c r="HY11" s="63">
        <v>69</v>
      </c>
      <c r="HZ11" s="60">
        <v>23</v>
      </c>
      <c r="IA11" s="61">
        <v>22</v>
      </c>
      <c r="IB11" s="62">
        <v>45</v>
      </c>
      <c r="IC11" s="443">
        <v>0</v>
      </c>
      <c r="ID11" s="61">
        <v>33</v>
      </c>
      <c r="IE11" s="61">
        <v>12</v>
      </c>
      <c r="IF11" s="61">
        <v>9</v>
      </c>
      <c r="IG11" s="61">
        <v>17</v>
      </c>
      <c r="IH11" s="61">
        <v>7</v>
      </c>
      <c r="II11" s="62">
        <v>78</v>
      </c>
      <c r="IJ11" s="63">
        <v>123</v>
      </c>
      <c r="IK11" s="60">
        <v>49</v>
      </c>
      <c r="IL11" s="61">
        <v>28</v>
      </c>
      <c r="IM11" s="62">
        <v>77</v>
      </c>
      <c r="IN11" s="443">
        <v>0</v>
      </c>
      <c r="IO11" s="61">
        <v>70</v>
      </c>
      <c r="IP11" s="61">
        <v>37</v>
      </c>
      <c r="IQ11" s="61">
        <v>18</v>
      </c>
      <c r="IR11" s="61">
        <v>9</v>
      </c>
      <c r="IS11" s="61">
        <v>10</v>
      </c>
      <c r="IT11" s="62">
        <v>144</v>
      </c>
      <c r="IU11" s="63">
        <v>221</v>
      </c>
      <c r="IV11" s="60">
        <v>58</v>
      </c>
      <c r="IW11" s="61">
        <v>37</v>
      </c>
      <c r="IX11" s="62">
        <v>95</v>
      </c>
      <c r="IY11" s="443">
        <v>0</v>
      </c>
      <c r="IZ11" s="61">
        <v>88</v>
      </c>
      <c r="JA11" s="61">
        <v>48</v>
      </c>
      <c r="JB11" s="61">
        <v>17</v>
      </c>
      <c r="JC11" s="61">
        <v>31</v>
      </c>
      <c r="JD11" s="61">
        <v>20</v>
      </c>
      <c r="JE11" s="62">
        <v>204</v>
      </c>
      <c r="JF11" s="63">
        <v>299</v>
      </c>
      <c r="JG11" s="60">
        <v>44</v>
      </c>
      <c r="JH11" s="61">
        <v>31</v>
      </c>
      <c r="JI11" s="62">
        <v>75</v>
      </c>
      <c r="JJ11" s="443">
        <v>0</v>
      </c>
      <c r="JK11" s="61">
        <v>81</v>
      </c>
      <c r="JL11" s="61">
        <v>50</v>
      </c>
      <c r="JM11" s="61">
        <v>28</v>
      </c>
      <c r="JN11" s="61">
        <v>30</v>
      </c>
      <c r="JO11" s="61">
        <v>15</v>
      </c>
      <c r="JP11" s="62">
        <v>204</v>
      </c>
      <c r="JQ11" s="63">
        <v>279</v>
      </c>
      <c r="JR11" s="60">
        <v>0</v>
      </c>
      <c r="JS11" s="61">
        <v>0</v>
      </c>
      <c r="JT11" s="62">
        <v>0</v>
      </c>
      <c r="JU11" s="443">
        <v>0</v>
      </c>
      <c r="JV11" s="61">
        <v>0</v>
      </c>
      <c r="JW11" s="61">
        <v>0</v>
      </c>
      <c r="JX11" s="61">
        <v>0</v>
      </c>
      <c r="JY11" s="61">
        <v>0</v>
      </c>
      <c r="JZ11" s="61">
        <v>0</v>
      </c>
      <c r="KA11" s="62">
        <v>0</v>
      </c>
      <c r="KB11" s="63">
        <v>0</v>
      </c>
      <c r="KC11" s="60">
        <v>190</v>
      </c>
      <c r="KD11" s="61">
        <v>132</v>
      </c>
      <c r="KE11" s="62">
        <v>322</v>
      </c>
      <c r="KF11" s="443">
        <v>0</v>
      </c>
      <c r="KG11" s="61">
        <v>292</v>
      </c>
      <c r="KH11" s="61">
        <v>161</v>
      </c>
      <c r="KI11" s="61">
        <v>85</v>
      </c>
      <c r="KJ11" s="61">
        <v>100</v>
      </c>
      <c r="KK11" s="61">
        <v>63</v>
      </c>
      <c r="KL11" s="62">
        <v>701</v>
      </c>
      <c r="KM11" s="63">
        <v>1023</v>
      </c>
    </row>
    <row r="12" spans="2:299" ht="21" customHeight="1" x14ac:dyDescent="0.2">
      <c r="B12" s="437" t="s">
        <v>8</v>
      </c>
      <c r="C12" s="287">
        <v>59</v>
      </c>
      <c r="D12" s="72">
        <v>36</v>
      </c>
      <c r="E12" s="73">
        <v>95</v>
      </c>
      <c r="F12" s="443">
        <v>0</v>
      </c>
      <c r="G12" s="72">
        <v>113</v>
      </c>
      <c r="H12" s="72">
        <v>85</v>
      </c>
      <c r="I12" s="72">
        <v>54</v>
      </c>
      <c r="J12" s="72">
        <v>48</v>
      </c>
      <c r="K12" s="72">
        <v>23</v>
      </c>
      <c r="L12" s="74">
        <v>323</v>
      </c>
      <c r="M12" s="75">
        <v>418</v>
      </c>
      <c r="N12" s="60">
        <v>1</v>
      </c>
      <c r="O12" s="61">
        <v>4</v>
      </c>
      <c r="P12" s="62">
        <v>5</v>
      </c>
      <c r="Q12" s="443">
        <v>0</v>
      </c>
      <c r="R12" s="61">
        <v>5</v>
      </c>
      <c r="S12" s="61">
        <v>3</v>
      </c>
      <c r="T12" s="61">
        <v>2</v>
      </c>
      <c r="U12" s="61">
        <v>1</v>
      </c>
      <c r="V12" s="61">
        <v>2</v>
      </c>
      <c r="W12" s="62">
        <v>13</v>
      </c>
      <c r="X12" s="63">
        <v>18</v>
      </c>
      <c r="Y12" s="60">
        <v>4</v>
      </c>
      <c r="Z12" s="61">
        <v>6</v>
      </c>
      <c r="AA12" s="62">
        <v>10</v>
      </c>
      <c r="AB12" s="443">
        <v>0</v>
      </c>
      <c r="AC12" s="61">
        <v>9</v>
      </c>
      <c r="AD12" s="61">
        <v>6</v>
      </c>
      <c r="AE12" s="61">
        <v>3</v>
      </c>
      <c r="AF12" s="61">
        <v>4</v>
      </c>
      <c r="AG12" s="61">
        <v>2</v>
      </c>
      <c r="AH12" s="62">
        <v>24</v>
      </c>
      <c r="AI12" s="63">
        <v>34</v>
      </c>
      <c r="AJ12" s="60">
        <v>9</v>
      </c>
      <c r="AK12" s="61">
        <v>5</v>
      </c>
      <c r="AL12" s="62">
        <v>14</v>
      </c>
      <c r="AM12" s="443">
        <v>0</v>
      </c>
      <c r="AN12" s="61">
        <v>15</v>
      </c>
      <c r="AO12" s="61">
        <v>12</v>
      </c>
      <c r="AP12" s="61">
        <v>5</v>
      </c>
      <c r="AQ12" s="61">
        <v>4</v>
      </c>
      <c r="AR12" s="61">
        <v>3</v>
      </c>
      <c r="AS12" s="62">
        <v>39</v>
      </c>
      <c r="AT12" s="63">
        <v>53</v>
      </c>
      <c r="AU12" s="60">
        <v>15</v>
      </c>
      <c r="AV12" s="61">
        <v>6</v>
      </c>
      <c r="AW12" s="62">
        <v>21</v>
      </c>
      <c r="AX12" s="443">
        <v>0</v>
      </c>
      <c r="AY12" s="61">
        <v>18</v>
      </c>
      <c r="AZ12" s="61">
        <v>15</v>
      </c>
      <c r="BA12" s="61">
        <v>7</v>
      </c>
      <c r="BB12" s="61">
        <v>12</v>
      </c>
      <c r="BC12" s="61">
        <v>7</v>
      </c>
      <c r="BD12" s="62">
        <v>59</v>
      </c>
      <c r="BE12" s="63">
        <v>80</v>
      </c>
      <c r="BF12" s="60">
        <v>15</v>
      </c>
      <c r="BG12" s="61">
        <v>9</v>
      </c>
      <c r="BH12" s="62">
        <v>24</v>
      </c>
      <c r="BI12" s="443">
        <v>0</v>
      </c>
      <c r="BJ12" s="61">
        <v>35</v>
      </c>
      <c r="BK12" s="61">
        <v>29</v>
      </c>
      <c r="BL12" s="61">
        <v>19</v>
      </c>
      <c r="BM12" s="61">
        <v>10</v>
      </c>
      <c r="BN12" s="61">
        <v>5</v>
      </c>
      <c r="BO12" s="62">
        <v>98</v>
      </c>
      <c r="BP12" s="63">
        <v>122</v>
      </c>
      <c r="BQ12" s="60">
        <v>15</v>
      </c>
      <c r="BR12" s="61">
        <v>6</v>
      </c>
      <c r="BS12" s="62">
        <v>21</v>
      </c>
      <c r="BT12" s="443">
        <v>0</v>
      </c>
      <c r="BU12" s="61">
        <v>31</v>
      </c>
      <c r="BV12" s="61">
        <v>20</v>
      </c>
      <c r="BW12" s="61">
        <v>18</v>
      </c>
      <c r="BX12" s="61">
        <v>17</v>
      </c>
      <c r="BY12" s="61">
        <v>4</v>
      </c>
      <c r="BZ12" s="62">
        <v>90</v>
      </c>
      <c r="CA12" s="63">
        <v>111</v>
      </c>
      <c r="CB12" s="60">
        <v>0</v>
      </c>
      <c r="CC12" s="61">
        <v>0</v>
      </c>
      <c r="CD12" s="62">
        <v>0</v>
      </c>
      <c r="CE12" s="443">
        <v>0</v>
      </c>
      <c r="CF12" s="61">
        <v>0</v>
      </c>
      <c r="CG12" s="61">
        <v>0</v>
      </c>
      <c r="CH12" s="61">
        <v>0</v>
      </c>
      <c r="CI12" s="61">
        <v>0</v>
      </c>
      <c r="CJ12" s="61">
        <v>0</v>
      </c>
      <c r="CK12" s="62">
        <v>0</v>
      </c>
      <c r="CL12" s="63">
        <v>0</v>
      </c>
      <c r="CM12" s="60">
        <v>59</v>
      </c>
      <c r="CN12" s="61">
        <v>36</v>
      </c>
      <c r="CO12" s="62">
        <v>95</v>
      </c>
      <c r="CP12" s="443">
        <v>0</v>
      </c>
      <c r="CQ12" s="61">
        <v>113</v>
      </c>
      <c r="CR12" s="61">
        <v>85</v>
      </c>
      <c r="CS12" s="61">
        <v>54</v>
      </c>
      <c r="CT12" s="61">
        <v>48</v>
      </c>
      <c r="CU12" s="61">
        <v>23</v>
      </c>
      <c r="CV12" s="62">
        <v>323</v>
      </c>
      <c r="CW12" s="63">
        <v>418</v>
      </c>
      <c r="CX12" s="113">
        <v>26</v>
      </c>
      <c r="CY12" s="72">
        <v>26</v>
      </c>
      <c r="CZ12" s="73">
        <v>52</v>
      </c>
      <c r="DA12" s="443">
        <v>0</v>
      </c>
      <c r="DB12" s="72">
        <v>54</v>
      </c>
      <c r="DC12" s="72">
        <v>38</v>
      </c>
      <c r="DD12" s="72">
        <v>24</v>
      </c>
      <c r="DE12" s="72">
        <v>21</v>
      </c>
      <c r="DF12" s="72">
        <v>14</v>
      </c>
      <c r="DG12" s="74">
        <v>151</v>
      </c>
      <c r="DH12" s="75">
        <v>203</v>
      </c>
      <c r="DI12" s="60">
        <v>2</v>
      </c>
      <c r="DJ12" s="61">
        <v>0</v>
      </c>
      <c r="DK12" s="62">
        <v>2</v>
      </c>
      <c r="DL12" s="443">
        <v>0</v>
      </c>
      <c r="DM12" s="61">
        <v>0</v>
      </c>
      <c r="DN12" s="61">
        <v>0</v>
      </c>
      <c r="DO12" s="61">
        <v>0</v>
      </c>
      <c r="DP12" s="61">
        <v>0</v>
      </c>
      <c r="DQ12" s="61">
        <v>0</v>
      </c>
      <c r="DR12" s="62">
        <v>0</v>
      </c>
      <c r="DS12" s="63">
        <v>2</v>
      </c>
      <c r="DT12" s="60">
        <v>3</v>
      </c>
      <c r="DU12" s="61">
        <v>2</v>
      </c>
      <c r="DV12" s="62">
        <v>5</v>
      </c>
      <c r="DW12" s="443">
        <v>0</v>
      </c>
      <c r="DX12" s="61">
        <v>2</v>
      </c>
      <c r="DY12" s="61">
        <v>3</v>
      </c>
      <c r="DZ12" s="61">
        <v>2</v>
      </c>
      <c r="EA12" s="61">
        <v>2</v>
      </c>
      <c r="EB12" s="61">
        <v>1</v>
      </c>
      <c r="EC12" s="62">
        <v>10</v>
      </c>
      <c r="ED12" s="63">
        <v>15</v>
      </c>
      <c r="EE12" s="60">
        <v>5</v>
      </c>
      <c r="EF12" s="61">
        <v>3</v>
      </c>
      <c r="EG12" s="62">
        <v>8</v>
      </c>
      <c r="EH12" s="443">
        <v>0</v>
      </c>
      <c r="EI12" s="61">
        <v>6</v>
      </c>
      <c r="EJ12" s="61">
        <v>5</v>
      </c>
      <c r="EK12" s="61">
        <v>1</v>
      </c>
      <c r="EL12" s="61">
        <v>2</v>
      </c>
      <c r="EM12" s="61">
        <v>0</v>
      </c>
      <c r="EN12" s="62">
        <v>14</v>
      </c>
      <c r="EO12" s="63">
        <v>22</v>
      </c>
      <c r="EP12" s="60">
        <v>5</v>
      </c>
      <c r="EQ12" s="61">
        <v>8</v>
      </c>
      <c r="ER12" s="62">
        <v>13</v>
      </c>
      <c r="ES12" s="443">
        <v>0</v>
      </c>
      <c r="ET12" s="61">
        <v>11</v>
      </c>
      <c r="EU12" s="61">
        <v>5</v>
      </c>
      <c r="EV12" s="61">
        <v>4</v>
      </c>
      <c r="EW12" s="61">
        <v>3</v>
      </c>
      <c r="EX12" s="61">
        <v>3</v>
      </c>
      <c r="EY12" s="62">
        <v>26</v>
      </c>
      <c r="EZ12" s="63">
        <v>39</v>
      </c>
      <c r="FA12" s="60">
        <v>6</v>
      </c>
      <c r="FB12" s="61">
        <v>3</v>
      </c>
      <c r="FC12" s="62">
        <v>9</v>
      </c>
      <c r="FD12" s="443">
        <v>0</v>
      </c>
      <c r="FE12" s="61">
        <v>16</v>
      </c>
      <c r="FF12" s="61">
        <v>11</v>
      </c>
      <c r="FG12" s="61">
        <v>5</v>
      </c>
      <c r="FH12" s="61">
        <v>3</v>
      </c>
      <c r="FI12" s="61">
        <v>6</v>
      </c>
      <c r="FJ12" s="62">
        <v>41</v>
      </c>
      <c r="FK12" s="63">
        <v>50</v>
      </c>
      <c r="FL12" s="60">
        <v>5</v>
      </c>
      <c r="FM12" s="61">
        <v>10</v>
      </c>
      <c r="FN12" s="62">
        <v>15</v>
      </c>
      <c r="FO12" s="443">
        <v>0</v>
      </c>
      <c r="FP12" s="61">
        <v>19</v>
      </c>
      <c r="FQ12" s="61">
        <v>14</v>
      </c>
      <c r="FR12" s="61">
        <v>12</v>
      </c>
      <c r="FS12" s="61">
        <v>11</v>
      </c>
      <c r="FT12" s="61">
        <v>4</v>
      </c>
      <c r="FU12" s="62">
        <v>60</v>
      </c>
      <c r="FV12" s="63">
        <v>75</v>
      </c>
      <c r="FW12" s="60">
        <v>0</v>
      </c>
      <c r="FX12" s="61">
        <v>0</v>
      </c>
      <c r="FY12" s="62">
        <v>0</v>
      </c>
      <c r="FZ12" s="443">
        <v>0</v>
      </c>
      <c r="GA12" s="61">
        <v>0</v>
      </c>
      <c r="GB12" s="61">
        <v>0</v>
      </c>
      <c r="GC12" s="61">
        <v>0</v>
      </c>
      <c r="GD12" s="61">
        <v>0</v>
      </c>
      <c r="GE12" s="61">
        <v>0</v>
      </c>
      <c r="GF12" s="62">
        <v>0</v>
      </c>
      <c r="GG12" s="63">
        <v>0</v>
      </c>
      <c r="GH12" s="60">
        <v>26</v>
      </c>
      <c r="GI12" s="61">
        <v>26</v>
      </c>
      <c r="GJ12" s="62">
        <v>52</v>
      </c>
      <c r="GK12" s="443">
        <v>0</v>
      </c>
      <c r="GL12" s="61">
        <v>54</v>
      </c>
      <c r="GM12" s="61">
        <v>38</v>
      </c>
      <c r="GN12" s="61">
        <v>24</v>
      </c>
      <c r="GO12" s="61">
        <v>21</v>
      </c>
      <c r="GP12" s="61">
        <v>14</v>
      </c>
      <c r="GQ12" s="62">
        <v>151</v>
      </c>
      <c r="GR12" s="63">
        <v>203</v>
      </c>
      <c r="GS12" s="113">
        <v>85</v>
      </c>
      <c r="GT12" s="72">
        <v>62</v>
      </c>
      <c r="GU12" s="73">
        <v>147</v>
      </c>
      <c r="GV12" s="443">
        <v>0</v>
      </c>
      <c r="GW12" s="72">
        <v>167</v>
      </c>
      <c r="GX12" s="72">
        <v>123</v>
      </c>
      <c r="GY12" s="72">
        <v>78</v>
      </c>
      <c r="GZ12" s="72">
        <v>69</v>
      </c>
      <c r="HA12" s="72">
        <v>37</v>
      </c>
      <c r="HB12" s="74">
        <v>474</v>
      </c>
      <c r="HC12" s="75">
        <v>621</v>
      </c>
      <c r="HD12" s="60">
        <v>3</v>
      </c>
      <c r="HE12" s="61">
        <v>4</v>
      </c>
      <c r="HF12" s="62">
        <v>7</v>
      </c>
      <c r="HG12" s="443">
        <v>0</v>
      </c>
      <c r="HH12" s="61">
        <v>5</v>
      </c>
      <c r="HI12" s="61">
        <v>3</v>
      </c>
      <c r="HJ12" s="61">
        <v>2</v>
      </c>
      <c r="HK12" s="61">
        <v>1</v>
      </c>
      <c r="HL12" s="61">
        <v>2</v>
      </c>
      <c r="HM12" s="62">
        <v>13</v>
      </c>
      <c r="HN12" s="63">
        <v>20</v>
      </c>
      <c r="HO12" s="60">
        <v>7</v>
      </c>
      <c r="HP12" s="61">
        <v>8</v>
      </c>
      <c r="HQ12" s="62">
        <v>15</v>
      </c>
      <c r="HR12" s="443">
        <v>0</v>
      </c>
      <c r="HS12" s="61">
        <v>11</v>
      </c>
      <c r="HT12" s="61">
        <v>9</v>
      </c>
      <c r="HU12" s="61">
        <v>5</v>
      </c>
      <c r="HV12" s="61">
        <v>6</v>
      </c>
      <c r="HW12" s="61">
        <v>3</v>
      </c>
      <c r="HX12" s="62">
        <v>34</v>
      </c>
      <c r="HY12" s="63">
        <v>49</v>
      </c>
      <c r="HZ12" s="60">
        <v>14</v>
      </c>
      <c r="IA12" s="61">
        <v>8</v>
      </c>
      <c r="IB12" s="62">
        <v>22</v>
      </c>
      <c r="IC12" s="443">
        <v>0</v>
      </c>
      <c r="ID12" s="61">
        <v>21</v>
      </c>
      <c r="IE12" s="61">
        <v>17</v>
      </c>
      <c r="IF12" s="61">
        <v>6</v>
      </c>
      <c r="IG12" s="61">
        <v>6</v>
      </c>
      <c r="IH12" s="61">
        <v>3</v>
      </c>
      <c r="II12" s="62">
        <v>53</v>
      </c>
      <c r="IJ12" s="63">
        <v>75</v>
      </c>
      <c r="IK12" s="60">
        <v>20</v>
      </c>
      <c r="IL12" s="61">
        <v>14</v>
      </c>
      <c r="IM12" s="62">
        <v>34</v>
      </c>
      <c r="IN12" s="443">
        <v>0</v>
      </c>
      <c r="IO12" s="61">
        <v>29</v>
      </c>
      <c r="IP12" s="61">
        <v>20</v>
      </c>
      <c r="IQ12" s="61">
        <v>11</v>
      </c>
      <c r="IR12" s="61">
        <v>15</v>
      </c>
      <c r="IS12" s="61">
        <v>10</v>
      </c>
      <c r="IT12" s="62">
        <v>85</v>
      </c>
      <c r="IU12" s="63">
        <v>119</v>
      </c>
      <c r="IV12" s="60">
        <v>21</v>
      </c>
      <c r="IW12" s="61">
        <v>12</v>
      </c>
      <c r="IX12" s="62">
        <v>33</v>
      </c>
      <c r="IY12" s="443">
        <v>0</v>
      </c>
      <c r="IZ12" s="61">
        <v>51</v>
      </c>
      <c r="JA12" s="61">
        <v>40</v>
      </c>
      <c r="JB12" s="61">
        <v>24</v>
      </c>
      <c r="JC12" s="61">
        <v>13</v>
      </c>
      <c r="JD12" s="61">
        <v>11</v>
      </c>
      <c r="JE12" s="62">
        <v>139</v>
      </c>
      <c r="JF12" s="63">
        <v>172</v>
      </c>
      <c r="JG12" s="60">
        <v>20</v>
      </c>
      <c r="JH12" s="61">
        <v>16</v>
      </c>
      <c r="JI12" s="62">
        <v>36</v>
      </c>
      <c r="JJ12" s="443">
        <v>0</v>
      </c>
      <c r="JK12" s="61">
        <v>50</v>
      </c>
      <c r="JL12" s="61">
        <v>34</v>
      </c>
      <c r="JM12" s="61">
        <v>30</v>
      </c>
      <c r="JN12" s="61">
        <v>28</v>
      </c>
      <c r="JO12" s="61">
        <v>8</v>
      </c>
      <c r="JP12" s="62">
        <v>150</v>
      </c>
      <c r="JQ12" s="63">
        <v>186</v>
      </c>
      <c r="JR12" s="60">
        <v>0</v>
      </c>
      <c r="JS12" s="61">
        <v>0</v>
      </c>
      <c r="JT12" s="62">
        <v>0</v>
      </c>
      <c r="JU12" s="443">
        <v>0</v>
      </c>
      <c r="JV12" s="61">
        <v>0</v>
      </c>
      <c r="JW12" s="61">
        <v>0</v>
      </c>
      <c r="JX12" s="61">
        <v>0</v>
      </c>
      <c r="JY12" s="61">
        <v>0</v>
      </c>
      <c r="JZ12" s="61">
        <v>0</v>
      </c>
      <c r="KA12" s="62">
        <v>0</v>
      </c>
      <c r="KB12" s="63">
        <v>0</v>
      </c>
      <c r="KC12" s="60">
        <v>85</v>
      </c>
      <c r="KD12" s="61">
        <v>62</v>
      </c>
      <c r="KE12" s="62">
        <v>147</v>
      </c>
      <c r="KF12" s="443">
        <v>0</v>
      </c>
      <c r="KG12" s="61">
        <v>167</v>
      </c>
      <c r="KH12" s="61">
        <v>123</v>
      </c>
      <c r="KI12" s="61">
        <v>78</v>
      </c>
      <c r="KJ12" s="61">
        <v>69</v>
      </c>
      <c r="KK12" s="61">
        <v>37</v>
      </c>
      <c r="KL12" s="62">
        <v>474</v>
      </c>
      <c r="KM12" s="63">
        <v>621</v>
      </c>
    </row>
    <row r="13" spans="2:299" ht="21" customHeight="1" x14ac:dyDescent="0.2">
      <c r="B13" s="437" t="s">
        <v>9</v>
      </c>
      <c r="C13" s="287">
        <v>198</v>
      </c>
      <c r="D13" s="72">
        <v>114</v>
      </c>
      <c r="E13" s="73">
        <v>312</v>
      </c>
      <c r="F13" s="443">
        <v>0</v>
      </c>
      <c r="G13" s="72">
        <v>231</v>
      </c>
      <c r="H13" s="72">
        <v>144</v>
      </c>
      <c r="I13" s="72">
        <v>106</v>
      </c>
      <c r="J13" s="72">
        <v>77</v>
      </c>
      <c r="K13" s="72">
        <v>48</v>
      </c>
      <c r="L13" s="74">
        <v>606</v>
      </c>
      <c r="M13" s="75">
        <v>918</v>
      </c>
      <c r="N13" s="60">
        <v>4</v>
      </c>
      <c r="O13" s="61">
        <v>4</v>
      </c>
      <c r="P13" s="62">
        <v>8</v>
      </c>
      <c r="Q13" s="443">
        <v>0</v>
      </c>
      <c r="R13" s="61">
        <v>3</v>
      </c>
      <c r="S13" s="61">
        <v>3</v>
      </c>
      <c r="T13" s="61">
        <v>5</v>
      </c>
      <c r="U13" s="61">
        <v>1</v>
      </c>
      <c r="V13" s="61">
        <v>7</v>
      </c>
      <c r="W13" s="62">
        <v>19</v>
      </c>
      <c r="X13" s="63">
        <v>27</v>
      </c>
      <c r="Y13" s="60">
        <v>3</v>
      </c>
      <c r="Z13" s="61">
        <v>8</v>
      </c>
      <c r="AA13" s="62">
        <v>11</v>
      </c>
      <c r="AB13" s="443">
        <v>0</v>
      </c>
      <c r="AC13" s="61">
        <v>11</v>
      </c>
      <c r="AD13" s="61">
        <v>5</v>
      </c>
      <c r="AE13" s="61">
        <v>2</v>
      </c>
      <c r="AF13" s="61">
        <v>2</v>
      </c>
      <c r="AG13" s="61">
        <v>2</v>
      </c>
      <c r="AH13" s="62">
        <v>22</v>
      </c>
      <c r="AI13" s="63">
        <v>33</v>
      </c>
      <c r="AJ13" s="60">
        <v>26</v>
      </c>
      <c r="AK13" s="61">
        <v>10</v>
      </c>
      <c r="AL13" s="62">
        <v>36</v>
      </c>
      <c r="AM13" s="443">
        <v>0</v>
      </c>
      <c r="AN13" s="61">
        <v>18</v>
      </c>
      <c r="AO13" s="61">
        <v>10</v>
      </c>
      <c r="AP13" s="61">
        <v>13</v>
      </c>
      <c r="AQ13" s="61">
        <v>4</v>
      </c>
      <c r="AR13" s="61">
        <v>7</v>
      </c>
      <c r="AS13" s="62">
        <v>52</v>
      </c>
      <c r="AT13" s="63">
        <v>88</v>
      </c>
      <c r="AU13" s="60">
        <v>43</v>
      </c>
      <c r="AV13" s="61">
        <v>21</v>
      </c>
      <c r="AW13" s="62">
        <v>64</v>
      </c>
      <c r="AX13" s="443">
        <v>0</v>
      </c>
      <c r="AY13" s="61">
        <v>49</v>
      </c>
      <c r="AZ13" s="61">
        <v>20</v>
      </c>
      <c r="BA13" s="61">
        <v>17</v>
      </c>
      <c r="BB13" s="61">
        <v>10</v>
      </c>
      <c r="BC13" s="61">
        <v>6</v>
      </c>
      <c r="BD13" s="62">
        <v>102</v>
      </c>
      <c r="BE13" s="63">
        <v>166</v>
      </c>
      <c r="BF13" s="60">
        <v>70</v>
      </c>
      <c r="BG13" s="61">
        <v>43</v>
      </c>
      <c r="BH13" s="62">
        <v>113</v>
      </c>
      <c r="BI13" s="443">
        <v>0</v>
      </c>
      <c r="BJ13" s="61">
        <v>80</v>
      </c>
      <c r="BK13" s="61">
        <v>40</v>
      </c>
      <c r="BL13" s="61">
        <v>28</v>
      </c>
      <c r="BM13" s="61">
        <v>26</v>
      </c>
      <c r="BN13" s="61">
        <v>12</v>
      </c>
      <c r="BO13" s="62">
        <v>186</v>
      </c>
      <c r="BP13" s="63">
        <v>299</v>
      </c>
      <c r="BQ13" s="60">
        <v>52</v>
      </c>
      <c r="BR13" s="61">
        <v>28</v>
      </c>
      <c r="BS13" s="62">
        <v>80</v>
      </c>
      <c r="BT13" s="443">
        <v>0</v>
      </c>
      <c r="BU13" s="61">
        <v>70</v>
      </c>
      <c r="BV13" s="61">
        <v>66</v>
      </c>
      <c r="BW13" s="61">
        <v>41</v>
      </c>
      <c r="BX13" s="61">
        <v>34</v>
      </c>
      <c r="BY13" s="61">
        <v>14</v>
      </c>
      <c r="BZ13" s="62">
        <v>225</v>
      </c>
      <c r="CA13" s="63">
        <v>305</v>
      </c>
      <c r="CB13" s="60">
        <v>0</v>
      </c>
      <c r="CC13" s="61">
        <v>0</v>
      </c>
      <c r="CD13" s="62">
        <v>0</v>
      </c>
      <c r="CE13" s="443">
        <v>0</v>
      </c>
      <c r="CF13" s="61">
        <v>0</v>
      </c>
      <c r="CG13" s="61">
        <v>0</v>
      </c>
      <c r="CH13" s="61">
        <v>0</v>
      </c>
      <c r="CI13" s="61">
        <v>0</v>
      </c>
      <c r="CJ13" s="61">
        <v>0</v>
      </c>
      <c r="CK13" s="62">
        <v>0</v>
      </c>
      <c r="CL13" s="63">
        <v>0</v>
      </c>
      <c r="CM13" s="60">
        <v>198</v>
      </c>
      <c r="CN13" s="61">
        <v>114</v>
      </c>
      <c r="CO13" s="62">
        <v>312</v>
      </c>
      <c r="CP13" s="443">
        <v>0</v>
      </c>
      <c r="CQ13" s="61">
        <v>231</v>
      </c>
      <c r="CR13" s="61">
        <v>144</v>
      </c>
      <c r="CS13" s="61">
        <v>106</v>
      </c>
      <c r="CT13" s="61">
        <v>77</v>
      </c>
      <c r="CU13" s="61">
        <v>48</v>
      </c>
      <c r="CV13" s="62">
        <v>606</v>
      </c>
      <c r="CW13" s="63">
        <v>918</v>
      </c>
      <c r="CX13" s="113">
        <v>82</v>
      </c>
      <c r="CY13" s="72">
        <v>49</v>
      </c>
      <c r="CZ13" s="73">
        <v>131</v>
      </c>
      <c r="DA13" s="443">
        <v>0</v>
      </c>
      <c r="DB13" s="72">
        <v>75</v>
      </c>
      <c r="DC13" s="72">
        <v>54</v>
      </c>
      <c r="DD13" s="72">
        <v>38</v>
      </c>
      <c r="DE13" s="72">
        <v>41</v>
      </c>
      <c r="DF13" s="72">
        <v>22</v>
      </c>
      <c r="DG13" s="74">
        <v>230</v>
      </c>
      <c r="DH13" s="75">
        <v>361</v>
      </c>
      <c r="DI13" s="60">
        <v>1</v>
      </c>
      <c r="DJ13" s="61">
        <v>0</v>
      </c>
      <c r="DK13" s="62">
        <v>1</v>
      </c>
      <c r="DL13" s="443">
        <v>0</v>
      </c>
      <c r="DM13" s="61">
        <v>0</v>
      </c>
      <c r="DN13" s="61">
        <v>1</v>
      </c>
      <c r="DO13" s="61">
        <v>1</v>
      </c>
      <c r="DP13" s="61">
        <v>1</v>
      </c>
      <c r="DQ13" s="61">
        <v>0</v>
      </c>
      <c r="DR13" s="62">
        <v>3</v>
      </c>
      <c r="DS13" s="63">
        <v>4</v>
      </c>
      <c r="DT13" s="60">
        <v>6</v>
      </c>
      <c r="DU13" s="61">
        <v>7</v>
      </c>
      <c r="DV13" s="62">
        <v>13</v>
      </c>
      <c r="DW13" s="443">
        <v>0</v>
      </c>
      <c r="DX13" s="61">
        <v>3</v>
      </c>
      <c r="DY13" s="61">
        <v>1</v>
      </c>
      <c r="DZ13" s="61">
        <v>0</v>
      </c>
      <c r="EA13" s="61">
        <v>1</v>
      </c>
      <c r="EB13" s="61">
        <v>1</v>
      </c>
      <c r="EC13" s="62">
        <v>6</v>
      </c>
      <c r="ED13" s="63">
        <v>19</v>
      </c>
      <c r="EE13" s="60">
        <v>9</v>
      </c>
      <c r="EF13" s="61">
        <v>5</v>
      </c>
      <c r="EG13" s="62">
        <v>14</v>
      </c>
      <c r="EH13" s="443">
        <v>0</v>
      </c>
      <c r="EI13" s="61">
        <v>10</v>
      </c>
      <c r="EJ13" s="61">
        <v>6</v>
      </c>
      <c r="EK13" s="61">
        <v>2</v>
      </c>
      <c r="EL13" s="61">
        <v>3</v>
      </c>
      <c r="EM13" s="61">
        <v>1</v>
      </c>
      <c r="EN13" s="62">
        <v>22</v>
      </c>
      <c r="EO13" s="63">
        <v>36</v>
      </c>
      <c r="EP13" s="60">
        <v>23</v>
      </c>
      <c r="EQ13" s="61">
        <v>14</v>
      </c>
      <c r="ER13" s="62">
        <v>37</v>
      </c>
      <c r="ES13" s="443">
        <v>0</v>
      </c>
      <c r="ET13" s="61">
        <v>17</v>
      </c>
      <c r="EU13" s="61">
        <v>8</v>
      </c>
      <c r="EV13" s="61">
        <v>7</v>
      </c>
      <c r="EW13" s="61">
        <v>6</v>
      </c>
      <c r="EX13" s="61">
        <v>1</v>
      </c>
      <c r="EY13" s="62">
        <v>39</v>
      </c>
      <c r="EZ13" s="63">
        <v>76</v>
      </c>
      <c r="FA13" s="60">
        <v>31</v>
      </c>
      <c r="FB13" s="61">
        <v>11</v>
      </c>
      <c r="FC13" s="62">
        <v>42</v>
      </c>
      <c r="FD13" s="443">
        <v>0</v>
      </c>
      <c r="FE13" s="61">
        <v>18</v>
      </c>
      <c r="FF13" s="61">
        <v>15</v>
      </c>
      <c r="FG13" s="61">
        <v>9</v>
      </c>
      <c r="FH13" s="61">
        <v>7</v>
      </c>
      <c r="FI13" s="61">
        <v>5</v>
      </c>
      <c r="FJ13" s="62">
        <v>54</v>
      </c>
      <c r="FK13" s="63">
        <v>96</v>
      </c>
      <c r="FL13" s="60">
        <v>12</v>
      </c>
      <c r="FM13" s="61">
        <v>12</v>
      </c>
      <c r="FN13" s="62">
        <v>24</v>
      </c>
      <c r="FO13" s="443">
        <v>0</v>
      </c>
      <c r="FP13" s="61">
        <v>27</v>
      </c>
      <c r="FQ13" s="61">
        <v>23</v>
      </c>
      <c r="FR13" s="61">
        <v>19</v>
      </c>
      <c r="FS13" s="61">
        <v>23</v>
      </c>
      <c r="FT13" s="61">
        <v>14</v>
      </c>
      <c r="FU13" s="62">
        <v>106</v>
      </c>
      <c r="FV13" s="63">
        <v>130</v>
      </c>
      <c r="FW13" s="60">
        <v>0</v>
      </c>
      <c r="FX13" s="61">
        <v>0</v>
      </c>
      <c r="FY13" s="62">
        <v>0</v>
      </c>
      <c r="FZ13" s="443">
        <v>0</v>
      </c>
      <c r="GA13" s="61">
        <v>0</v>
      </c>
      <c r="GB13" s="61">
        <v>0</v>
      </c>
      <c r="GC13" s="61">
        <v>0</v>
      </c>
      <c r="GD13" s="61">
        <v>0</v>
      </c>
      <c r="GE13" s="61">
        <v>0</v>
      </c>
      <c r="GF13" s="62">
        <v>0</v>
      </c>
      <c r="GG13" s="63">
        <v>0</v>
      </c>
      <c r="GH13" s="60">
        <v>82</v>
      </c>
      <c r="GI13" s="61">
        <v>49</v>
      </c>
      <c r="GJ13" s="62">
        <v>131</v>
      </c>
      <c r="GK13" s="443">
        <v>0</v>
      </c>
      <c r="GL13" s="61">
        <v>75</v>
      </c>
      <c r="GM13" s="61">
        <v>54</v>
      </c>
      <c r="GN13" s="61">
        <v>38</v>
      </c>
      <c r="GO13" s="61">
        <v>41</v>
      </c>
      <c r="GP13" s="61">
        <v>22</v>
      </c>
      <c r="GQ13" s="62">
        <v>230</v>
      </c>
      <c r="GR13" s="63">
        <v>361</v>
      </c>
      <c r="GS13" s="113">
        <v>280</v>
      </c>
      <c r="GT13" s="72">
        <v>163</v>
      </c>
      <c r="GU13" s="73">
        <v>443</v>
      </c>
      <c r="GV13" s="443">
        <v>0</v>
      </c>
      <c r="GW13" s="72">
        <v>306</v>
      </c>
      <c r="GX13" s="72">
        <v>198</v>
      </c>
      <c r="GY13" s="72">
        <v>144</v>
      </c>
      <c r="GZ13" s="72">
        <v>118</v>
      </c>
      <c r="HA13" s="72">
        <v>70</v>
      </c>
      <c r="HB13" s="74">
        <v>836</v>
      </c>
      <c r="HC13" s="75">
        <v>1279</v>
      </c>
      <c r="HD13" s="60">
        <v>5</v>
      </c>
      <c r="HE13" s="61">
        <v>4</v>
      </c>
      <c r="HF13" s="62">
        <v>9</v>
      </c>
      <c r="HG13" s="443">
        <v>0</v>
      </c>
      <c r="HH13" s="61">
        <v>3</v>
      </c>
      <c r="HI13" s="61">
        <v>4</v>
      </c>
      <c r="HJ13" s="61">
        <v>6</v>
      </c>
      <c r="HK13" s="61">
        <v>2</v>
      </c>
      <c r="HL13" s="61">
        <v>7</v>
      </c>
      <c r="HM13" s="62">
        <v>22</v>
      </c>
      <c r="HN13" s="63">
        <v>31</v>
      </c>
      <c r="HO13" s="60">
        <v>9</v>
      </c>
      <c r="HP13" s="61">
        <v>15</v>
      </c>
      <c r="HQ13" s="62">
        <v>24</v>
      </c>
      <c r="HR13" s="443">
        <v>0</v>
      </c>
      <c r="HS13" s="61">
        <v>14</v>
      </c>
      <c r="HT13" s="61">
        <v>6</v>
      </c>
      <c r="HU13" s="61">
        <v>2</v>
      </c>
      <c r="HV13" s="61">
        <v>3</v>
      </c>
      <c r="HW13" s="61">
        <v>3</v>
      </c>
      <c r="HX13" s="62">
        <v>28</v>
      </c>
      <c r="HY13" s="63">
        <v>52</v>
      </c>
      <c r="HZ13" s="60">
        <v>35</v>
      </c>
      <c r="IA13" s="61">
        <v>15</v>
      </c>
      <c r="IB13" s="62">
        <v>50</v>
      </c>
      <c r="IC13" s="443">
        <v>0</v>
      </c>
      <c r="ID13" s="61">
        <v>28</v>
      </c>
      <c r="IE13" s="61">
        <v>16</v>
      </c>
      <c r="IF13" s="61">
        <v>15</v>
      </c>
      <c r="IG13" s="61">
        <v>7</v>
      </c>
      <c r="IH13" s="61">
        <v>8</v>
      </c>
      <c r="II13" s="62">
        <v>74</v>
      </c>
      <c r="IJ13" s="63">
        <v>124</v>
      </c>
      <c r="IK13" s="60">
        <v>66</v>
      </c>
      <c r="IL13" s="61">
        <v>35</v>
      </c>
      <c r="IM13" s="62">
        <v>101</v>
      </c>
      <c r="IN13" s="443">
        <v>0</v>
      </c>
      <c r="IO13" s="61">
        <v>66</v>
      </c>
      <c r="IP13" s="61">
        <v>28</v>
      </c>
      <c r="IQ13" s="61">
        <v>24</v>
      </c>
      <c r="IR13" s="61">
        <v>16</v>
      </c>
      <c r="IS13" s="61">
        <v>7</v>
      </c>
      <c r="IT13" s="62">
        <v>141</v>
      </c>
      <c r="IU13" s="63">
        <v>242</v>
      </c>
      <c r="IV13" s="60">
        <v>101</v>
      </c>
      <c r="IW13" s="61">
        <v>54</v>
      </c>
      <c r="IX13" s="62">
        <v>155</v>
      </c>
      <c r="IY13" s="443">
        <v>0</v>
      </c>
      <c r="IZ13" s="61">
        <v>98</v>
      </c>
      <c r="JA13" s="61">
        <v>55</v>
      </c>
      <c r="JB13" s="61">
        <v>37</v>
      </c>
      <c r="JC13" s="61">
        <v>33</v>
      </c>
      <c r="JD13" s="61">
        <v>17</v>
      </c>
      <c r="JE13" s="62">
        <v>240</v>
      </c>
      <c r="JF13" s="63">
        <v>395</v>
      </c>
      <c r="JG13" s="60">
        <v>64</v>
      </c>
      <c r="JH13" s="61">
        <v>40</v>
      </c>
      <c r="JI13" s="62">
        <v>104</v>
      </c>
      <c r="JJ13" s="443">
        <v>0</v>
      </c>
      <c r="JK13" s="61">
        <v>97</v>
      </c>
      <c r="JL13" s="61">
        <v>89</v>
      </c>
      <c r="JM13" s="61">
        <v>60</v>
      </c>
      <c r="JN13" s="61">
        <v>57</v>
      </c>
      <c r="JO13" s="61">
        <v>28</v>
      </c>
      <c r="JP13" s="62">
        <v>331</v>
      </c>
      <c r="JQ13" s="63">
        <v>435</v>
      </c>
      <c r="JR13" s="60">
        <v>0</v>
      </c>
      <c r="JS13" s="61">
        <v>0</v>
      </c>
      <c r="JT13" s="62">
        <v>0</v>
      </c>
      <c r="JU13" s="443">
        <v>0</v>
      </c>
      <c r="JV13" s="61">
        <v>0</v>
      </c>
      <c r="JW13" s="61">
        <v>0</v>
      </c>
      <c r="JX13" s="61">
        <v>0</v>
      </c>
      <c r="JY13" s="61">
        <v>0</v>
      </c>
      <c r="JZ13" s="61">
        <v>0</v>
      </c>
      <c r="KA13" s="62">
        <v>0</v>
      </c>
      <c r="KB13" s="63">
        <v>0</v>
      </c>
      <c r="KC13" s="60">
        <v>280</v>
      </c>
      <c r="KD13" s="61">
        <v>163</v>
      </c>
      <c r="KE13" s="62">
        <v>443</v>
      </c>
      <c r="KF13" s="443">
        <v>0</v>
      </c>
      <c r="KG13" s="61">
        <v>306</v>
      </c>
      <c r="KH13" s="61">
        <v>198</v>
      </c>
      <c r="KI13" s="61">
        <v>144</v>
      </c>
      <c r="KJ13" s="61">
        <v>118</v>
      </c>
      <c r="KK13" s="61">
        <v>70</v>
      </c>
      <c r="KL13" s="62">
        <v>836</v>
      </c>
      <c r="KM13" s="63">
        <v>1279</v>
      </c>
    </row>
    <row r="14" spans="2:299" ht="21" customHeight="1" x14ac:dyDescent="0.2">
      <c r="B14" s="437" t="s">
        <v>10</v>
      </c>
      <c r="C14" s="287">
        <v>274</v>
      </c>
      <c r="D14" s="72">
        <v>193</v>
      </c>
      <c r="E14" s="73">
        <v>467</v>
      </c>
      <c r="F14" s="443">
        <v>0</v>
      </c>
      <c r="G14" s="72">
        <v>275</v>
      </c>
      <c r="H14" s="72">
        <v>167</v>
      </c>
      <c r="I14" s="72">
        <v>107</v>
      </c>
      <c r="J14" s="72">
        <v>90</v>
      </c>
      <c r="K14" s="72">
        <v>70</v>
      </c>
      <c r="L14" s="74">
        <v>709</v>
      </c>
      <c r="M14" s="75">
        <v>1176</v>
      </c>
      <c r="N14" s="60">
        <v>5</v>
      </c>
      <c r="O14" s="61">
        <v>9</v>
      </c>
      <c r="P14" s="62">
        <v>14</v>
      </c>
      <c r="Q14" s="443">
        <v>0</v>
      </c>
      <c r="R14" s="61">
        <v>7</v>
      </c>
      <c r="S14" s="61">
        <v>8</v>
      </c>
      <c r="T14" s="61">
        <v>3</v>
      </c>
      <c r="U14" s="61">
        <v>7</v>
      </c>
      <c r="V14" s="61">
        <v>1</v>
      </c>
      <c r="W14" s="62">
        <v>26</v>
      </c>
      <c r="X14" s="63">
        <v>40</v>
      </c>
      <c r="Y14" s="60">
        <v>23</v>
      </c>
      <c r="Z14" s="61">
        <v>10</v>
      </c>
      <c r="AA14" s="62">
        <v>33</v>
      </c>
      <c r="AB14" s="443">
        <v>0</v>
      </c>
      <c r="AC14" s="61">
        <v>18</v>
      </c>
      <c r="AD14" s="61">
        <v>20</v>
      </c>
      <c r="AE14" s="61">
        <v>10</v>
      </c>
      <c r="AF14" s="61">
        <v>8</v>
      </c>
      <c r="AG14" s="61">
        <v>11</v>
      </c>
      <c r="AH14" s="62">
        <v>67</v>
      </c>
      <c r="AI14" s="63">
        <v>100</v>
      </c>
      <c r="AJ14" s="60">
        <v>26</v>
      </c>
      <c r="AK14" s="61">
        <v>36</v>
      </c>
      <c r="AL14" s="62">
        <v>62</v>
      </c>
      <c r="AM14" s="443">
        <v>0</v>
      </c>
      <c r="AN14" s="61">
        <v>36</v>
      </c>
      <c r="AO14" s="61">
        <v>22</v>
      </c>
      <c r="AP14" s="61">
        <v>8</v>
      </c>
      <c r="AQ14" s="61">
        <v>10</v>
      </c>
      <c r="AR14" s="61">
        <v>10</v>
      </c>
      <c r="AS14" s="62">
        <v>86</v>
      </c>
      <c r="AT14" s="63">
        <v>148</v>
      </c>
      <c r="AU14" s="60">
        <v>58</v>
      </c>
      <c r="AV14" s="61">
        <v>38</v>
      </c>
      <c r="AW14" s="62">
        <v>96</v>
      </c>
      <c r="AX14" s="443">
        <v>0</v>
      </c>
      <c r="AY14" s="61">
        <v>67</v>
      </c>
      <c r="AZ14" s="61">
        <v>25</v>
      </c>
      <c r="BA14" s="61">
        <v>16</v>
      </c>
      <c r="BB14" s="61">
        <v>15</v>
      </c>
      <c r="BC14" s="61">
        <v>18</v>
      </c>
      <c r="BD14" s="62">
        <v>141</v>
      </c>
      <c r="BE14" s="63">
        <v>237</v>
      </c>
      <c r="BF14" s="60">
        <v>81</v>
      </c>
      <c r="BG14" s="61">
        <v>48</v>
      </c>
      <c r="BH14" s="62">
        <v>129</v>
      </c>
      <c r="BI14" s="443">
        <v>0</v>
      </c>
      <c r="BJ14" s="61">
        <v>78</v>
      </c>
      <c r="BK14" s="61">
        <v>46</v>
      </c>
      <c r="BL14" s="61">
        <v>33</v>
      </c>
      <c r="BM14" s="61">
        <v>17</v>
      </c>
      <c r="BN14" s="61">
        <v>15</v>
      </c>
      <c r="BO14" s="62">
        <v>189</v>
      </c>
      <c r="BP14" s="63">
        <v>318</v>
      </c>
      <c r="BQ14" s="60">
        <v>81</v>
      </c>
      <c r="BR14" s="61">
        <v>52</v>
      </c>
      <c r="BS14" s="62">
        <v>133</v>
      </c>
      <c r="BT14" s="443">
        <v>0</v>
      </c>
      <c r="BU14" s="61">
        <v>69</v>
      </c>
      <c r="BV14" s="61">
        <v>46</v>
      </c>
      <c r="BW14" s="61">
        <v>37</v>
      </c>
      <c r="BX14" s="61">
        <v>33</v>
      </c>
      <c r="BY14" s="61">
        <v>15</v>
      </c>
      <c r="BZ14" s="62">
        <v>200</v>
      </c>
      <c r="CA14" s="63">
        <v>333</v>
      </c>
      <c r="CB14" s="60">
        <v>0</v>
      </c>
      <c r="CC14" s="61">
        <v>0</v>
      </c>
      <c r="CD14" s="62">
        <v>0</v>
      </c>
      <c r="CE14" s="443">
        <v>0</v>
      </c>
      <c r="CF14" s="61">
        <v>0</v>
      </c>
      <c r="CG14" s="61">
        <v>0</v>
      </c>
      <c r="CH14" s="61">
        <v>0</v>
      </c>
      <c r="CI14" s="61">
        <v>0</v>
      </c>
      <c r="CJ14" s="61">
        <v>0</v>
      </c>
      <c r="CK14" s="62">
        <v>0</v>
      </c>
      <c r="CL14" s="63">
        <v>0</v>
      </c>
      <c r="CM14" s="60">
        <v>274</v>
      </c>
      <c r="CN14" s="61">
        <v>193</v>
      </c>
      <c r="CO14" s="62">
        <v>467</v>
      </c>
      <c r="CP14" s="443">
        <v>0</v>
      </c>
      <c r="CQ14" s="61">
        <v>275</v>
      </c>
      <c r="CR14" s="61">
        <v>167</v>
      </c>
      <c r="CS14" s="61">
        <v>107</v>
      </c>
      <c r="CT14" s="61">
        <v>90</v>
      </c>
      <c r="CU14" s="61">
        <v>70</v>
      </c>
      <c r="CV14" s="62">
        <v>709</v>
      </c>
      <c r="CW14" s="63">
        <v>1176</v>
      </c>
      <c r="CX14" s="113">
        <v>115</v>
      </c>
      <c r="CY14" s="72">
        <v>74</v>
      </c>
      <c r="CZ14" s="73">
        <v>189</v>
      </c>
      <c r="DA14" s="443">
        <v>0</v>
      </c>
      <c r="DB14" s="72">
        <v>114</v>
      </c>
      <c r="DC14" s="72">
        <v>60</v>
      </c>
      <c r="DD14" s="72">
        <v>47</v>
      </c>
      <c r="DE14" s="72">
        <v>46</v>
      </c>
      <c r="DF14" s="72">
        <v>40</v>
      </c>
      <c r="DG14" s="74">
        <v>307</v>
      </c>
      <c r="DH14" s="75">
        <v>496</v>
      </c>
      <c r="DI14" s="60">
        <v>4</v>
      </c>
      <c r="DJ14" s="61">
        <v>4</v>
      </c>
      <c r="DK14" s="62">
        <v>8</v>
      </c>
      <c r="DL14" s="443">
        <v>0</v>
      </c>
      <c r="DM14" s="61">
        <v>1</v>
      </c>
      <c r="DN14" s="61">
        <v>1</v>
      </c>
      <c r="DO14" s="61">
        <v>1</v>
      </c>
      <c r="DP14" s="61">
        <v>1</v>
      </c>
      <c r="DQ14" s="61">
        <v>0</v>
      </c>
      <c r="DR14" s="62">
        <v>4</v>
      </c>
      <c r="DS14" s="63">
        <v>12</v>
      </c>
      <c r="DT14" s="60">
        <v>9</v>
      </c>
      <c r="DU14" s="61">
        <v>4</v>
      </c>
      <c r="DV14" s="62">
        <v>13</v>
      </c>
      <c r="DW14" s="443">
        <v>0</v>
      </c>
      <c r="DX14" s="61">
        <v>7</v>
      </c>
      <c r="DY14" s="61">
        <v>0</v>
      </c>
      <c r="DZ14" s="61">
        <v>1</v>
      </c>
      <c r="EA14" s="61">
        <v>1</v>
      </c>
      <c r="EB14" s="61">
        <v>3</v>
      </c>
      <c r="EC14" s="62">
        <v>12</v>
      </c>
      <c r="ED14" s="63">
        <v>25</v>
      </c>
      <c r="EE14" s="60">
        <v>20</v>
      </c>
      <c r="EF14" s="61">
        <v>12</v>
      </c>
      <c r="EG14" s="62">
        <v>32</v>
      </c>
      <c r="EH14" s="443">
        <v>0</v>
      </c>
      <c r="EI14" s="61">
        <v>7</v>
      </c>
      <c r="EJ14" s="61">
        <v>5</v>
      </c>
      <c r="EK14" s="61">
        <v>5</v>
      </c>
      <c r="EL14" s="61">
        <v>2</v>
      </c>
      <c r="EM14" s="61">
        <v>0</v>
      </c>
      <c r="EN14" s="62">
        <v>19</v>
      </c>
      <c r="EO14" s="63">
        <v>51</v>
      </c>
      <c r="EP14" s="60">
        <v>25</v>
      </c>
      <c r="EQ14" s="61">
        <v>15</v>
      </c>
      <c r="ER14" s="62">
        <v>40</v>
      </c>
      <c r="ES14" s="443">
        <v>0</v>
      </c>
      <c r="ET14" s="61">
        <v>25</v>
      </c>
      <c r="EU14" s="61">
        <v>13</v>
      </c>
      <c r="EV14" s="61">
        <v>4</v>
      </c>
      <c r="EW14" s="61">
        <v>3</v>
      </c>
      <c r="EX14" s="61">
        <v>5</v>
      </c>
      <c r="EY14" s="62">
        <v>50</v>
      </c>
      <c r="EZ14" s="63">
        <v>90</v>
      </c>
      <c r="FA14" s="60">
        <v>31</v>
      </c>
      <c r="FB14" s="61">
        <v>23</v>
      </c>
      <c r="FC14" s="62">
        <v>54</v>
      </c>
      <c r="FD14" s="443">
        <v>0</v>
      </c>
      <c r="FE14" s="61">
        <v>32</v>
      </c>
      <c r="FF14" s="61">
        <v>18</v>
      </c>
      <c r="FG14" s="61">
        <v>14</v>
      </c>
      <c r="FH14" s="61">
        <v>10</v>
      </c>
      <c r="FI14" s="61">
        <v>10</v>
      </c>
      <c r="FJ14" s="62">
        <v>84</v>
      </c>
      <c r="FK14" s="63">
        <v>138</v>
      </c>
      <c r="FL14" s="60">
        <v>26</v>
      </c>
      <c r="FM14" s="61">
        <v>16</v>
      </c>
      <c r="FN14" s="62">
        <v>42</v>
      </c>
      <c r="FO14" s="443">
        <v>0</v>
      </c>
      <c r="FP14" s="61">
        <v>42</v>
      </c>
      <c r="FQ14" s="61">
        <v>23</v>
      </c>
      <c r="FR14" s="61">
        <v>22</v>
      </c>
      <c r="FS14" s="61">
        <v>29</v>
      </c>
      <c r="FT14" s="61">
        <v>22</v>
      </c>
      <c r="FU14" s="62">
        <v>138</v>
      </c>
      <c r="FV14" s="63">
        <v>180</v>
      </c>
      <c r="FW14" s="60">
        <v>0</v>
      </c>
      <c r="FX14" s="61">
        <v>0</v>
      </c>
      <c r="FY14" s="62">
        <v>0</v>
      </c>
      <c r="FZ14" s="443">
        <v>0</v>
      </c>
      <c r="GA14" s="61">
        <v>0</v>
      </c>
      <c r="GB14" s="61">
        <v>0</v>
      </c>
      <c r="GC14" s="61">
        <v>0</v>
      </c>
      <c r="GD14" s="61">
        <v>0</v>
      </c>
      <c r="GE14" s="61">
        <v>0</v>
      </c>
      <c r="GF14" s="62">
        <v>0</v>
      </c>
      <c r="GG14" s="63">
        <v>0</v>
      </c>
      <c r="GH14" s="60">
        <v>115</v>
      </c>
      <c r="GI14" s="61">
        <v>74</v>
      </c>
      <c r="GJ14" s="62">
        <v>189</v>
      </c>
      <c r="GK14" s="443">
        <v>0</v>
      </c>
      <c r="GL14" s="61">
        <v>114</v>
      </c>
      <c r="GM14" s="61">
        <v>60</v>
      </c>
      <c r="GN14" s="61">
        <v>47</v>
      </c>
      <c r="GO14" s="61">
        <v>46</v>
      </c>
      <c r="GP14" s="61">
        <v>40</v>
      </c>
      <c r="GQ14" s="62">
        <v>307</v>
      </c>
      <c r="GR14" s="63">
        <v>496</v>
      </c>
      <c r="GS14" s="113">
        <v>389</v>
      </c>
      <c r="GT14" s="72">
        <v>267</v>
      </c>
      <c r="GU14" s="73">
        <v>656</v>
      </c>
      <c r="GV14" s="443">
        <v>0</v>
      </c>
      <c r="GW14" s="72">
        <v>389</v>
      </c>
      <c r="GX14" s="72">
        <v>227</v>
      </c>
      <c r="GY14" s="72">
        <v>154</v>
      </c>
      <c r="GZ14" s="72">
        <v>136</v>
      </c>
      <c r="HA14" s="72">
        <v>110</v>
      </c>
      <c r="HB14" s="74">
        <v>1016</v>
      </c>
      <c r="HC14" s="75">
        <v>1672</v>
      </c>
      <c r="HD14" s="60">
        <v>9</v>
      </c>
      <c r="HE14" s="61">
        <v>13</v>
      </c>
      <c r="HF14" s="62">
        <v>22</v>
      </c>
      <c r="HG14" s="443">
        <v>0</v>
      </c>
      <c r="HH14" s="61">
        <v>8</v>
      </c>
      <c r="HI14" s="61">
        <v>9</v>
      </c>
      <c r="HJ14" s="61">
        <v>4</v>
      </c>
      <c r="HK14" s="61">
        <v>8</v>
      </c>
      <c r="HL14" s="61">
        <v>1</v>
      </c>
      <c r="HM14" s="62">
        <v>30</v>
      </c>
      <c r="HN14" s="63">
        <v>52</v>
      </c>
      <c r="HO14" s="60">
        <v>32</v>
      </c>
      <c r="HP14" s="61">
        <v>14</v>
      </c>
      <c r="HQ14" s="62">
        <v>46</v>
      </c>
      <c r="HR14" s="443">
        <v>0</v>
      </c>
      <c r="HS14" s="61">
        <v>25</v>
      </c>
      <c r="HT14" s="61">
        <v>20</v>
      </c>
      <c r="HU14" s="61">
        <v>11</v>
      </c>
      <c r="HV14" s="61">
        <v>9</v>
      </c>
      <c r="HW14" s="61">
        <v>14</v>
      </c>
      <c r="HX14" s="62">
        <v>79</v>
      </c>
      <c r="HY14" s="63">
        <v>125</v>
      </c>
      <c r="HZ14" s="60">
        <v>46</v>
      </c>
      <c r="IA14" s="61">
        <v>48</v>
      </c>
      <c r="IB14" s="62">
        <v>94</v>
      </c>
      <c r="IC14" s="443">
        <v>0</v>
      </c>
      <c r="ID14" s="61">
        <v>43</v>
      </c>
      <c r="IE14" s="61">
        <v>27</v>
      </c>
      <c r="IF14" s="61">
        <v>13</v>
      </c>
      <c r="IG14" s="61">
        <v>12</v>
      </c>
      <c r="IH14" s="61">
        <v>10</v>
      </c>
      <c r="II14" s="62">
        <v>105</v>
      </c>
      <c r="IJ14" s="63">
        <v>199</v>
      </c>
      <c r="IK14" s="60">
        <v>83</v>
      </c>
      <c r="IL14" s="61">
        <v>53</v>
      </c>
      <c r="IM14" s="62">
        <v>136</v>
      </c>
      <c r="IN14" s="443">
        <v>0</v>
      </c>
      <c r="IO14" s="61">
        <v>92</v>
      </c>
      <c r="IP14" s="61">
        <v>38</v>
      </c>
      <c r="IQ14" s="61">
        <v>20</v>
      </c>
      <c r="IR14" s="61">
        <v>18</v>
      </c>
      <c r="IS14" s="61">
        <v>23</v>
      </c>
      <c r="IT14" s="62">
        <v>191</v>
      </c>
      <c r="IU14" s="63">
        <v>327</v>
      </c>
      <c r="IV14" s="60">
        <v>112</v>
      </c>
      <c r="IW14" s="61">
        <v>71</v>
      </c>
      <c r="IX14" s="62">
        <v>183</v>
      </c>
      <c r="IY14" s="443">
        <v>0</v>
      </c>
      <c r="IZ14" s="61">
        <v>110</v>
      </c>
      <c r="JA14" s="61">
        <v>64</v>
      </c>
      <c r="JB14" s="61">
        <v>47</v>
      </c>
      <c r="JC14" s="61">
        <v>27</v>
      </c>
      <c r="JD14" s="61">
        <v>25</v>
      </c>
      <c r="JE14" s="62">
        <v>273</v>
      </c>
      <c r="JF14" s="63">
        <v>456</v>
      </c>
      <c r="JG14" s="60">
        <v>107</v>
      </c>
      <c r="JH14" s="61">
        <v>68</v>
      </c>
      <c r="JI14" s="62">
        <v>175</v>
      </c>
      <c r="JJ14" s="443">
        <v>0</v>
      </c>
      <c r="JK14" s="61">
        <v>111</v>
      </c>
      <c r="JL14" s="61">
        <v>69</v>
      </c>
      <c r="JM14" s="61">
        <v>59</v>
      </c>
      <c r="JN14" s="61">
        <v>62</v>
      </c>
      <c r="JO14" s="61">
        <v>37</v>
      </c>
      <c r="JP14" s="62">
        <v>338</v>
      </c>
      <c r="JQ14" s="63">
        <v>513</v>
      </c>
      <c r="JR14" s="60">
        <v>0</v>
      </c>
      <c r="JS14" s="61">
        <v>0</v>
      </c>
      <c r="JT14" s="62">
        <v>0</v>
      </c>
      <c r="JU14" s="443">
        <v>0</v>
      </c>
      <c r="JV14" s="61">
        <v>0</v>
      </c>
      <c r="JW14" s="61">
        <v>0</v>
      </c>
      <c r="JX14" s="61">
        <v>0</v>
      </c>
      <c r="JY14" s="61">
        <v>0</v>
      </c>
      <c r="JZ14" s="61">
        <v>0</v>
      </c>
      <c r="KA14" s="62">
        <v>0</v>
      </c>
      <c r="KB14" s="63">
        <v>0</v>
      </c>
      <c r="KC14" s="60">
        <v>389</v>
      </c>
      <c r="KD14" s="61">
        <v>267</v>
      </c>
      <c r="KE14" s="62">
        <v>656</v>
      </c>
      <c r="KF14" s="443">
        <v>0</v>
      </c>
      <c r="KG14" s="61">
        <v>389</v>
      </c>
      <c r="KH14" s="61">
        <v>227</v>
      </c>
      <c r="KI14" s="61">
        <v>154</v>
      </c>
      <c r="KJ14" s="61">
        <v>136</v>
      </c>
      <c r="KK14" s="61">
        <v>110</v>
      </c>
      <c r="KL14" s="62">
        <v>1016</v>
      </c>
      <c r="KM14" s="63">
        <v>1672</v>
      </c>
    </row>
    <row r="15" spans="2:299" ht="21" customHeight="1" x14ac:dyDescent="0.2">
      <c r="B15" s="437" t="s">
        <v>11</v>
      </c>
      <c r="C15" s="287">
        <v>53</v>
      </c>
      <c r="D15" s="72">
        <v>40</v>
      </c>
      <c r="E15" s="73">
        <v>93</v>
      </c>
      <c r="F15" s="443">
        <v>0</v>
      </c>
      <c r="G15" s="72">
        <v>102</v>
      </c>
      <c r="H15" s="72">
        <v>49</v>
      </c>
      <c r="I15" s="72">
        <v>40</v>
      </c>
      <c r="J15" s="72">
        <v>27</v>
      </c>
      <c r="K15" s="72">
        <v>19</v>
      </c>
      <c r="L15" s="74">
        <v>237</v>
      </c>
      <c r="M15" s="75">
        <v>330</v>
      </c>
      <c r="N15" s="60">
        <v>1</v>
      </c>
      <c r="O15" s="61">
        <v>1</v>
      </c>
      <c r="P15" s="62">
        <v>2</v>
      </c>
      <c r="Q15" s="443">
        <v>0</v>
      </c>
      <c r="R15" s="61">
        <v>5</v>
      </c>
      <c r="S15" s="61">
        <v>1</v>
      </c>
      <c r="T15" s="61">
        <v>0</v>
      </c>
      <c r="U15" s="61">
        <v>2</v>
      </c>
      <c r="V15" s="61">
        <v>1</v>
      </c>
      <c r="W15" s="62">
        <v>9</v>
      </c>
      <c r="X15" s="63">
        <v>11</v>
      </c>
      <c r="Y15" s="60">
        <v>5</v>
      </c>
      <c r="Z15" s="61">
        <v>1</v>
      </c>
      <c r="AA15" s="62">
        <v>6</v>
      </c>
      <c r="AB15" s="443">
        <v>0</v>
      </c>
      <c r="AC15" s="61">
        <v>8</v>
      </c>
      <c r="AD15" s="61">
        <v>1</v>
      </c>
      <c r="AE15" s="61">
        <v>5</v>
      </c>
      <c r="AF15" s="61">
        <v>1</v>
      </c>
      <c r="AG15" s="61">
        <v>1</v>
      </c>
      <c r="AH15" s="62">
        <v>16</v>
      </c>
      <c r="AI15" s="63">
        <v>22</v>
      </c>
      <c r="AJ15" s="60">
        <v>6</v>
      </c>
      <c r="AK15" s="61">
        <v>8</v>
      </c>
      <c r="AL15" s="62">
        <v>14</v>
      </c>
      <c r="AM15" s="443">
        <v>0</v>
      </c>
      <c r="AN15" s="61">
        <v>21</v>
      </c>
      <c r="AO15" s="61">
        <v>7</v>
      </c>
      <c r="AP15" s="61">
        <v>5</v>
      </c>
      <c r="AQ15" s="61">
        <v>2</v>
      </c>
      <c r="AR15" s="61">
        <v>2</v>
      </c>
      <c r="AS15" s="62">
        <v>37</v>
      </c>
      <c r="AT15" s="63">
        <v>51</v>
      </c>
      <c r="AU15" s="60">
        <v>13</v>
      </c>
      <c r="AV15" s="61">
        <v>9</v>
      </c>
      <c r="AW15" s="62">
        <v>22</v>
      </c>
      <c r="AX15" s="443">
        <v>0</v>
      </c>
      <c r="AY15" s="61">
        <v>27</v>
      </c>
      <c r="AZ15" s="61">
        <v>10</v>
      </c>
      <c r="BA15" s="61">
        <v>9</v>
      </c>
      <c r="BB15" s="61">
        <v>10</v>
      </c>
      <c r="BC15" s="61">
        <v>5</v>
      </c>
      <c r="BD15" s="62">
        <v>61</v>
      </c>
      <c r="BE15" s="63">
        <v>83</v>
      </c>
      <c r="BF15" s="60">
        <v>18</v>
      </c>
      <c r="BG15" s="61">
        <v>13</v>
      </c>
      <c r="BH15" s="62">
        <v>31</v>
      </c>
      <c r="BI15" s="443">
        <v>0</v>
      </c>
      <c r="BJ15" s="61">
        <v>21</v>
      </c>
      <c r="BK15" s="61">
        <v>20</v>
      </c>
      <c r="BL15" s="61">
        <v>8</v>
      </c>
      <c r="BM15" s="61">
        <v>7</v>
      </c>
      <c r="BN15" s="61">
        <v>5</v>
      </c>
      <c r="BO15" s="62">
        <v>61</v>
      </c>
      <c r="BP15" s="63">
        <v>92</v>
      </c>
      <c r="BQ15" s="60">
        <v>10</v>
      </c>
      <c r="BR15" s="61">
        <v>8</v>
      </c>
      <c r="BS15" s="62">
        <v>18</v>
      </c>
      <c r="BT15" s="443">
        <v>0</v>
      </c>
      <c r="BU15" s="61">
        <v>20</v>
      </c>
      <c r="BV15" s="61">
        <v>10</v>
      </c>
      <c r="BW15" s="61">
        <v>13</v>
      </c>
      <c r="BX15" s="61">
        <v>5</v>
      </c>
      <c r="BY15" s="61">
        <v>5</v>
      </c>
      <c r="BZ15" s="62">
        <v>53</v>
      </c>
      <c r="CA15" s="63">
        <v>71</v>
      </c>
      <c r="CB15" s="60">
        <v>0</v>
      </c>
      <c r="CC15" s="61">
        <v>0</v>
      </c>
      <c r="CD15" s="62">
        <v>0</v>
      </c>
      <c r="CE15" s="443">
        <v>0</v>
      </c>
      <c r="CF15" s="61">
        <v>0</v>
      </c>
      <c r="CG15" s="61">
        <v>0</v>
      </c>
      <c r="CH15" s="61">
        <v>0</v>
      </c>
      <c r="CI15" s="61">
        <v>0</v>
      </c>
      <c r="CJ15" s="61">
        <v>0</v>
      </c>
      <c r="CK15" s="62">
        <v>0</v>
      </c>
      <c r="CL15" s="63">
        <v>0</v>
      </c>
      <c r="CM15" s="60">
        <v>53</v>
      </c>
      <c r="CN15" s="61">
        <v>40</v>
      </c>
      <c r="CO15" s="62">
        <v>93</v>
      </c>
      <c r="CP15" s="443">
        <v>0</v>
      </c>
      <c r="CQ15" s="61">
        <v>102</v>
      </c>
      <c r="CR15" s="61">
        <v>49</v>
      </c>
      <c r="CS15" s="61">
        <v>40</v>
      </c>
      <c r="CT15" s="61">
        <v>27</v>
      </c>
      <c r="CU15" s="61">
        <v>19</v>
      </c>
      <c r="CV15" s="62">
        <v>237</v>
      </c>
      <c r="CW15" s="63">
        <v>330</v>
      </c>
      <c r="CX15" s="113">
        <v>21</v>
      </c>
      <c r="CY15" s="72">
        <v>19</v>
      </c>
      <c r="CZ15" s="73">
        <v>40</v>
      </c>
      <c r="DA15" s="443">
        <v>0</v>
      </c>
      <c r="DB15" s="72">
        <v>47</v>
      </c>
      <c r="DC15" s="72">
        <v>20</v>
      </c>
      <c r="DD15" s="72">
        <v>21</v>
      </c>
      <c r="DE15" s="72">
        <v>36</v>
      </c>
      <c r="DF15" s="72">
        <v>12</v>
      </c>
      <c r="DG15" s="74">
        <v>136</v>
      </c>
      <c r="DH15" s="75">
        <v>176</v>
      </c>
      <c r="DI15" s="60">
        <v>0</v>
      </c>
      <c r="DJ15" s="61">
        <v>1</v>
      </c>
      <c r="DK15" s="62">
        <v>1</v>
      </c>
      <c r="DL15" s="443">
        <v>0</v>
      </c>
      <c r="DM15" s="61">
        <v>2</v>
      </c>
      <c r="DN15" s="61">
        <v>1</v>
      </c>
      <c r="DO15" s="61">
        <v>0</v>
      </c>
      <c r="DP15" s="61">
        <v>0</v>
      </c>
      <c r="DQ15" s="61">
        <v>0</v>
      </c>
      <c r="DR15" s="62">
        <v>3</v>
      </c>
      <c r="DS15" s="63">
        <v>4</v>
      </c>
      <c r="DT15" s="60">
        <v>0</v>
      </c>
      <c r="DU15" s="61">
        <v>1</v>
      </c>
      <c r="DV15" s="62">
        <v>1</v>
      </c>
      <c r="DW15" s="443">
        <v>0</v>
      </c>
      <c r="DX15" s="61">
        <v>3</v>
      </c>
      <c r="DY15" s="61">
        <v>1</v>
      </c>
      <c r="DZ15" s="61">
        <v>0</v>
      </c>
      <c r="EA15" s="61">
        <v>2</v>
      </c>
      <c r="EB15" s="61">
        <v>2</v>
      </c>
      <c r="EC15" s="62">
        <v>8</v>
      </c>
      <c r="ED15" s="63">
        <v>9</v>
      </c>
      <c r="EE15" s="60">
        <v>3</v>
      </c>
      <c r="EF15" s="61">
        <v>4</v>
      </c>
      <c r="EG15" s="62">
        <v>7</v>
      </c>
      <c r="EH15" s="443">
        <v>0</v>
      </c>
      <c r="EI15" s="61">
        <v>4</v>
      </c>
      <c r="EJ15" s="61">
        <v>2</v>
      </c>
      <c r="EK15" s="61">
        <v>1</v>
      </c>
      <c r="EL15" s="61">
        <v>2</v>
      </c>
      <c r="EM15" s="61">
        <v>1</v>
      </c>
      <c r="EN15" s="62">
        <v>10</v>
      </c>
      <c r="EO15" s="63">
        <v>17</v>
      </c>
      <c r="EP15" s="60">
        <v>2</v>
      </c>
      <c r="EQ15" s="61">
        <v>4</v>
      </c>
      <c r="ER15" s="62">
        <v>6</v>
      </c>
      <c r="ES15" s="443">
        <v>0</v>
      </c>
      <c r="ET15" s="61">
        <v>9</v>
      </c>
      <c r="EU15" s="61">
        <v>2</v>
      </c>
      <c r="EV15" s="61">
        <v>2</v>
      </c>
      <c r="EW15" s="61">
        <v>2</v>
      </c>
      <c r="EX15" s="61">
        <v>2</v>
      </c>
      <c r="EY15" s="62">
        <v>17</v>
      </c>
      <c r="EZ15" s="63">
        <v>23</v>
      </c>
      <c r="FA15" s="60">
        <v>14</v>
      </c>
      <c r="FB15" s="61">
        <v>4</v>
      </c>
      <c r="FC15" s="62">
        <v>18</v>
      </c>
      <c r="FD15" s="443">
        <v>0</v>
      </c>
      <c r="FE15" s="61">
        <v>14</v>
      </c>
      <c r="FF15" s="61">
        <v>8</v>
      </c>
      <c r="FG15" s="61">
        <v>5</v>
      </c>
      <c r="FH15" s="61">
        <v>8</v>
      </c>
      <c r="FI15" s="61">
        <v>3</v>
      </c>
      <c r="FJ15" s="62">
        <v>38</v>
      </c>
      <c r="FK15" s="63">
        <v>56</v>
      </c>
      <c r="FL15" s="60">
        <v>2</v>
      </c>
      <c r="FM15" s="61">
        <v>5</v>
      </c>
      <c r="FN15" s="62">
        <v>7</v>
      </c>
      <c r="FO15" s="443">
        <v>0</v>
      </c>
      <c r="FP15" s="61">
        <v>15</v>
      </c>
      <c r="FQ15" s="61">
        <v>6</v>
      </c>
      <c r="FR15" s="61">
        <v>13</v>
      </c>
      <c r="FS15" s="61">
        <v>22</v>
      </c>
      <c r="FT15" s="61">
        <v>4</v>
      </c>
      <c r="FU15" s="62">
        <v>60</v>
      </c>
      <c r="FV15" s="63">
        <v>67</v>
      </c>
      <c r="FW15" s="60">
        <v>0</v>
      </c>
      <c r="FX15" s="61">
        <v>0</v>
      </c>
      <c r="FY15" s="62">
        <v>0</v>
      </c>
      <c r="FZ15" s="443">
        <v>0</v>
      </c>
      <c r="GA15" s="61">
        <v>0</v>
      </c>
      <c r="GB15" s="61">
        <v>0</v>
      </c>
      <c r="GC15" s="61">
        <v>0</v>
      </c>
      <c r="GD15" s="61">
        <v>0</v>
      </c>
      <c r="GE15" s="61">
        <v>0</v>
      </c>
      <c r="GF15" s="62">
        <v>0</v>
      </c>
      <c r="GG15" s="63">
        <v>0</v>
      </c>
      <c r="GH15" s="60">
        <v>21</v>
      </c>
      <c r="GI15" s="61">
        <v>19</v>
      </c>
      <c r="GJ15" s="62">
        <v>40</v>
      </c>
      <c r="GK15" s="443">
        <v>0</v>
      </c>
      <c r="GL15" s="61">
        <v>47</v>
      </c>
      <c r="GM15" s="61">
        <v>20</v>
      </c>
      <c r="GN15" s="61">
        <v>21</v>
      </c>
      <c r="GO15" s="61">
        <v>36</v>
      </c>
      <c r="GP15" s="61">
        <v>12</v>
      </c>
      <c r="GQ15" s="62">
        <v>136</v>
      </c>
      <c r="GR15" s="63">
        <v>176</v>
      </c>
      <c r="GS15" s="113">
        <v>74</v>
      </c>
      <c r="GT15" s="72">
        <v>59</v>
      </c>
      <c r="GU15" s="73">
        <v>133</v>
      </c>
      <c r="GV15" s="443">
        <v>0</v>
      </c>
      <c r="GW15" s="72">
        <v>149</v>
      </c>
      <c r="GX15" s="72">
        <v>69</v>
      </c>
      <c r="GY15" s="72">
        <v>61</v>
      </c>
      <c r="GZ15" s="72">
        <v>63</v>
      </c>
      <c r="HA15" s="72">
        <v>31</v>
      </c>
      <c r="HB15" s="74">
        <v>373</v>
      </c>
      <c r="HC15" s="75">
        <v>506</v>
      </c>
      <c r="HD15" s="60">
        <v>1</v>
      </c>
      <c r="HE15" s="61">
        <v>2</v>
      </c>
      <c r="HF15" s="62">
        <v>3</v>
      </c>
      <c r="HG15" s="443">
        <v>0</v>
      </c>
      <c r="HH15" s="61">
        <v>7</v>
      </c>
      <c r="HI15" s="61">
        <v>2</v>
      </c>
      <c r="HJ15" s="61">
        <v>0</v>
      </c>
      <c r="HK15" s="61">
        <v>2</v>
      </c>
      <c r="HL15" s="61">
        <v>1</v>
      </c>
      <c r="HM15" s="62">
        <v>12</v>
      </c>
      <c r="HN15" s="63">
        <v>15</v>
      </c>
      <c r="HO15" s="60">
        <v>5</v>
      </c>
      <c r="HP15" s="61">
        <v>2</v>
      </c>
      <c r="HQ15" s="62">
        <v>7</v>
      </c>
      <c r="HR15" s="443">
        <v>0</v>
      </c>
      <c r="HS15" s="61">
        <v>11</v>
      </c>
      <c r="HT15" s="61">
        <v>2</v>
      </c>
      <c r="HU15" s="61">
        <v>5</v>
      </c>
      <c r="HV15" s="61">
        <v>3</v>
      </c>
      <c r="HW15" s="61">
        <v>3</v>
      </c>
      <c r="HX15" s="62">
        <v>24</v>
      </c>
      <c r="HY15" s="63">
        <v>31</v>
      </c>
      <c r="HZ15" s="60">
        <v>9</v>
      </c>
      <c r="IA15" s="61">
        <v>12</v>
      </c>
      <c r="IB15" s="62">
        <v>21</v>
      </c>
      <c r="IC15" s="443">
        <v>0</v>
      </c>
      <c r="ID15" s="61">
        <v>25</v>
      </c>
      <c r="IE15" s="61">
        <v>9</v>
      </c>
      <c r="IF15" s="61">
        <v>6</v>
      </c>
      <c r="IG15" s="61">
        <v>4</v>
      </c>
      <c r="IH15" s="61">
        <v>3</v>
      </c>
      <c r="II15" s="62">
        <v>47</v>
      </c>
      <c r="IJ15" s="63">
        <v>68</v>
      </c>
      <c r="IK15" s="60">
        <v>15</v>
      </c>
      <c r="IL15" s="61">
        <v>13</v>
      </c>
      <c r="IM15" s="62">
        <v>28</v>
      </c>
      <c r="IN15" s="443">
        <v>0</v>
      </c>
      <c r="IO15" s="61">
        <v>36</v>
      </c>
      <c r="IP15" s="61">
        <v>12</v>
      </c>
      <c r="IQ15" s="61">
        <v>11</v>
      </c>
      <c r="IR15" s="61">
        <v>12</v>
      </c>
      <c r="IS15" s="61">
        <v>7</v>
      </c>
      <c r="IT15" s="62">
        <v>78</v>
      </c>
      <c r="IU15" s="63">
        <v>106</v>
      </c>
      <c r="IV15" s="60">
        <v>32</v>
      </c>
      <c r="IW15" s="61">
        <v>17</v>
      </c>
      <c r="IX15" s="62">
        <v>49</v>
      </c>
      <c r="IY15" s="443">
        <v>0</v>
      </c>
      <c r="IZ15" s="61">
        <v>35</v>
      </c>
      <c r="JA15" s="61">
        <v>28</v>
      </c>
      <c r="JB15" s="61">
        <v>13</v>
      </c>
      <c r="JC15" s="61">
        <v>15</v>
      </c>
      <c r="JD15" s="61">
        <v>8</v>
      </c>
      <c r="JE15" s="62">
        <v>99</v>
      </c>
      <c r="JF15" s="63">
        <v>148</v>
      </c>
      <c r="JG15" s="60">
        <v>12</v>
      </c>
      <c r="JH15" s="61">
        <v>13</v>
      </c>
      <c r="JI15" s="62">
        <v>25</v>
      </c>
      <c r="JJ15" s="443">
        <v>0</v>
      </c>
      <c r="JK15" s="61">
        <v>35</v>
      </c>
      <c r="JL15" s="61">
        <v>16</v>
      </c>
      <c r="JM15" s="61">
        <v>26</v>
      </c>
      <c r="JN15" s="61">
        <v>27</v>
      </c>
      <c r="JO15" s="61">
        <v>9</v>
      </c>
      <c r="JP15" s="62">
        <v>113</v>
      </c>
      <c r="JQ15" s="63">
        <v>138</v>
      </c>
      <c r="JR15" s="60">
        <v>0</v>
      </c>
      <c r="JS15" s="61">
        <v>0</v>
      </c>
      <c r="JT15" s="62">
        <v>0</v>
      </c>
      <c r="JU15" s="443">
        <v>0</v>
      </c>
      <c r="JV15" s="61">
        <v>0</v>
      </c>
      <c r="JW15" s="61">
        <v>0</v>
      </c>
      <c r="JX15" s="61">
        <v>0</v>
      </c>
      <c r="JY15" s="61">
        <v>0</v>
      </c>
      <c r="JZ15" s="61">
        <v>0</v>
      </c>
      <c r="KA15" s="62">
        <v>0</v>
      </c>
      <c r="KB15" s="63">
        <v>0</v>
      </c>
      <c r="KC15" s="60">
        <v>74</v>
      </c>
      <c r="KD15" s="61">
        <v>59</v>
      </c>
      <c r="KE15" s="62">
        <v>133</v>
      </c>
      <c r="KF15" s="443">
        <v>0</v>
      </c>
      <c r="KG15" s="61">
        <v>149</v>
      </c>
      <c r="KH15" s="61">
        <v>69</v>
      </c>
      <c r="KI15" s="61">
        <v>61</v>
      </c>
      <c r="KJ15" s="61">
        <v>63</v>
      </c>
      <c r="KK15" s="61">
        <v>31</v>
      </c>
      <c r="KL15" s="62">
        <v>373</v>
      </c>
      <c r="KM15" s="63">
        <v>506</v>
      </c>
    </row>
    <row r="16" spans="2:299" ht="21" customHeight="1" x14ac:dyDescent="0.2">
      <c r="B16" s="437" t="s">
        <v>12</v>
      </c>
      <c r="C16" s="287">
        <v>127</v>
      </c>
      <c r="D16" s="72">
        <v>119</v>
      </c>
      <c r="E16" s="73">
        <v>246</v>
      </c>
      <c r="F16" s="443">
        <v>0</v>
      </c>
      <c r="G16" s="72">
        <v>112</v>
      </c>
      <c r="H16" s="72">
        <v>83</v>
      </c>
      <c r="I16" s="72">
        <v>61</v>
      </c>
      <c r="J16" s="72">
        <v>53</v>
      </c>
      <c r="K16" s="72">
        <v>35</v>
      </c>
      <c r="L16" s="74">
        <v>344</v>
      </c>
      <c r="M16" s="75">
        <v>590</v>
      </c>
      <c r="N16" s="76">
        <v>4</v>
      </c>
      <c r="O16" s="61">
        <v>6</v>
      </c>
      <c r="P16" s="62">
        <v>10</v>
      </c>
      <c r="Q16" s="443">
        <v>0</v>
      </c>
      <c r="R16" s="61">
        <v>1</v>
      </c>
      <c r="S16" s="61">
        <v>3</v>
      </c>
      <c r="T16" s="61">
        <v>3</v>
      </c>
      <c r="U16" s="61">
        <v>3</v>
      </c>
      <c r="V16" s="61">
        <v>1</v>
      </c>
      <c r="W16" s="62">
        <v>11</v>
      </c>
      <c r="X16" s="63">
        <v>21</v>
      </c>
      <c r="Y16" s="60">
        <v>9</v>
      </c>
      <c r="Z16" s="61">
        <v>14</v>
      </c>
      <c r="AA16" s="62">
        <v>23</v>
      </c>
      <c r="AB16" s="443">
        <v>0</v>
      </c>
      <c r="AC16" s="61">
        <v>7</v>
      </c>
      <c r="AD16" s="61">
        <v>4</v>
      </c>
      <c r="AE16" s="61">
        <v>4</v>
      </c>
      <c r="AF16" s="61">
        <v>2</v>
      </c>
      <c r="AG16" s="61">
        <v>1</v>
      </c>
      <c r="AH16" s="62">
        <v>18</v>
      </c>
      <c r="AI16" s="63">
        <v>41</v>
      </c>
      <c r="AJ16" s="76">
        <v>13</v>
      </c>
      <c r="AK16" s="61">
        <v>11</v>
      </c>
      <c r="AL16" s="62">
        <v>24</v>
      </c>
      <c r="AM16" s="443">
        <v>0</v>
      </c>
      <c r="AN16" s="61">
        <v>10</v>
      </c>
      <c r="AO16" s="61">
        <v>9</v>
      </c>
      <c r="AP16" s="61">
        <v>4</v>
      </c>
      <c r="AQ16" s="61">
        <v>5</v>
      </c>
      <c r="AR16" s="61">
        <v>3</v>
      </c>
      <c r="AS16" s="62">
        <v>31</v>
      </c>
      <c r="AT16" s="63">
        <v>55</v>
      </c>
      <c r="AU16" s="60">
        <v>26</v>
      </c>
      <c r="AV16" s="61">
        <v>32</v>
      </c>
      <c r="AW16" s="62">
        <v>58</v>
      </c>
      <c r="AX16" s="443">
        <v>0</v>
      </c>
      <c r="AY16" s="61">
        <v>17</v>
      </c>
      <c r="AZ16" s="61">
        <v>16</v>
      </c>
      <c r="BA16" s="61">
        <v>17</v>
      </c>
      <c r="BB16" s="61">
        <v>9</v>
      </c>
      <c r="BC16" s="61">
        <v>13</v>
      </c>
      <c r="BD16" s="62">
        <v>72</v>
      </c>
      <c r="BE16" s="63">
        <v>130</v>
      </c>
      <c r="BF16" s="76">
        <v>43</v>
      </c>
      <c r="BG16" s="61">
        <v>25</v>
      </c>
      <c r="BH16" s="62">
        <v>68</v>
      </c>
      <c r="BI16" s="443">
        <v>0</v>
      </c>
      <c r="BJ16" s="61">
        <v>37</v>
      </c>
      <c r="BK16" s="61">
        <v>28</v>
      </c>
      <c r="BL16" s="61">
        <v>19</v>
      </c>
      <c r="BM16" s="61">
        <v>19</v>
      </c>
      <c r="BN16" s="61">
        <v>7</v>
      </c>
      <c r="BO16" s="62">
        <v>110</v>
      </c>
      <c r="BP16" s="63">
        <v>178</v>
      </c>
      <c r="BQ16" s="60">
        <v>32</v>
      </c>
      <c r="BR16" s="61">
        <v>31</v>
      </c>
      <c r="BS16" s="62">
        <v>63</v>
      </c>
      <c r="BT16" s="443">
        <v>0</v>
      </c>
      <c r="BU16" s="61">
        <v>40</v>
      </c>
      <c r="BV16" s="61">
        <v>23</v>
      </c>
      <c r="BW16" s="61">
        <v>14</v>
      </c>
      <c r="BX16" s="61">
        <v>15</v>
      </c>
      <c r="BY16" s="61">
        <v>10</v>
      </c>
      <c r="BZ16" s="62">
        <v>102</v>
      </c>
      <c r="CA16" s="63">
        <v>165</v>
      </c>
      <c r="CB16" s="60">
        <v>0</v>
      </c>
      <c r="CC16" s="61">
        <v>0</v>
      </c>
      <c r="CD16" s="62">
        <v>0</v>
      </c>
      <c r="CE16" s="443">
        <v>0</v>
      </c>
      <c r="CF16" s="61">
        <v>0</v>
      </c>
      <c r="CG16" s="61">
        <v>0</v>
      </c>
      <c r="CH16" s="61">
        <v>0</v>
      </c>
      <c r="CI16" s="61">
        <v>0</v>
      </c>
      <c r="CJ16" s="61">
        <v>0</v>
      </c>
      <c r="CK16" s="62">
        <v>0</v>
      </c>
      <c r="CL16" s="63">
        <v>0</v>
      </c>
      <c r="CM16" s="60">
        <v>127</v>
      </c>
      <c r="CN16" s="61">
        <v>119</v>
      </c>
      <c r="CO16" s="62">
        <v>246</v>
      </c>
      <c r="CP16" s="443">
        <v>0</v>
      </c>
      <c r="CQ16" s="61">
        <v>112</v>
      </c>
      <c r="CR16" s="61">
        <v>83</v>
      </c>
      <c r="CS16" s="61">
        <v>61</v>
      </c>
      <c r="CT16" s="61">
        <v>53</v>
      </c>
      <c r="CU16" s="61">
        <v>35</v>
      </c>
      <c r="CV16" s="62">
        <v>344</v>
      </c>
      <c r="CW16" s="63">
        <v>590</v>
      </c>
      <c r="CX16" s="113">
        <v>37</v>
      </c>
      <c r="CY16" s="72">
        <v>44</v>
      </c>
      <c r="CZ16" s="73">
        <v>81</v>
      </c>
      <c r="DA16" s="443">
        <v>0</v>
      </c>
      <c r="DB16" s="72">
        <v>37</v>
      </c>
      <c r="DC16" s="72">
        <v>30</v>
      </c>
      <c r="DD16" s="72">
        <v>17</v>
      </c>
      <c r="DE16" s="72">
        <v>35</v>
      </c>
      <c r="DF16" s="72">
        <v>13</v>
      </c>
      <c r="DG16" s="74">
        <v>132</v>
      </c>
      <c r="DH16" s="75">
        <v>213</v>
      </c>
      <c r="DI16" s="76">
        <v>1</v>
      </c>
      <c r="DJ16" s="61">
        <v>0</v>
      </c>
      <c r="DK16" s="62">
        <v>1</v>
      </c>
      <c r="DL16" s="443">
        <v>0</v>
      </c>
      <c r="DM16" s="61">
        <v>0</v>
      </c>
      <c r="DN16" s="61">
        <v>0</v>
      </c>
      <c r="DO16" s="61">
        <v>1</v>
      </c>
      <c r="DP16" s="61">
        <v>0</v>
      </c>
      <c r="DQ16" s="61">
        <v>0</v>
      </c>
      <c r="DR16" s="62">
        <v>1</v>
      </c>
      <c r="DS16" s="63">
        <v>2</v>
      </c>
      <c r="DT16" s="60">
        <v>3</v>
      </c>
      <c r="DU16" s="61">
        <v>2</v>
      </c>
      <c r="DV16" s="62">
        <v>5</v>
      </c>
      <c r="DW16" s="443">
        <v>0</v>
      </c>
      <c r="DX16" s="61">
        <v>1</v>
      </c>
      <c r="DY16" s="61">
        <v>0</v>
      </c>
      <c r="DZ16" s="61">
        <v>0</v>
      </c>
      <c r="EA16" s="61">
        <v>2</v>
      </c>
      <c r="EB16" s="61">
        <v>0</v>
      </c>
      <c r="EC16" s="62">
        <v>3</v>
      </c>
      <c r="ED16" s="63">
        <v>8</v>
      </c>
      <c r="EE16" s="76">
        <v>7</v>
      </c>
      <c r="EF16" s="61">
        <v>3</v>
      </c>
      <c r="EG16" s="62">
        <v>10</v>
      </c>
      <c r="EH16" s="443">
        <v>0</v>
      </c>
      <c r="EI16" s="61">
        <v>3</v>
      </c>
      <c r="EJ16" s="61">
        <v>3</v>
      </c>
      <c r="EK16" s="61">
        <v>0</v>
      </c>
      <c r="EL16" s="61">
        <v>1</v>
      </c>
      <c r="EM16" s="61">
        <v>3</v>
      </c>
      <c r="EN16" s="62">
        <v>10</v>
      </c>
      <c r="EO16" s="63">
        <v>20</v>
      </c>
      <c r="EP16" s="60">
        <v>9</v>
      </c>
      <c r="EQ16" s="61">
        <v>11</v>
      </c>
      <c r="ER16" s="62">
        <v>20</v>
      </c>
      <c r="ES16" s="443">
        <v>0</v>
      </c>
      <c r="ET16" s="61">
        <v>6</v>
      </c>
      <c r="EU16" s="61">
        <v>8</v>
      </c>
      <c r="EV16" s="61">
        <v>3</v>
      </c>
      <c r="EW16" s="61">
        <v>6</v>
      </c>
      <c r="EX16" s="61">
        <v>3</v>
      </c>
      <c r="EY16" s="62">
        <v>26</v>
      </c>
      <c r="EZ16" s="63">
        <v>46</v>
      </c>
      <c r="FA16" s="76">
        <v>9</v>
      </c>
      <c r="FB16" s="61">
        <v>18</v>
      </c>
      <c r="FC16" s="62">
        <v>27</v>
      </c>
      <c r="FD16" s="443">
        <v>0</v>
      </c>
      <c r="FE16" s="61">
        <v>11</v>
      </c>
      <c r="FF16" s="61">
        <v>11</v>
      </c>
      <c r="FG16" s="61">
        <v>5</v>
      </c>
      <c r="FH16" s="61">
        <v>6</v>
      </c>
      <c r="FI16" s="61">
        <v>2</v>
      </c>
      <c r="FJ16" s="62">
        <v>35</v>
      </c>
      <c r="FK16" s="63">
        <v>62</v>
      </c>
      <c r="FL16" s="60">
        <v>8</v>
      </c>
      <c r="FM16" s="61">
        <v>10</v>
      </c>
      <c r="FN16" s="62">
        <v>18</v>
      </c>
      <c r="FO16" s="443">
        <v>0</v>
      </c>
      <c r="FP16" s="61">
        <v>16</v>
      </c>
      <c r="FQ16" s="61">
        <v>8</v>
      </c>
      <c r="FR16" s="61">
        <v>8</v>
      </c>
      <c r="FS16" s="61">
        <v>20</v>
      </c>
      <c r="FT16" s="61">
        <v>5</v>
      </c>
      <c r="FU16" s="62">
        <v>57</v>
      </c>
      <c r="FV16" s="63">
        <v>75</v>
      </c>
      <c r="FW16" s="60">
        <v>0</v>
      </c>
      <c r="FX16" s="61">
        <v>0</v>
      </c>
      <c r="FY16" s="62">
        <v>0</v>
      </c>
      <c r="FZ16" s="443">
        <v>0</v>
      </c>
      <c r="GA16" s="61">
        <v>0</v>
      </c>
      <c r="GB16" s="61">
        <v>0</v>
      </c>
      <c r="GC16" s="61">
        <v>0</v>
      </c>
      <c r="GD16" s="61">
        <v>0</v>
      </c>
      <c r="GE16" s="61">
        <v>0</v>
      </c>
      <c r="GF16" s="62">
        <v>0</v>
      </c>
      <c r="GG16" s="63">
        <v>0</v>
      </c>
      <c r="GH16" s="60">
        <v>37</v>
      </c>
      <c r="GI16" s="61">
        <v>44</v>
      </c>
      <c r="GJ16" s="62">
        <v>81</v>
      </c>
      <c r="GK16" s="443">
        <v>0</v>
      </c>
      <c r="GL16" s="61">
        <v>37</v>
      </c>
      <c r="GM16" s="61">
        <v>30</v>
      </c>
      <c r="GN16" s="61">
        <v>17</v>
      </c>
      <c r="GO16" s="61">
        <v>35</v>
      </c>
      <c r="GP16" s="61">
        <v>13</v>
      </c>
      <c r="GQ16" s="62">
        <v>132</v>
      </c>
      <c r="GR16" s="63">
        <v>213</v>
      </c>
      <c r="GS16" s="113">
        <v>164</v>
      </c>
      <c r="GT16" s="72">
        <v>163</v>
      </c>
      <c r="GU16" s="73">
        <v>327</v>
      </c>
      <c r="GV16" s="443">
        <v>0</v>
      </c>
      <c r="GW16" s="72">
        <v>149</v>
      </c>
      <c r="GX16" s="72">
        <v>113</v>
      </c>
      <c r="GY16" s="72">
        <v>78</v>
      </c>
      <c r="GZ16" s="72">
        <v>88</v>
      </c>
      <c r="HA16" s="72">
        <v>48</v>
      </c>
      <c r="HB16" s="74">
        <v>476</v>
      </c>
      <c r="HC16" s="75">
        <v>803</v>
      </c>
      <c r="HD16" s="76">
        <v>5</v>
      </c>
      <c r="HE16" s="61">
        <v>6</v>
      </c>
      <c r="HF16" s="62">
        <v>11</v>
      </c>
      <c r="HG16" s="443">
        <v>0</v>
      </c>
      <c r="HH16" s="61">
        <v>1</v>
      </c>
      <c r="HI16" s="61">
        <v>3</v>
      </c>
      <c r="HJ16" s="61">
        <v>4</v>
      </c>
      <c r="HK16" s="61">
        <v>3</v>
      </c>
      <c r="HL16" s="61">
        <v>1</v>
      </c>
      <c r="HM16" s="62">
        <v>12</v>
      </c>
      <c r="HN16" s="63">
        <v>23</v>
      </c>
      <c r="HO16" s="60">
        <v>12</v>
      </c>
      <c r="HP16" s="61">
        <v>16</v>
      </c>
      <c r="HQ16" s="62">
        <v>28</v>
      </c>
      <c r="HR16" s="443">
        <v>0</v>
      </c>
      <c r="HS16" s="61">
        <v>8</v>
      </c>
      <c r="HT16" s="61">
        <v>4</v>
      </c>
      <c r="HU16" s="61">
        <v>4</v>
      </c>
      <c r="HV16" s="61">
        <v>4</v>
      </c>
      <c r="HW16" s="61">
        <v>1</v>
      </c>
      <c r="HX16" s="62">
        <v>21</v>
      </c>
      <c r="HY16" s="63">
        <v>49</v>
      </c>
      <c r="HZ16" s="76">
        <v>20</v>
      </c>
      <c r="IA16" s="61">
        <v>14</v>
      </c>
      <c r="IB16" s="62">
        <v>34</v>
      </c>
      <c r="IC16" s="443">
        <v>0</v>
      </c>
      <c r="ID16" s="61">
        <v>13</v>
      </c>
      <c r="IE16" s="61">
        <v>12</v>
      </c>
      <c r="IF16" s="61">
        <v>4</v>
      </c>
      <c r="IG16" s="61">
        <v>6</v>
      </c>
      <c r="IH16" s="61">
        <v>6</v>
      </c>
      <c r="II16" s="62">
        <v>41</v>
      </c>
      <c r="IJ16" s="63">
        <v>75</v>
      </c>
      <c r="IK16" s="60">
        <v>35</v>
      </c>
      <c r="IL16" s="61">
        <v>43</v>
      </c>
      <c r="IM16" s="62">
        <v>78</v>
      </c>
      <c r="IN16" s="443">
        <v>0</v>
      </c>
      <c r="IO16" s="61">
        <v>23</v>
      </c>
      <c r="IP16" s="61">
        <v>24</v>
      </c>
      <c r="IQ16" s="61">
        <v>20</v>
      </c>
      <c r="IR16" s="61">
        <v>15</v>
      </c>
      <c r="IS16" s="61">
        <v>16</v>
      </c>
      <c r="IT16" s="62">
        <v>98</v>
      </c>
      <c r="IU16" s="63">
        <v>176</v>
      </c>
      <c r="IV16" s="76">
        <v>52</v>
      </c>
      <c r="IW16" s="61">
        <v>43</v>
      </c>
      <c r="IX16" s="62">
        <v>95</v>
      </c>
      <c r="IY16" s="443">
        <v>0</v>
      </c>
      <c r="IZ16" s="61">
        <v>48</v>
      </c>
      <c r="JA16" s="61">
        <v>39</v>
      </c>
      <c r="JB16" s="61">
        <v>24</v>
      </c>
      <c r="JC16" s="61">
        <v>25</v>
      </c>
      <c r="JD16" s="61">
        <v>9</v>
      </c>
      <c r="JE16" s="62">
        <v>145</v>
      </c>
      <c r="JF16" s="63">
        <v>240</v>
      </c>
      <c r="JG16" s="60">
        <v>40</v>
      </c>
      <c r="JH16" s="61">
        <v>41</v>
      </c>
      <c r="JI16" s="62">
        <v>81</v>
      </c>
      <c r="JJ16" s="443">
        <v>0</v>
      </c>
      <c r="JK16" s="61">
        <v>56</v>
      </c>
      <c r="JL16" s="61">
        <v>31</v>
      </c>
      <c r="JM16" s="61">
        <v>22</v>
      </c>
      <c r="JN16" s="61">
        <v>35</v>
      </c>
      <c r="JO16" s="61">
        <v>15</v>
      </c>
      <c r="JP16" s="62">
        <v>159</v>
      </c>
      <c r="JQ16" s="63">
        <v>240</v>
      </c>
      <c r="JR16" s="60">
        <v>0</v>
      </c>
      <c r="JS16" s="61">
        <v>0</v>
      </c>
      <c r="JT16" s="62">
        <v>0</v>
      </c>
      <c r="JU16" s="443">
        <v>0</v>
      </c>
      <c r="JV16" s="61">
        <v>0</v>
      </c>
      <c r="JW16" s="61">
        <v>0</v>
      </c>
      <c r="JX16" s="61">
        <v>0</v>
      </c>
      <c r="JY16" s="61">
        <v>0</v>
      </c>
      <c r="JZ16" s="61">
        <v>0</v>
      </c>
      <c r="KA16" s="62">
        <v>0</v>
      </c>
      <c r="KB16" s="63">
        <v>0</v>
      </c>
      <c r="KC16" s="60">
        <v>164</v>
      </c>
      <c r="KD16" s="61">
        <v>163</v>
      </c>
      <c r="KE16" s="62">
        <v>327</v>
      </c>
      <c r="KF16" s="443">
        <v>0</v>
      </c>
      <c r="KG16" s="61">
        <v>149</v>
      </c>
      <c r="KH16" s="61">
        <v>113</v>
      </c>
      <c r="KI16" s="61">
        <v>78</v>
      </c>
      <c r="KJ16" s="61">
        <v>88</v>
      </c>
      <c r="KK16" s="61">
        <v>48</v>
      </c>
      <c r="KL16" s="62">
        <v>476</v>
      </c>
      <c r="KM16" s="63">
        <v>803</v>
      </c>
    </row>
    <row r="17" spans="2:299" ht="21" customHeight="1" x14ac:dyDescent="0.2">
      <c r="B17" s="437" t="s">
        <v>13</v>
      </c>
      <c r="C17" s="287">
        <v>51</v>
      </c>
      <c r="D17" s="72">
        <v>49</v>
      </c>
      <c r="E17" s="73">
        <v>100</v>
      </c>
      <c r="F17" s="443">
        <v>0</v>
      </c>
      <c r="G17" s="72">
        <v>81</v>
      </c>
      <c r="H17" s="72">
        <v>56</v>
      </c>
      <c r="I17" s="72">
        <v>31</v>
      </c>
      <c r="J17" s="72">
        <v>19</v>
      </c>
      <c r="K17" s="72">
        <v>18</v>
      </c>
      <c r="L17" s="74">
        <v>205</v>
      </c>
      <c r="M17" s="75">
        <v>305</v>
      </c>
      <c r="N17" s="60">
        <v>2</v>
      </c>
      <c r="O17" s="61">
        <v>2</v>
      </c>
      <c r="P17" s="62">
        <v>4</v>
      </c>
      <c r="Q17" s="443">
        <v>0</v>
      </c>
      <c r="R17" s="61">
        <v>2</v>
      </c>
      <c r="S17" s="61">
        <v>1</v>
      </c>
      <c r="T17" s="61">
        <v>1</v>
      </c>
      <c r="U17" s="61">
        <v>1</v>
      </c>
      <c r="V17" s="61">
        <v>1</v>
      </c>
      <c r="W17" s="62">
        <v>6</v>
      </c>
      <c r="X17" s="63">
        <v>10</v>
      </c>
      <c r="Y17" s="60">
        <v>3</v>
      </c>
      <c r="Z17" s="61">
        <v>2</v>
      </c>
      <c r="AA17" s="62">
        <v>5</v>
      </c>
      <c r="AB17" s="443">
        <v>0</v>
      </c>
      <c r="AC17" s="61">
        <v>3</v>
      </c>
      <c r="AD17" s="61">
        <v>1</v>
      </c>
      <c r="AE17" s="61">
        <v>0</v>
      </c>
      <c r="AF17" s="61">
        <v>1</v>
      </c>
      <c r="AG17" s="61">
        <v>0</v>
      </c>
      <c r="AH17" s="62">
        <v>5</v>
      </c>
      <c r="AI17" s="63">
        <v>10</v>
      </c>
      <c r="AJ17" s="60">
        <v>5</v>
      </c>
      <c r="AK17" s="61">
        <v>3</v>
      </c>
      <c r="AL17" s="62">
        <v>8</v>
      </c>
      <c r="AM17" s="443">
        <v>0</v>
      </c>
      <c r="AN17" s="61">
        <v>14</v>
      </c>
      <c r="AO17" s="61">
        <v>8</v>
      </c>
      <c r="AP17" s="61">
        <v>1</v>
      </c>
      <c r="AQ17" s="61">
        <v>1</v>
      </c>
      <c r="AR17" s="61">
        <v>2</v>
      </c>
      <c r="AS17" s="62">
        <v>26</v>
      </c>
      <c r="AT17" s="63">
        <v>34</v>
      </c>
      <c r="AU17" s="60">
        <v>10</v>
      </c>
      <c r="AV17" s="61">
        <v>10</v>
      </c>
      <c r="AW17" s="62">
        <v>20</v>
      </c>
      <c r="AX17" s="443">
        <v>0</v>
      </c>
      <c r="AY17" s="61">
        <v>20</v>
      </c>
      <c r="AZ17" s="61">
        <v>10</v>
      </c>
      <c r="BA17" s="61">
        <v>7</v>
      </c>
      <c r="BB17" s="61">
        <v>4</v>
      </c>
      <c r="BC17" s="61">
        <v>4</v>
      </c>
      <c r="BD17" s="62">
        <v>45</v>
      </c>
      <c r="BE17" s="63">
        <v>65</v>
      </c>
      <c r="BF17" s="60">
        <v>13</v>
      </c>
      <c r="BG17" s="61">
        <v>17</v>
      </c>
      <c r="BH17" s="62">
        <v>30</v>
      </c>
      <c r="BI17" s="443">
        <v>0</v>
      </c>
      <c r="BJ17" s="61">
        <v>23</v>
      </c>
      <c r="BK17" s="61">
        <v>17</v>
      </c>
      <c r="BL17" s="61">
        <v>9</v>
      </c>
      <c r="BM17" s="61">
        <v>6</v>
      </c>
      <c r="BN17" s="61">
        <v>7</v>
      </c>
      <c r="BO17" s="62">
        <v>62</v>
      </c>
      <c r="BP17" s="63">
        <v>92</v>
      </c>
      <c r="BQ17" s="60">
        <v>18</v>
      </c>
      <c r="BR17" s="61">
        <v>15</v>
      </c>
      <c r="BS17" s="62">
        <v>33</v>
      </c>
      <c r="BT17" s="443">
        <v>0</v>
      </c>
      <c r="BU17" s="61">
        <v>19</v>
      </c>
      <c r="BV17" s="61">
        <v>19</v>
      </c>
      <c r="BW17" s="61">
        <v>13</v>
      </c>
      <c r="BX17" s="61">
        <v>6</v>
      </c>
      <c r="BY17" s="61">
        <v>4</v>
      </c>
      <c r="BZ17" s="62">
        <v>61</v>
      </c>
      <c r="CA17" s="63">
        <v>94</v>
      </c>
      <c r="CB17" s="60">
        <v>0</v>
      </c>
      <c r="CC17" s="61">
        <v>0</v>
      </c>
      <c r="CD17" s="62">
        <v>0</v>
      </c>
      <c r="CE17" s="443">
        <v>0</v>
      </c>
      <c r="CF17" s="61">
        <v>0</v>
      </c>
      <c r="CG17" s="61">
        <v>0</v>
      </c>
      <c r="CH17" s="61">
        <v>0</v>
      </c>
      <c r="CI17" s="61">
        <v>0</v>
      </c>
      <c r="CJ17" s="61">
        <v>0</v>
      </c>
      <c r="CK17" s="62">
        <v>0</v>
      </c>
      <c r="CL17" s="63">
        <v>0</v>
      </c>
      <c r="CM17" s="60">
        <v>51</v>
      </c>
      <c r="CN17" s="61">
        <v>49</v>
      </c>
      <c r="CO17" s="62">
        <v>100</v>
      </c>
      <c r="CP17" s="443">
        <v>0</v>
      </c>
      <c r="CQ17" s="61">
        <v>81</v>
      </c>
      <c r="CR17" s="61">
        <v>56</v>
      </c>
      <c r="CS17" s="61">
        <v>31</v>
      </c>
      <c r="CT17" s="61">
        <v>19</v>
      </c>
      <c r="CU17" s="61">
        <v>18</v>
      </c>
      <c r="CV17" s="62">
        <v>205</v>
      </c>
      <c r="CW17" s="63">
        <v>305</v>
      </c>
      <c r="CX17" s="113">
        <v>16</v>
      </c>
      <c r="CY17" s="72">
        <v>23</v>
      </c>
      <c r="CZ17" s="73">
        <v>39</v>
      </c>
      <c r="DA17" s="443">
        <v>0</v>
      </c>
      <c r="DB17" s="72">
        <v>27</v>
      </c>
      <c r="DC17" s="72">
        <v>16</v>
      </c>
      <c r="DD17" s="72">
        <v>14</v>
      </c>
      <c r="DE17" s="72">
        <v>10</v>
      </c>
      <c r="DF17" s="72">
        <v>15</v>
      </c>
      <c r="DG17" s="74">
        <v>82</v>
      </c>
      <c r="DH17" s="75">
        <v>121</v>
      </c>
      <c r="DI17" s="60">
        <v>1</v>
      </c>
      <c r="DJ17" s="61">
        <v>2</v>
      </c>
      <c r="DK17" s="62">
        <v>3</v>
      </c>
      <c r="DL17" s="443">
        <v>0</v>
      </c>
      <c r="DM17" s="61">
        <v>0</v>
      </c>
      <c r="DN17" s="61">
        <v>0</v>
      </c>
      <c r="DO17" s="61">
        <v>0</v>
      </c>
      <c r="DP17" s="61">
        <v>0</v>
      </c>
      <c r="DQ17" s="61">
        <v>0</v>
      </c>
      <c r="DR17" s="62">
        <v>0</v>
      </c>
      <c r="DS17" s="63">
        <v>3</v>
      </c>
      <c r="DT17" s="60">
        <v>1</v>
      </c>
      <c r="DU17" s="61">
        <v>0</v>
      </c>
      <c r="DV17" s="62">
        <v>1</v>
      </c>
      <c r="DW17" s="443">
        <v>0</v>
      </c>
      <c r="DX17" s="61">
        <v>2</v>
      </c>
      <c r="DY17" s="61">
        <v>0</v>
      </c>
      <c r="DZ17" s="61">
        <v>0</v>
      </c>
      <c r="EA17" s="61">
        <v>1</v>
      </c>
      <c r="EB17" s="61">
        <v>2</v>
      </c>
      <c r="EC17" s="62">
        <v>5</v>
      </c>
      <c r="ED17" s="63">
        <v>6</v>
      </c>
      <c r="EE17" s="60">
        <v>1</v>
      </c>
      <c r="EF17" s="61">
        <v>0</v>
      </c>
      <c r="EG17" s="62">
        <v>1</v>
      </c>
      <c r="EH17" s="443">
        <v>0</v>
      </c>
      <c r="EI17" s="61">
        <v>5</v>
      </c>
      <c r="EJ17" s="61">
        <v>0</v>
      </c>
      <c r="EK17" s="61">
        <v>1</v>
      </c>
      <c r="EL17" s="61">
        <v>0</v>
      </c>
      <c r="EM17" s="61">
        <v>1</v>
      </c>
      <c r="EN17" s="62">
        <v>7</v>
      </c>
      <c r="EO17" s="63">
        <v>8</v>
      </c>
      <c r="EP17" s="60">
        <v>6</v>
      </c>
      <c r="EQ17" s="61">
        <v>9</v>
      </c>
      <c r="ER17" s="62">
        <v>15</v>
      </c>
      <c r="ES17" s="443">
        <v>0</v>
      </c>
      <c r="ET17" s="61">
        <v>5</v>
      </c>
      <c r="EU17" s="61">
        <v>2</v>
      </c>
      <c r="EV17" s="61">
        <v>2</v>
      </c>
      <c r="EW17" s="61">
        <v>1</v>
      </c>
      <c r="EX17" s="61">
        <v>2</v>
      </c>
      <c r="EY17" s="62">
        <v>12</v>
      </c>
      <c r="EZ17" s="63">
        <v>27</v>
      </c>
      <c r="FA17" s="60">
        <v>4</v>
      </c>
      <c r="FB17" s="61">
        <v>6</v>
      </c>
      <c r="FC17" s="62">
        <v>10</v>
      </c>
      <c r="FD17" s="443">
        <v>0</v>
      </c>
      <c r="FE17" s="61">
        <v>6</v>
      </c>
      <c r="FF17" s="61">
        <v>7</v>
      </c>
      <c r="FG17" s="61">
        <v>2</v>
      </c>
      <c r="FH17" s="61">
        <v>1</v>
      </c>
      <c r="FI17" s="61">
        <v>4</v>
      </c>
      <c r="FJ17" s="62">
        <v>20</v>
      </c>
      <c r="FK17" s="63">
        <v>30</v>
      </c>
      <c r="FL17" s="60">
        <v>3</v>
      </c>
      <c r="FM17" s="61">
        <v>6</v>
      </c>
      <c r="FN17" s="62">
        <v>9</v>
      </c>
      <c r="FO17" s="443">
        <v>0</v>
      </c>
      <c r="FP17" s="61">
        <v>9</v>
      </c>
      <c r="FQ17" s="61">
        <v>7</v>
      </c>
      <c r="FR17" s="61">
        <v>9</v>
      </c>
      <c r="FS17" s="61">
        <v>7</v>
      </c>
      <c r="FT17" s="61">
        <v>6</v>
      </c>
      <c r="FU17" s="62">
        <v>38</v>
      </c>
      <c r="FV17" s="63">
        <v>47</v>
      </c>
      <c r="FW17" s="60">
        <v>0</v>
      </c>
      <c r="FX17" s="61">
        <v>0</v>
      </c>
      <c r="FY17" s="62">
        <v>0</v>
      </c>
      <c r="FZ17" s="443">
        <v>0</v>
      </c>
      <c r="GA17" s="61">
        <v>0</v>
      </c>
      <c r="GB17" s="61">
        <v>0</v>
      </c>
      <c r="GC17" s="61">
        <v>0</v>
      </c>
      <c r="GD17" s="61">
        <v>0</v>
      </c>
      <c r="GE17" s="61">
        <v>0</v>
      </c>
      <c r="GF17" s="62">
        <v>0</v>
      </c>
      <c r="GG17" s="63">
        <v>0</v>
      </c>
      <c r="GH17" s="60">
        <v>16</v>
      </c>
      <c r="GI17" s="61">
        <v>23</v>
      </c>
      <c r="GJ17" s="62">
        <v>39</v>
      </c>
      <c r="GK17" s="443">
        <v>0</v>
      </c>
      <c r="GL17" s="61">
        <v>27</v>
      </c>
      <c r="GM17" s="61">
        <v>16</v>
      </c>
      <c r="GN17" s="61">
        <v>14</v>
      </c>
      <c r="GO17" s="61">
        <v>10</v>
      </c>
      <c r="GP17" s="61">
        <v>15</v>
      </c>
      <c r="GQ17" s="62">
        <v>82</v>
      </c>
      <c r="GR17" s="63">
        <v>121</v>
      </c>
      <c r="GS17" s="113">
        <v>67</v>
      </c>
      <c r="GT17" s="72">
        <v>72</v>
      </c>
      <c r="GU17" s="73">
        <v>139</v>
      </c>
      <c r="GV17" s="443">
        <v>0</v>
      </c>
      <c r="GW17" s="72">
        <v>108</v>
      </c>
      <c r="GX17" s="72">
        <v>72</v>
      </c>
      <c r="GY17" s="72">
        <v>45</v>
      </c>
      <c r="GZ17" s="72">
        <v>29</v>
      </c>
      <c r="HA17" s="72">
        <v>33</v>
      </c>
      <c r="HB17" s="74">
        <v>287</v>
      </c>
      <c r="HC17" s="75">
        <v>426</v>
      </c>
      <c r="HD17" s="60">
        <v>3</v>
      </c>
      <c r="HE17" s="61">
        <v>4</v>
      </c>
      <c r="HF17" s="62">
        <v>7</v>
      </c>
      <c r="HG17" s="443">
        <v>0</v>
      </c>
      <c r="HH17" s="61">
        <v>2</v>
      </c>
      <c r="HI17" s="61">
        <v>1</v>
      </c>
      <c r="HJ17" s="61">
        <v>1</v>
      </c>
      <c r="HK17" s="61">
        <v>1</v>
      </c>
      <c r="HL17" s="61">
        <v>1</v>
      </c>
      <c r="HM17" s="62">
        <v>6</v>
      </c>
      <c r="HN17" s="63">
        <v>13</v>
      </c>
      <c r="HO17" s="60">
        <v>4</v>
      </c>
      <c r="HP17" s="61">
        <v>2</v>
      </c>
      <c r="HQ17" s="62">
        <v>6</v>
      </c>
      <c r="HR17" s="443">
        <v>0</v>
      </c>
      <c r="HS17" s="61">
        <v>5</v>
      </c>
      <c r="HT17" s="61">
        <v>1</v>
      </c>
      <c r="HU17" s="61">
        <v>0</v>
      </c>
      <c r="HV17" s="61">
        <v>2</v>
      </c>
      <c r="HW17" s="61">
        <v>2</v>
      </c>
      <c r="HX17" s="62">
        <v>10</v>
      </c>
      <c r="HY17" s="63">
        <v>16</v>
      </c>
      <c r="HZ17" s="60">
        <v>6</v>
      </c>
      <c r="IA17" s="61">
        <v>3</v>
      </c>
      <c r="IB17" s="62">
        <v>9</v>
      </c>
      <c r="IC17" s="443">
        <v>0</v>
      </c>
      <c r="ID17" s="61">
        <v>19</v>
      </c>
      <c r="IE17" s="61">
        <v>8</v>
      </c>
      <c r="IF17" s="61">
        <v>2</v>
      </c>
      <c r="IG17" s="61">
        <v>1</v>
      </c>
      <c r="IH17" s="61">
        <v>3</v>
      </c>
      <c r="II17" s="62">
        <v>33</v>
      </c>
      <c r="IJ17" s="63">
        <v>42</v>
      </c>
      <c r="IK17" s="60">
        <v>16</v>
      </c>
      <c r="IL17" s="61">
        <v>19</v>
      </c>
      <c r="IM17" s="62">
        <v>35</v>
      </c>
      <c r="IN17" s="443">
        <v>0</v>
      </c>
      <c r="IO17" s="61">
        <v>25</v>
      </c>
      <c r="IP17" s="61">
        <v>12</v>
      </c>
      <c r="IQ17" s="61">
        <v>9</v>
      </c>
      <c r="IR17" s="61">
        <v>5</v>
      </c>
      <c r="IS17" s="61">
        <v>6</v>
      </c>
      <c r="IT17" s="62">
        <v>57</v>
      </c>
      <c r="IU17" s="63">
        <v>92</v>
      </c>
      <c r="IV17" s="60">
        <v>17</v>
      </c>
      <c r="IW17" s="61">
        <v>23</v>
      </c>
      <c r="IX17" s="62">
        <v>40</v>
      </c>
      <c r="IY17" s="443">
        <v>0</v>
      </c>
      <c r="IZ17" s="61">
        <v>29</v>
      </c>
      <c r="JA17" s="61">
        <v>24</v>
      </c>
      <c r="JB17" s="61">
        <v>11</v>
      </c>
      <c r="JC17" s="61">
        <v>7</v>
      </c>
      <c r="JD17" s="61">
        <v>11</v>
      </c>
      <c r="JE17" s="62">
        <v>82</v>
      </c>
      <c r="JF17" s="63">
        <v>122</v>
      </c>
      <c r="JG17" s="60">
        <v>21</v>
      </c>
      <c r="JH17" s="61">
        <v>21</v>
      </c>
      <c r="JI17" s="62">
        <v>42</v>
      </c>
      <c r="JJ17" s="443">
        <v>0</v>
      </c>
      <c r="JK17" s="61">
        <v>28</v>
      </c>
      <c r="JL17" s="61">
        <v>26</v>
      </c>
      <c r="JM17" s="61">
        <v>22</v>
      </c>
      <c r="JN17" s="61">
        <v>13</v>
      </c>
      <c r="JO17" s="61">
        <v>10</v>
      </c>
      <c r="JP17" s="62">
        <v>99</v>
      </c>
      <c r="JQ17" s="63">
        <v>141</v>
      </c>
      <c r="JR17" s="60">
        <v>0</v>
      </c>
      <c r="JS17" s="61">
        <v>0</v>
      </c>
      <c r="JT17" s="62">
        <v>0</v>
      </c>
      <c r="JU17" s="443">
        <v>0</v>
      </c>
      <c r="JV17" s="61">
        <v>0</v>
      </c>
      <c r="JW17" s="61">
        <v>0</v>
      </c>
      <c r="JX17" s="61">
        <v>0</v>
      </c>
      <c r="JY17" s="61">
        <v>0</v>
      </c>
      <c r="JZ17" s="61">
        <v>0</v>
      </c>
      <c r="KA17" s="62">
        <v>0</v>
      </c>
      <c r="KB17" s="63">
        <v>0</v>
      </c>
      <c r="KC17" s="60">
        <v>67</v>
      </c>
      <c r="KD17" s="61">
        <v>72</v>
      </c>
      <c r="KE17" s="62">
        <v>139</v>
      </c>
      <c r="KF17" s="443">
        <v>0</v>
      </c>
      <c r="KG17" s="61">
        <v>108</v>
      </c>
      <c r="KH17" s="61">
        <v>72</v>
      </c>
      <c r="KI17" s="61">
        <v>45</v>
      </c>
      <c r="KJ17" s="61">
        <v>29</v>
      </c>
      <c r="KK17" s="61">
        <v>33</v>
      </c>
      <c r="KL17" s="62">
        <v>287</v>
      </c>
      <c r="KM17" s="63">
        <v>426</v>
      </c>
    </row>
    <row r="18" spans="2:299" ht="21" customHeight="1" x14ac:dyDescent="0.2">
      <c r="B18" s="437" t="s">
        <v>15</v>
      </c>
      <c r="C18" s="287">
        <v>9</v>
      </c>
      <c r="D18" s="72">
        <v>10</v>
      </c>
      <c r="E18" s="73">
        <v>19</v>
      </c>
      <c r="F18" s="443">
        <v>0</v>
      </c>
      <c r="G18" s="72">
        <v>17</v>
      </c>
      <c r="H18" s="72">
        <v>16</v>
      </c>
      <c r="I18" s="72">
        <v>6</v>
      </c>
      <c r="J18" s="72">
        <v>10</v>
      </c>
      <c r="K18" s="72">
        <v>7</v>
      </c>
      <c r="L18" s="74">
        <v>56</v>
      </c>
      <c r="M18" s="75">
        <v>75</v>
      </c>
      <c r="N18" s="60">
        <v>3</v>
      </c>
      <c r="O18" s="61">
        <v>2</v>
      </c>
      <c r="P18" s="62">
        <v>5</v>
      </c>
      <c r="Q18" s="443">
        <v>0</v>
      </c>
      <c r="R18" s="61">
        <v>0</v>
      </c>
      <c r="S18" s="61">
        <v>0</v>
      </c>
      <c r="T18" s="61">
        <v>1</v>
      </c>
      <c r="U18" s="61">
        <v>0</v>
      </c>
      <c r="V18" s="61">
        <v>1</v>
      </c>
      <c r="W18" s="62">
        <v>2</v>
      </c>
      <c r="X18" s="63">
        <v>7</v>
      </c>
      <c r="Y18" s="60">
        <v>2</v>
      </c>
      <c r="Z18" s="61">
        <v>0</v>
      </c>
      <c r="AA18" s="62">
        <v>2</v>
      </c>
      <c r="AB18" s="443">
        <v>0</v>
      </c>
      <c r="AC18" s="61">
        <v>1</v>
      </c>
      <c r="AD18" s="61">
        <v>1</v>
      </c>
      <c r="AE18" s="61">
        <v>0</v>
      </c>
      <c r="AF18" s="61">
        <v>2</v>
      </c>
      <c r="AG18" s="61">
        <v>1</v>
      </c>
      <c r="AH18" s="62">
        <v>5</v>
      </c>
      <c r="AI18" s="63">
        <v>7</v>
      </c>
      <c r="AJ18" s="60">
        <v>0</v>
      </c>
      <c r="AK18" s="61">
        <v>1</v>
      </c>
      <c r="AL18" s="62">
        <v>1</v>
      </c>
      <c r="AM18" s="443">
        <v>0</v>
      </c>
      <c r="AN18" s="61">
        <v>1</v>
      </c>
      <c r="AO18" s="61">
        <v>6</v>
      </c>
      <c r="AP18" s="61">
        <v>0</v>
      </c>
      <c r="AQ18" s="61">
        <v>0</v>
      </c>
      <c r="AR18" s="61">
        <v>2</v>
      </c>
      <c r="AS18" s="62">
        <v>9</v>
      </c>
      <c r="AT18" s="63">
        <v>10</v>
      </c>
      <c r="AU18" s="60">
        <v>0</v>
      </c>
      <c r="AV18" s="61">
        <v>1</v>
      </c>
      <c r="AW18" s="62">
        <v>1</v>
      </c>
      <c r="AX18" s="443">
        <v>0</v>
      </c>
      <c r="AY18" s="61">
        <v>9</v>
      </c>
      <c r="AZ18" s="61">
        <v>3</v>
      </c>
      <c r="BA18" s="61">
        <v>0</v>
      </c>
      <c r="BB18" s="61">
        <v>3</v>
      </c>
      <c r="BC18" s="61">
        <v>1</v>
      </c>
      <c r="BD18" s="62">
        <v>16</v>
      </c>
      <c r="BE18" s="63">
        <v>17</v>
      </c>
      <c r="BF18" s="60">
        <v>1</v>
      </c>
      <c r="BG18" s="61">
        <v>6</v>
      </c>
      <c r="BH18" s="62">
        <v>7</v>
      </c>
      <c r="BI18" s="443">
        <v>0</v>
      </c>
      <c r="BJ18" s="61">
        <v>3</v>
      </c>
      <c r="BK18" s="61">
        <v>3</v>
      </c>
      <c r="BL18" s="61">
        <v>3</v>
      </c>
      <c r="BM18" s="61">
        <v>4</v>
      </c>
      <c r="BN18" s="61">
        <v>1</v>
      </c>
      <c r="BO18" s="62">
        <v>14</v>
      </c>
      <c r="BP18" s="63">
        <v>21</v>
      </c>
      <c r="BQ18" s="60">
        <v>3</v>
      </c>
      <c r="BR18" s="61">
        <v>0</v>
      </c>
      <c r="BS18" s="62">
        <v>3</v>
      </c>
      <c r="BT18" s="443">
        <v>0</v>
      </c>
      <c r="BU18" s="61">
        <v>3</v>
      </c>
      <c r="BV18" s="61">
        <v>3</v>
      </c>
      <c r="BW18" s="61">
        <v>2</v>
      </c>
      <c r="BX18" s="61">
        <v>1</v>
      </c>
      <c r="BY18" s="61">
        <v>1</v>
      </c>
      <c r="BZ18" s="62">
        <v>10</v>
      </c>
      <c r="CA18" s="63">
        <v>13</v>
      </c>
      <c r="CB18" s="60">
        <v>0</v>
      </c>
      <c r="CC18" s="61">
        <v>0</v>
      </c>
      <c r="CD18" s="62">
        <v>0</v>
      </c>
      <c r="CE18" s="443">
        <v>0</v>
      </c>
      <c r="CF18" s="61">
        <v>0</v>
      </c>
      <c r="CG18" s="61">
        <v>0</v>
      </c>
      <c r="CH18" s="61">
        <v>0</v>
      </c>
      <c r="CI18" s="61">
        <v>0</v>
      </c>
      <c r="CJ18" s="61">
        <v>0</v>
      </c>
      <c r="CK18" s="62">
        <v>0</v>
      </c>
      <c r="CL18" s="63">
        <v>0</v>
      </c>
      <c r="CM18" s="60">
        <v>9</v>
      </c>
      <c r="CN18" s="61">
        <v>10</v>
      </c>
      <c r="CO18" s="62">
        <v>19</v>
      </c>
      <c r="CP18" s="443">
        <v>0</v>
      </c>
      <c r="CQ18" s="61">
        <v>17</v>
      </c>
      <c r="CR18" s="61">
        <v>16</v>
      </c>
      <c r="CS18" s="61">
        <v>6</v>
      </c>
      <c r="CT18" s="61">
        <v>10</v>
      </c>
      <c r="CU18" s="61">
        <v>7</v>
      </c>
      <c r="CV18" s="62">
        <v>56</v>
      </c>
      <c r="CW18" s="63">
        <v>75</v>
      </c>
      <c r="CX18" s="113">
        <v>5</v>
      </c>
      <c r="CY18" s="72">
        <v>7</v>
      </c>
      <c r="CZ18" s="73">
        <v>12</v>
      </c>
      <c r="DA18" s="443">
        <v>0</v>
      </c>
      <c r="DB18" s="72">
        <v>5</v>
      </c>
      <c r="DC18" s="72">
        <v>8</v>
      </c>
      <c r="DD18" s="72">
        <v>5</v>
      </c>
      <c r="DE18" s="72">
        <v>8</v>
      </c>
      <c r="DF18" s="72">
        <v>1</v>
      </c>
      <c r="DG18" s="74">
        <v>27</v>
      </c>
      <c r="DH18" s="75">
        <v>39</v>
      </c>
      <c r="DI18" s="60">
        <v>1</v>
      </c>
      <c r="DJ18" s="61">
        <v>0</v>
      </c>
      <c r="DK18" s="62">
        <v>1</v>
      </c>
      <c r="DL18" s="443">
        <v>0</v>
      </c>
      <c r="DM18" s="61">
        <v>0</v>
      </c>
      <c r="DN18" s="61">
        <v>0</v>
      </c>
      <c r="DO18" s="61">
        <v>0</v>
      </c>
      <c r="DP18" s="61">
        <v>0</v>
      </c>
      <c r="DQ18" s="61">
        <v>0</v>
      </c>
      <c r="DR18" s="62">
        <v>0</v>
      </c>
      <c r="DS18" s="63">
        <v>1</v>
      </c>
      <c r="DT18" s="60">
        <v>1</v>
      </c>
      <c r="DU18" s="61">
        <v>0</v>
      </c>
      <c r="DV18" s="62">
        <v>1</v>
      </c>
      <c r="DW18" s="443">
        <v>0</v>
      </c>
      <c r="DX18" s="61">
        <v>0</v>
      </c>
      <c r="DY18" s="61">
        <v>0</v>
      </c>
      <c r="DZ18" s="61">
        <v>0</v>
      </c>
      <c r="EA18" s="61">
        <v>0</v>
      </c>
      <c r="EB18" s="61">
        <v>0</v>
      </c>
      <c r="EC18" s="62">
        <v>0</v>
      </c>
      <c r="ED18" s="63">
        <v>1</v>
      </c>
      <c r="EE18" s="60">
        <v>1</v>
      </c>
      <c r="EF18" s="61">
        <v>1</v>
      </c>
      <c r="EG18" s="62">
        <v>2</v>
      </c>
      <c r="EH18" s="443">
        <v>0</v>
      </c>
      <c r="EI18" s="61">
        <v>0</v>
      </c>
      <c r="EJ18" s="61">
        <v>1</v>
      </c>
      <c r="EK18" s="61">
        <v>0</v>
      </c>
      <c r="EL18" s="61">
        <v>1</v>
      </c>
      <c r="EM18" s="61">
        <v>1</v>
      </c>
      <c r="EN18" s="62">
        <v>3</v>
      </c>
      <c r="EO18" s="63">
        <v>5</v>
      </c>
      <c r="EP18" s="60">
        <v>0</v>
      </c>
      <c r="EQ18" s="61">
        <v>4</v>
      </c>
      <c r="ER18" s="62">
        <v>4</v>
      </c>
      <c r="ES18" s="443">
        <v>0</v>
      </c>
      <c r="ET18" s="61">
        <v>0</v>
      </c>
      <c r="EU18" s="61">
        <v>0</v>
      </c>
      <c r="EV18" s="61">
        <v>0</v>
      </c>
      <c r="EW18" s="61">
        <v>0</v>
      </c>
      <c r="EX18" s="61">
        <v>0</v>
      </c>
      <c r="EY18" s="62">
        <v>0</v>
      </c>
      <c r="EZ18" s="63">
        <v>4</v>
      </c>
      <c r="FA18" s="60">
        <v>0</v>
      </c>
      <c r="FB18" s="61">
        <v>1</v>
      </c>
      <c r="FC18" s="62">
        <v>1</v>
      </c>
      <c r="FD18" s="443">
        <v>0</v>
      </c>
      <c r="FE18" s="61">
        <v>3</v>
      </c>
      <c r="FF18" s="61">
        <v>2</v>
      </c>
      <c r="FG18" s="61">
        <v>1</v>
      </c>
      <c r="FH18" s="61">
        <v>2</v>
      </c>
      <c r="FI18" s="61">
        <v>0</v>
      </c>
      <c r="FJ18" s="62">
        <v>8</v>
      </c>
      <c r="FK18" s="63">
        <v>9</v>
      </c>
      <c r="FL18" s="60">
        <v>2</v>
      </c>
      <c r="FM18" s="61">
        <v>1</v>
      </c>
      <c r="FN18" s="62">
        <v>3</v>
      </c>
      <c r="FO18" s="443">
        <v>0</v>
      </c>
      <c r="FP18" s="61">
        <v>2</v>
      </c>
      <c r="FQ18" s="61">
        <v>5</v>
      </c>
      <c r="FR18" s="61">
        <v>4</v>
      </c>
      <c r="FS18" s="61">
        <v>5</v>
      </c>
      <c r="FT18" s="61">
        <v>0</v>
      </c>
      <c r="FU18" s="62">
        <v>16</v>
      </c>
      <c r="FV18" s="63">
        <v>19</v>
      </c>
      <c r="FW18" s="60">
        <v>0</v>
      </c>
      <c r="FX18" s="61">
        <v>0</v>
      </c>
      <c r="FY18" s="62">
        <v>0</v>
      </c>
      <c r="FZ18" s="443">
        <v>0</v>
      </c>
      <c r="GA18" s="61">
        <v>0</v>
      </c>
      <c r="GB18" s="61">
        <v>0</v>
      </c>
      <c r="GC18" s="61">
        <v>0</v>
      </c>
      <c r="GD18" s="61">
        <v>0</v>
      </c>
      <c r="GE18" s="61">
        <v>0</v>
      </c>
      <c r="GF18" s="62">
        <v>0</v>
      </c>
      <c r="GG18" s="63">
        <v>0</v>
      </c>
      <c r="GH18" s="60">
        <v>5</v>
      </c>
      <c r="GI18" s="61">
        <v>7</v>
      </c>
      <c r="GJ18" s="62">
        <v>12</v>
      </c>
      <c r="GK18" s="443">
        <v>0</v>
      </c>
      <c r="GL18" s="61">
        <v>5</v>
      </c>
      <c r="GM18" s="61">
        <v>8</v>
      </c>
      <c r="GN18" s="61">
        <v>5</v>
      </c>
      <c r="GO18" s="61">
        <v>8</v>
      </c>
      <c r="GP18" s="61">
        <v>1</v>
      </c>
      <c r="GQ18" s="62">
        <v>27</v>
      </c>
      <c r="GR18" s="63">
        <v>39</v>
      </c>
      <c r="GS18" s="113">
        <v>14</v>
      </c>
      <c r="GT18" s="72">
        <v>17</v>
      </c>
      <c r="GU18" s="73">
        <v>31</v>
      </c>
      <c r="GV18" s="443">
        <v>0</v>
      </c>
      <c r="GW18" s="72">
        <v>22</v>
      </c>
      <c r="GX18" s="72">
        <v>24</v>
      </c>
      <c r="GY18" s="72">
        <v>11</v>
      </c>
      <c r="GZ18" s="72">
        <v>18</v>
      </c>
      <c r="HA18" s="72">
        <v>8</v>
      </c>
      <c r="HB18" s="74">
        <v>83</v>
      </c>
      <c r="HC18" s="75">
        <v>114</v>
      </c>
      <c r="HD18" s="60">
        <v>4</v>
      </c>
      <c r="HE18" s="61">
        <v>2</v>
      </c>
      <c r="HF18" s="62">
        <v>6</v>
      </c>
      <c r="HG18" s="443">
        <v>0</v>
      </c>
      <c r="HH18" s="61">
        <v>0</v>
      </c>
      <c r="HI18" s="61">
        <v>0</v>
      </c>
      <c r="HJ18" s="61">
        <v>1</v>
      </c>
      <c r="HK18" s="61">
        <v>0</v>
      </c>
      <c r="HL18" s="61">
        <v>1</v>
      </c>
      <c r="HM18" s="62">
        <v>2</v>
      </c>
      <c r="HN18" s="63">
        <v>8</v>
      </c>
      <c r="HO18" s="60">
        <v>3</v>
      </c>
      <c r="HP18" s="61">
        <v>0</v>
      </c>
      <c r="HQ18" s="62">
        <v>3</v>
      </c>
      <c r="HR18" s="443">
        <v>0</v>
      </c>
      <c r="HS18" s="61">
        <v>1</v>
      </c>
      <c r="HT18" s="61">
        <v>1</v>
      </c>
      <c r="HU18" s="61">
        <v>0</v>
      </c>
      <c r="HV18" s="61">
        <v>2</v>
      </c>
      <c r="HW18" s="61">
        <v>1</v>
      </c>
      <c r="HX18" s="62">
        <v>5</v>
      </c>
      <c r="HY18" s="63">
        <v>8</v>
      </c>
      <c r="HZ18" s="60">
        <v>1</v>
      </c>
      <c r="IA18" s="61">
        <v>2</v>
      </c>
      <c r="IB18" s="62">
        <v>3</v>
      </c>
      <c r="IC18" s="443">
        <v>0</v>
      </c>
      <c r="ID18" s="61">
        <v>1</v>
      </c>
      <c r="IE18" s="61">
        <v>7</v>
      </c>
      <c r="IF18" s="61">
        <v>0</v>
      </c>
      <c r="IG18" s="61">
        <v>1</v>
      </c>
      <c r="IH18" s="61">
        <v>3</v>
      </c>
      <c r="II18" s="62">
        <v>12</v>
      </c>
      <c r="IJ18" s="63">
        <v>15</v>
      </c>
      <c r="IK18" s="60">
        <v>0</v>
      </c>
      <c r="IL18" s="61">
        <v>5</v>
      </c>
      <c r="IM18" s="62">
        <v>5</v>
      </c>
      <c r="IN18" s="443">
        <v>0</v>
      </c>
      <c r="IO18" s="61">
        <v>9</v>
      </c>
      <c r="IP18" s="61">
        <v>3</v>
      </c>
      <c r="IQ18" s="61">
        <v>0</v>
      </c>
      <c r="IR18" s="61">
        <v>3</v>
      </c>
      <c r="IS18" s="61">
        <v>1</v>
      </c>
      <c r="IT18" s="62">
        <v>16</v>
      </c>
      <c r="IU18" s="63">
        <v>21</v>
      </c>
      <c r="IV18" s="60">
        <v>1</v>
      </c>
      <c r="IW18" s="61">
        <v>7</v>
      </c>
      <c r="IX18" s="62">
        <v>8</v>
      </c>
      <c r="IY18" s="443">
        <v>0</v>
      </c>
      <c r="IZ18" s="61">
        <v>6</v>
      </c>
      <c r="JA18" s="61">
        <v>5</v>
      </c>
      <c r="JB18" s="61">
        <v>4</v>
      </c>
      <c r="JC18" s="61">
        <v>6</v>
      </c>
      <c r="JD18" s="61">
        <v>1</v>
      </c>
      <c r="JE18" s="62">
        <v>22</v>
      </c>
      <c r="JF18" s="63">
        <v>30</v>
      </c>
      <c r="JG18" s="60">
        <v>5</v>
      </c>
      <c r="JH18" s="61">
        <v>1</v>
      </c>
      <c r="JI18" s="62">
        <v>6</v>
      </c>
      <c r="JJ18" s="443">
        <v>0</v>
      </c>
      <c r="JK18" s="61">
        <v>5</v>
      </c>
      <c r="JL18" s="61">
        <v>8</v>
      </c>
      <c r="JM18" s="61">
        <v>6</v>
      </c>
      <c r="JN18" s="61">
        <v>6</v>
      </c>
      <c r="JO18" s="61">
        <v>1</v>
      </c>
      <c r="JP18" s="62">
        <v>26</v>
      </c>
      <c r="JQ18" s="63">
        <v>32</v>
      </c>
      <c r="JR18" s="60">
        <v>0</v>
      </c>
      <c r="JS18" s="61">
        <v>0</v>
      </c>
      <c r="JT18" s="62">
        <v>0</v>
      </c>
      <c r="JU18" s="443">
        <v>0</v>
      </c>
      <c r="JV18" s="61">
        <v>0</v>
      </c>
      <c r="JW18" s="61">
        <v>0</v>
      </c>
      <c r="JX18" s="61">
        <v>0</v>
      </c>
      <c r="JY18" s="61">
        <v>0</v>
      </c>
      <c r="JZ18" s="61">
        <v>0</v>
      </c>
      <c r="KA18" s="62">
        <v>0</v>
      </c>
      <c r="KB18" s="63">
        <v>0</v>
      </c>
      <c r="KC18" s="60">
        <v>14</v>
      </c>
      <c r="KD18" s="61">
        <v>17</v>
      </c>
      <c r="KE18" s="62">
        <v>31</v>
      </c>
      <c r="KF18" s="443">
        <v>0</v>
      </c>
      <c r="KG18" s="61">
        <v>22</v>
      </c>
      <c r="KH18" s="61">
        <v>24</v>
      </c>
      <c r="KI18" s="61">
        <v>11</v>
      </c>
      <c r="KJ18" s="61">
        <v>18</v>
      </c>
      <c r="KK18" s="61">
        <v>8</v>
      </c>
      <c r="KL18" s="62">
        <v>83</v>
      </c>
      <c r="KM18" s="63">
        <v>114</v>
      </c>
    </row>
    <row r="19" spans="2:299" ht="21" customHeight="1" x14ac:dyDescent="0.2">
      <c r="B19" s="437" t="s">
        <v>16</v>
      </c>
      <c r="C19" s="287">
        <v>28</v>
      </c>
      <c r="D19" s="72">
        <v>30</v>
      </c>
      <c r="E19" s="73">
        <v>58</v>
      </c>
      <c r="F19" s="443">
        <v>0</v>
      </c>
      <c r="G19" s="72">
        <v>47</v>
      </c>
      <c r="H19" s="72">
        <v>65</v>
      </c>
      <c r="I19" s="72">
        <v>42</v>
      </c>
      <c r="J19" s="72">
        <v>26</v>
      </c>
      <c r="K19" s="72">
        <v>16</v>
      </c>
      <c r="L19" s="74">
        <v>196</v>
      </c>
      <c r="M19" s="75">
        <v>254</v>
      </c>
      <c r="N19" s="60">
        <v>0</v>
      </c>
      <c r="O19" s="61">
        <v>1</v>
      </c>
      <c r="P19" s="62">
        <v>1</v>
      </c>
      <c r="Q19" s="443">
        <v>0</v>
      </c>
      <c r="R19" s="61">
        <v>1</v>
      </c>
      <c r="S19" s="61">
        <v>2</v>
      </c>
      <c r="T19" s="61">
        <v>1</v>
      </c>
      <c r="U19" s="61">
        <v>1</v>
      </c>
      <c r="V19" s="61">
        <v>3</v>
      </c>
      <c r="W19" s="62">
        <v>8</v>
      </c>
      <c r="X19" s="63">
        <v>9</v>
      </c>
      <c r="Y19" s="60">
        <v>1</v>
      </c>
      <c r="Z19" s="61">
        <v>4</v>
      </c>
      <c r="AA19" s="62">
        <v>5</v>
      </c>
      <c r="AB19" s="443">
        <v>0</v>
      </c>
      <c r="AC19" s="61">
        <v>4</v>
      </c>
      <c r="AD19" s="61">
        <v>8</v>
      </c>
      <c r="AE19" s="61">
        <v>4</v>
      </c>
      <c r="AF19" s="61">
        <v>1</v>
      </c>
      <c r="AG19" s="61">
        <v>1</v>
      </c>
      <c r="AH19" s="62">
        <v>18</v>
      </c>
      <c r="AI19" s="63">
        <v>23</v>
      </c>
      <c r="AJ19" s="60">
        <v>6</v>
      </c>
      <c r="AK19" s="61">
        <v>2</v>
      </c>
      <c r="AL19" s="62">
        <v>8</v>
      </c>
      <c r="AM19" s="443">
        <v>0</v>
      </c>
      <c r="AN19" s="61">
        <v>4</v>
      </c>
      <c r="AO19" s="61">
        <v>14</v>
      </c>
      <c r="AP19" s="61">
        <v>4</v>
      </c>
      <c r="AQ19" s="61">
        <v>4</v>
      </c>
      <c r="AR19" s="61">
        <v>2</v>
      </c>
      <c r="AS19" s="62">
        <v>28</v>
      </c>
      <c r="AT19" s="63">
        <v>36</v>
      </c>
      <c r="AU19" s="60">
        <v>8</v>
      </c>
      <c r="AV19" s="61">
        <v>6</v>
      </c>
      <c r="AW19" s="62">
        <v>14</v>
      </c>
      <c r="AX19" s="443">
        <v>0</v>
      </c>
      <c r="AY19" s="61">
        <v>13</v>
      </c>
      <c r="AZ19" s="61">
        <v>19</v>
      </c>
      <c r="BA19" s="61">
        <v>11</v>
      </c>
      <c r="BB19" s="61">
        <v>4</v>
      </c>
      <c r="BC19" s="61">
        <v>2</v>
      </c>
      <c r="BD19" s="62">
        <v>49</v>
      </c>
      <c r="BE19" s="63">
        <v>63</v>
      </c>
      <c r="BF19" s="60">
        <v>10</v>
      </c>
      <c r="BG19" s="61">
        <v>8</v>
      </c>
      <c r="BH19" s="62">
        <v>18</v>
      </c>
      <c r="BI19" s="443">
        <v>0</v>
      </c>
      <c r="BJ19" s="61">
        <v>16</v>
      </c>
      <c r="BK19" s="61">
        <v>11</v>
      </c>
      <c r="BL19" s="61">
        <v>11</v>
      </c>
      <c r="BM19" s="61">
        <v>7</v>
      </c>
      <c r="BN19" s="61">
        <v>7</v>
      </c>
      <c r="BO19" s="62">
        <v>52</v>
      </c>
      <c r="BP19" s="63">
        <v>70</v>
      </c>
      <c r="BQ19" s="60">
        <v>3</v>
      </c>
      <c r="BR19" s="61">
        <v>9</v>
      </c>
      <c r="BS19" s="62">
        <v>12</v>
      </c>
      <c r="BT19" s="443">
        <v>0</v>
      </c>
      <c r="BU19" s="61">
        <v>9</v>
      </c>
      <c r="BV19" s="61">
        <v>11</v>
      </c>
      <c r="BW19" s="61">
        <v>11</v>
      </c>
      <c r="BX19" s="61">
        <v>9</v>
      </c>
      <c r="BY19" s="61">
        <v>1</v>
      </c>
      <c r="BZ19" s="62">
        <v>41</v>
      </c>
      <c r="CA19" s="63">
        <v>53</v>
      </c>
      <c r="CB19" s="60">
        <v>0</v>
      </c>
      <c r="CC19" s="61">
        <v>0</v>
      </c>
      <c r="CD19" s="62">
        <v>0</v>
      </c>
      <c r="CE19" s="443">
        <v>0</v>
      </c>
      <c r="CF19" s="61">
        <v>0</v>
      </c>
      <c r="CG19" s="61">
        <v>0</v>
      </c>
      <c r="CH19" s="61">
        <v>0</v>
      </c>
      <c r="CI19" s="61">
        <v>0</v>
      </c>
      <c r="CJ19" s="61">
        <v>0</v>
      </c>
      <c r="CK19" s="62">
        <v>0</v>
      </c>
      <c r="CL19" s="63">
        <v>0</v>
      </c>
      <c r="CM19" s="60">
        <v>28</v>
      </c>
      <c r="CN19" s="61">
        <v>30</v>
      </c>
      <c r="CO19" s="62">
        <v>58</v>
      </c>
      <c r="CP19" s="443">
        <v>0</v>
      </c>
      <c r="CQ19" s="61">
        <v>47</v>
      </c>
      <c r="CR19" s="61">
        <v>65</v>
      </c>
      <c r="CS19" s="61">
        <v>42</v>
      </c>
      <c r="CT19" s="61">
        <v>26</v>
      </c>
      <c r="CU19" s="61">
        <v>16</v>
      </c>
      <c r="CV19" s="62">
        <v>196</v>
      </c>
      <c r="CW19" s="63">
        <v>254</v>
      </c>
      <c r="CX19" s="113">
        <v>14</v>
      </c>
      <c r="CY19" s="72">
        <v>14</v>
      </c>
      <c r="CZ19" s="73">
        <v>28</v>
      </c>
      <c r="DA19" s="443">
        <v>0</v>
      </c>
      <c r="DB19" s="72">
        <v>22</v>
      </c>
      <c r="DC19" s="72">
        <v>21</v>
      </c>
      <c r="DD19" s="72">
        <v>17</v>
      </c>
      <c r="DE19" s="72">
        <v>13</v>
      </c>
      <c r="DF19" s="72">
        <v>6</v>
      </c>
      <c r="DG19" s="74">
        <v>79</v>
      </c>
      <c r="DH19" s="75">
        <v>107</v>
      </c>
      <c r="DI19" s="60">
        <v>0</v>
      </c>
      <c r="DJ19" s="61">
        <v>1</v>
      </c>
      <c r="DK19" s="62">
        <v>1</v>
      </c>
      <c r="DL19" s="443">
        <v>0</v>
      </c>
      <c r="DM19" s="61">
        <v>0</v>
      </c>
      <c r="DN19" s="61">
        <v>0</v>
      </c>
      <c r="DO19" s="61">
        <v>0</v>
      </c>
      <c r="DP19" s="61">
        <v>0</v>
      </c>
      <c r="DQ19" s="61">
        <v>0</v>
      </c>
      <c r="DR19" s="62">
        <v>0</v>
      </c>
      <c r="DS19" s="63">
        <v>1</v>
      </c>
      <c r="DT19" s="60">
        <v>2</v>
      </c>
      <c r="DU19" s="61">
        <v>2</v>
      </c>
      <c r="DV19" s="62">
        <v>4</v>
      </c>
      <c r="DW19" s="443">
        <v>0</v>
      </c>
      <c r="DX19" s="61">
        <v>1</v>
      </c>
      <c r="DY19" s="61">
        <v>2</v>
      </c>
      <c r="DZ19" s="61">
        <v>0</v>
      </c>
      <c r="EA19" s="61">
        <v>0</v>
      </c>
      <c r="EB19" s="61">
        <v>0</v>
      </c>
      <c r="EC19" s="62">
        <v>3</v>
      </c>
      <c r="ED19" s="63">
        <v>7</v>
      </c>
      <c r="EE19" s="60">
        <v>3</v>
      </c>
      <c r="EF19" s="61">
        <v>2</v>
      </c>
      <c r="EG19" s="62">
        <v>5</v>
      </c>
      <c r="EH19" s="443">
        <v>0</v>
      </c>
      <c r="EI19" s="61">
        <v>1</v>
      </c>
      <c r="EJ19" s="61">
        <v>1</v>
      </c>
      <c r="EK19" s="61">
        <v>1</v>
      </c>
      <c r="EL19" s="61">
        <v>0</v>
      </c>
      <c r="EM19" s="61">
        <v>1</v>
      </c>
      <c r="EN19" s="62">
        <v>4</v>
      </c>
      <c r="EO19" s="63">
        <v>9</v>
      </c>
      <c r="EP19" s="60">
        <v>5</v>
      </c>
      <c r="EQ19" s="61">
        <v>2</v>
      </c>
      <c r="ER19" s="62">
        <v>7</v>
      </c>
      <c r="ES19" s="443">
        <v>0</v>
      </c>
      <c r="ET19" s="61">
        <v>5</v>
      </c>
      <c r="EU19" s="61">
        <v>5</v>
      </c>
      <c r="EV19" s="61">
        <v>5</v>
      </c>
      <c r="EW19" s="61">
        <v>0</v>
      </c>
      <c r="EX19" s="61">
        <v>0</v>
      </c>
      <c r="EY19" s="62">
        <v>15</v>
      </c>
      <c r="EZ19" s="63">
        <v>22</v>
      </c>
      <c r="FA19" s="60">
        <v>2</v>
      </c>
      <c r="FB19" s="61">
        <v>3</v>
      </c>
      <c r="FC19" s="62">
        <v>5</v>
      </c>
      <c r="FD19" s="443">
        <v>0</v>
      </c>
      <c r="FE19" s="61">
        <v>8</v>
      </c>
      <c r="FF19" s="61">
        <v>7</v>
      </c>
      <c r="FG19" s="61">
        <v>4</v>
      </c>
      <c r="FH19" s="61">
        <v>2</v>
      </c>
      <c r="FI19" s="61">
        <v>1</v>
      </c>
      <c r="FJ19" s="62">
        <v>22</v>
      </c>
      <c r="FK19" s="63">
        <v>27</v>
      </c>
      <c r="FL19" s="60">
        <v>2</v>
      </c>
      <c r="FM19" s="61">
        <v>4</v>
      </c>
      <c r="FN19" s="62">
        <v>6</v>
      </c>
      <c r="FO19" s="443">
        <v>0</v>
      </c>
      <c r="FP19" s="61">
        <v>7</v>
      </c>
      <c r="FQ19" s="61">
        <v>6</v>
      </c>
      <c r="FR19" s="61">
        <v>7</v>
      </c>
      <c r="FS19" s="61">
        <v>11</v>
      </c>
      <c r="FT19" s="61">
        <v>4</v>
      </c>
      <c r="FU19" s="62">
        <v>35</v>
      </c>
      <c r="FV19" s="63">
        <v>41</v>
      </c>
      <c r="FW19" s="60">
        <v>0</v>
      </c>
      <c r="FX19" s="61">
        <v>0</v>
      </c>
      <c r="FY19" s="62">
        <v>0</v>
      </c>
      <c r="FZ19" s="443">
        <v>0</v>
      </c>
      <c r="GA19" s="61">
        <v>0</v>
      </c>
      <c r="GB19" s="61">
        <v>0</v>
      </c>
      <c r="GC19" s="61">
        <v>0</v>
      </c>
      <c r="GD19" s="61">
        <v>0</v>
      </c>
      <c r="GE19" s="61">
        <v>0</v>
      </c>
      <c r="GF19" s="62">
        <v>0</v>
      </c>
      <c r="GG19" s="63">
        <v>0</v>
      </c>
      <c r="GH19" s="60">
        <v>14</v>
      </c>
      <c r="GI19" s="61">
        <v>14</v>
      </c>
      <c r="GJ19" s="62">
        <v>28</v>
      </c>
      <c r="GK19" s="443">
        <v>0</v>
      </c>
      <c r="GL19" s="61">
        <v>22</v>
      </c>
      <c r="GM19" s="61">
        <v>21</v>
      </c>
      <c r="GN19" s="61">
        <v>17</v>
      </c>
      <c r="GO19" s="61">
        <v>13</v>
      </c>
      <c r="GP19" s="61">
        <v>6</v>
      </c>
      <c r="GQ19" s="62">
        <v>79</v>
      </c>
      <c r="GR19" s="63">
        <v>107</v>
      </c>
      <c r="GS19" s="113">
        <v>42</v>
      </c>
      <c r="GT19" s="72">
        <v>44</v>
      </c>
      <c r="GU19" s="73">
        <v>86</v>
      </c>
      <c r="GV19" s="443">
        <v>0</v>
      </c>
      <c r="GW19" s="72">
        <v>69</v>
      </c>
      <c r="GX19" s="72">
        <v>86</v>
      </c>
      <c r="GY19" s="72">
        <v>59</v>
      </c>
      <c r="GZ19" s="72">
        <v>39</v>
      </c>
      <c r="HA19" s="72">
        <v>22</v>
      </c>
      <c r="HB19" s="74">
        <v>275</v>
      </c>
      <c r="HC19" s="75">
        <v>361</v>
      </c>
      <c r="HD19" s="60">
        <v>0</v>
      </c>
      <c r="HE19" s="61">
        <v>2</v>
      </c>
      <c r="HF19" s="62">
        <v>2</v>
      </c>
      <c r="HG19" s="443">
        <v>0</v>
      </c>
      <c r="HH19" s="61">
        <v>1</v>
      </c>
      <c r="HI19" s="61">
        <v>2</v>
      </c>
      <c r="HJ19" s="61">
        <v>1</v>
      </c>
      <c r="HK19" s="61">
        <v>1</v>
      </c>
      <c r="HL19" s="61">
        <v>3</v>
      </c>
      <c r="HM19" s="62">
        <v>8</v>
      </c>
      <c r="HN19" s="63">
        <v>10</v>
      </c>
      <c r="HO19" s="60">
        <v>3</v>
      </c>
      <c r="HP19" s="61">
        <v>6</v>
      </c>
      <c r="HQ19" s="62">
        <v>9</v>
      </c>
      <c r="HR19" s="443">
        <v>0</v>
      </c>
      <c r="HS19" s="61">
        <v>5</v>
      </c>
      <c r="HT19" s="61">
        <v>10</v>
      </c>
      <c r="HU19" s="61">
        <v>4</v>
      </c>
      <c r="HV19" s="61">
        <v>1</v>
      </c>
      <c r="HW19" s="61">
        <v>1</v>
      </c>
      <c r="HX19" s="62">
        <v>21</v>
      </c>
      <c r="HY19" s="63">
        <v>30</v>
      </c>
      <c r="HZ19" s="60">
        <v>9</v>
      </c>
      <c r="IA19" s="61">
        <v>4</v>
      </c>
      <c r="IB19" s="62">
        <v>13</v>
      </c>
      <c r="IC19" s="443">
        <v>0</v>
      </c>
      <c r="ID19" s="61">
        <v>5</v>
      </c>
      <c r="IE19" s="61">
        <v>15</v>
      </c>
      <c r="IF19" s="61">
        <v>5</v>
      </c>
      <c r="IG19" s="61">
        <v>4</v>
      </c>
      <c r="IH19" s="61">
        <v>3</v>
      </c>
      <c r="II19" s="62">
        <v>32</v>
      </c>
      <c r="IJ19" s="63">
        <v>45</v>
      </c>
      <c r="IK19" s="60">
        <v>13</v>
      </c>
      <c r="IL19" s="61">
        <v>8</v>
      </c>
      <c r="IM19" s="62">
        <v>21</v>
      </c>
      <c r="IN19" s="443">
        <v>0</v>
      </c>
      <c r="IO19" s="61">
        <v>18</v>
      </c>
      <c r="IP19" s="61">
        <v>24</v>
      </c>
      <c r="IQ19" s="61">
        <v>16</v>
      </c>
      <c r="IR19" s="61">
        <v>4</v>
      </c>
      <c r="IS19" s="61">
        <v>2</v>
      </c>
      <c r="IT19" s="62">
        <v>64</v>
      </c>
      <c r="IU19" s="63">
        <v>85</v>
      </c>
      <c r="IV19" s="60">
        <v>12</v>
      </c>
      <c r="IW19" s="61">
        <v>11</v>
      </c>
      <c r="IX19" s="62">
        <v>23</v>
      </c>
      <c r="IY19" s="443">
        <v>0</v>
      </c>
      <c r="IZ19" s="61">
        <v>24</v>
      </c>
      <c r="JA19" s="61">
        <v>18</v>
      </c>
      <c r="JB19" s="61">
        <v>15</v>
      </c>
      <c r="JC19" s="61">
        <v>9</v>
      </c>
      <c r="JD19" s="61">
        <v>8</v>
      </c>
      <c r="JE19" s="62">
        <v>74</v>
      </c>
      <c r="JF19" s="63">
        <v>97</v>
      </c>
      <c r="JG19" s="60">
        <v>5</v>
      </c>
      <c r="JH19" s="61">
        <v>13</v>
      </c>
      <c r="JI19" s="62">
        <v>18</v>
      </c>
      <c r="JJ19" s="443">
        <v>0</v>
      </c>
      <c r="JK19" s="61">
        <v>16</v>
      </c>
      <c r="JL19" s="61">
        <v>17</v>
      </c>
      <c r="JM19" s="61">
        <v>18</v>
      </c>
      <c r="JN19" s="61">
        <v>20</v>
      </c>
      <c r="JO19" s="61">
        <v>5</v>
      </c>
      <c r="JP19" s="62">
        <v>76</v>
      </c>
      <c r="JQ19" s="63">
        <v>94</v>
      </c>
      <c r="JR19" s="60">
        <v>0</v>
      </c>
      <c r="JS19" s="61">
        <v>0</v>
      </c>
      <c r="JT19" s="62">
        <v>0</v>
      </c>
      <c r="JU19" s="443">
        <v>0</v>
      </c>
      <c r="JV19" s="61">
        <v>0</v>
      </c>
      <c r="JW19" s="61">
        <v>0</v>
      </c>
      <c r="JX19" s="61">
        <v>0</v>
      </c>
      <c r="JY19" s="61">
        <v>0</v>
      </c>
      <c r="JZ19" s="61">
        <v>0</v>
      </c>
      <c r="KA19" s="62">
        <v>0</v>
      </c>
      <c r="KB19" s="63">
        <v>0</v>
      </c>
      <c r="KC19" s="60">
        <v>42</v>
      </c>
      <c r="KD19" s="61">
        <v>44</v>
      </c>
      <c r="KE19" s="62">
        <v>86</v>
      </c>
      <c r="KF19" s="443">
        <v>0</v>
      </c>
      <c r="KG19" s="61">
        <v>69</v>
      </c>
      <c r="KH19" s="61">
        <v>86</v>
      </c>
      <c r="KI19" s="61">
        <v>59</v>
      </c>
      <c r="KJ19" s="61">
        <v>39</v>
      </c>
      <c r="KK19" s="61">
        <v>22</v>
      </c>
      <c r="KL19" s="62">
        <v>275</v>
      </c>
      <c r="KM19" s="63">
        <v>361</v>
      </c>
    </row>
    <row r="20" spans="2:299" ht="21" customHeight="1" x14ac:dyDescent="0.2">
      <c r="B20" s="437" t="s">
        <v>17</v>
      </c>
      <c r="C20" s="287">
        <v>53</v>
      </c>
      <c r="D20" s="72">
        <v>55</v>
      </c>
      <c r="E20" s="73">
        <v>108</v>
      </c>
      <c r="F20" s="443">
        <v>0</v>
      </c>
      <c r="G20" s="72">
        <v>78</v>
      </c>
      <c r="H20" s="72">
        <v>91</v>
      </c>
      <c r="I20" s="72">
        <v>64</v>
      </c>
      <c r="J20" s="72">
        <v>47</v>
      </c>
      <c r="K20" s="72">
        <v>22</v>
      </c>
      <c r="L20" s="74">
        <v>302</v>
      </c>
      <c r="M20" s="75">
        <v>410</v>
      </c>
      <c r="N20" s="60">
        <v>3</v>
      </c>
      <c r="O20" s="61">
        <v>3</v>
      </c>
      <c r="P20" s="62">
        <v>6</v>
      </c>
      <c r="Q20" s="443">
        <v>0</v>
      </c>
      <c r="R20" s="61">
        <v>1</v>
      </c>
      <c r="S20" s="61">
        <v>5</v>
      </c>
      <c r="T20" s="61">
        <v>2</v>
      </c>
      <c r="U20" s="61">
        <v>4</v>
      </c>
      <c r="V20" s="61">
        <v>1</v>
      </c>
      <c r="W20" s="62">
        <v>13</v>
      </c>
      <c r="X20" s="63">
        <v>19</v>
      </c>
      <c r="Y20" s="60">
        <v>2</v>
      </c>
      <c r="Z20" s="61">
        <v>4</v>
      </c>
      <c r="AA20" s="62">
        <v>6</v>
      </c>
      <c r="AB20" s="443">
        <v>0</v>
      </c>
      <c r="AC20" s="61">
        <v>6</v>
      </c>
      <c r="AD20" s="61">
        <v>14</v>
      </c>
      <c r="AE20" s="61">
        <v>6</v>
      </c>
      <c r="AF20" s="61">
        <v>4</v>
      </c>
      <c r="AG20" s="61">
        <v>1</v>
      </c>
      <c r="AH20" s="62">
        <v>31</v>
      </c>
      <c r="AI20" s="63">
        <v>37</v>
      </c>
      <c r="AJ20" s="60">
        <v>8</v>
      </c>
      <c r="AK20" s="61">
        <v>5</v>
      </c>
      <c r="AL20" s="62">
        <v>13</v>
      </c>
      <c r="AM20" s="443">
        <v>0</v>
      </c>
      <c r="AN20" s="61">
        <v>13</v>
      </c>
      <c r="AO20" s="61">
        <v>11</v>
      </c>
      <c r="AP20" s="61">
        <v>9</v>
      </c>
      <c r="AQ20" s="61">
        <v>9</v>
      </c>
      <c r="AR20" s="61">
        <v>5</v>
      </c>
      <c r="AS20" s="62">
        <v>47</v>
      </c>
      <c r="AT20" s="63">
        <v>60</v>
      </c>
      <c r="AU20" s="60">
        <v>11</v>
      </c>
      <c r="AV20" s="61">
        <v>13</v>
      </c>
      <c r="AW20" s="62">
        <v>24</v>
      </c>
      <c r="AX20" s="443">
        <v>0</v>
      </c>
      <c r="AY20" s="61">
        <v>18</v>
      </c>
      <c r="AZ20" s="61">
        <v>24</v>
      </c>
      <c r="BA20" s="61">
        <v>14</v>
      </c>
      <c r="BB20" s="61">
        <v>7</v>
      </c>
      <c r="BC20" s="61">
        <v>5</v>
      </c>
      <c r="BD20" s="62">
        <v>68</v>
      </c>
      <c r="BE20" s="63">
        <v>92</v>
      </c>
      <c r="BF20" s="60">
        <v>19</v>
      </c>
      <c r="BG20" s="61">
        <v>13</v>
      </c>
      <c r="BH20" s="62">
        <v>32</v>
      </c>
      <c r="BI20" s="443">
        <v>0</v>
      </c>
      <c r="BJ20" s="61">
        <v>28</v>
      </c>
      <c r="BK20" s="61">
        <v>16</v>
      </c>
      <c r="BL20" s="61">
        <v>16</v>
      </c>
      <c r="BM20" s="61">
        <v>15</v>
      </c>
      <c r="BN20" s="61">
        <v>3</v>
      </c>
      <c r="BO20" s="62">
        <v>78</v>
      </c>
      <c r="BP20" s="63">
        <v>110</v>
      </c>
      <c r="BQ20" s="60">
        <v>10</v>
      </c>
      <c r="BR20" s="61">
        <v>17</v>
      </c>
      <c r="BS20" s="62">
        <v>27</v>
      </c>
      <c r="BT20" s="443">
        <v>0</v>
      </c>
      <c r="BU20" s="61">
        <v>12</v>
      </c>
      <c r="BV20" s="61">
        <v>21</v>
      </c>
      <c r="BW20" s="61">
        <v>17</v>
      </c>
      <c r="BX20" s="61">
        <v>8</v>
      </c>
      <c r="BY20" s="61">
        <v>7</v>
      </c>
      <c r="BZ20" s="62">
        <v>65</v>
      </c>
      <c r="CA20" s="63">
        <v>92</v>
      </c>
      <c r="CB20" s="60">
        <v>0</v>
      </c>
      <c r="CC20" s="61">
        <v>0</v>
      </c>
      <c r="CD20" s="62">
        <v>0</v>
      </c>
      <c r="CE20" s="443">
        <v>0</v>
      </c>
      <c r="CF20" s="61">
        <v>0</v>
      </c>
      <c r="CG20" s="61">
        <v>0</v>
      </c>
      <c r="CH20" s="61">
        <v>0</v>
      </c>
      <c r="CI20" s="61">
        <v>0</v>
      </c>
      <c r="CJ20" s="61">
        <v>0</v>
      </c>
      <c r="CK20" s="62">
        <v>0</v>
      </c>
      <c r="CL20" s="63">
        <v>0</v>
      </c>
      <c r="CM20" s="60">
        <v>53</v>
      </c>
      <c r="CN20" s="61">
        <v>55</v>
      </c>
      <c r="CO20" s="62">
        <v>108</v>
      </c>
      <c r="CP20" s="443">
        <v>0</v>
      </c>
      <c r="CQ20" s="61">
        <v>78</v>
      </c>
      <c r="CR20" s="61">
        <v>91</v>
      </c>
      <c r="CS20" s="61">
        <v>64</v>
      </c>
      <c r="CT20" s="61">
        <v>47</v>
      </c>
      <c r="CU20" s="61">
        <v>22</v>
      </c>
      <c r="CV20" s="62">
        <v>302</v>
      </c>
      <c r="CW20" s="63">
        <v>410</v>
      </c>
      <c r="CX20" s="113">
        <v>13</v>
      </c>
      <c r="CY20" s="72">
        <v>28</v>
      </c>
      <c r="CZ20" s="73">
        <v>41</v>
      </c>
      <c r="DA20" s="443">
        <v>0</v>
      </c>
      <c r="DB20" s="72">
        <v>35</v>
      </c>
      <c r="DC20" s="72">
        <v>33</v>
      </c>
      <c r="DD20" s="72">
        <v>29</v>
      </c>
      <c r="DE20" s="72">
        <v>19</v>
      </c>
      <c r="DF20" s="72">
        <v>24</v>
      </c>
      <c r="DG20" s="74">
        <v>140</v>
      </c>
      <c r="DH20" s="75">
        <v>181</v>
      </c>
      <c r="DI20" s="60">
        <v>2</v>
      </c>
      <c r="DJ20" s="61">
        <v>1</v>
      </c>
      <c r="DK20" s="62">
        <v>3</v>
      </c>
      <c r="DL20" s="443">
        <v>0</v>
      </c>
      <c r="DM20" s="61">
        <v>0</v>
      </c>
      <c r="DN20" s="61">
        <v>0</v>
      </c>
      <c r="DO20" s="61">
        <v>0</v>
      </c>
      <c r="DP20" s="61">
        <v>0</v>
      </c>
      <c r="DQ20" s="61">
        <v>0</v>
      </c>
      <c r="DR20" s="62">
        <v>0</v>
      </c>
      <c r="DS20" s="63">
        <v>3</v>
      </c>
      <c r="DT20" s="60">
        <v>1</v>
      </c>
      <c r="DU20" s="61">
        <v>1</v>
      </c>
      <c r="DV20" s="62">
        <v>2</v>
      </c>
      <c r="DW20" s="443">
        <v>0</v>
      </c>
      <c r="DX20" s="61">
        <v>2</v>
      </c>
      <c r="DY20" s="61">
        <v>2</v>
      </c>
      <c r="DZ20" s="61">
        <v>1</v>
      </c>
      <c r="EA20" s="61">
        <v>1</v>
      </c>
      <c r="EB20" s="61">
        <v>1</v>
      </c>
      <c r="EC20" s="62">
        <v>7</v>
      </c>
      <c r="ED20" s="63">
        <v>9</v>
      </c>
      <c r="EE20" s="60">
        <v>3</v>
      </c>
      <c r="EF20" s="61">
        <v>1</v>
      </c>
      <c r="EG20" s="62">
        <v>4</v>
      </c>
      <c r="EH20" s="443">
        <v>0</v>
      </c>
      <c r="EI20" s="61">
        <v>9</v>
      </c>
      <c r="EJ20" s="61">
        <v>4</v>
      </c>
      <c r="EK20" s="61">
        <v>4</v>
      </c>
      <c r="EL20" s="61">
        <v>4</v>
      </c>
      <c r="EM20" s="61">
        <v>1</v>
      </c>
      <c r="EN20" s="62">
        <v>22</v>
      </c>
      <c r="EO20" s="63">
        <v>26</v>
      </c>
      <c r="EP20" s="60">
        <v>3</v>
      </c>
      <c r="EQ20" s="61">
        <v>7</v>
      </c>
      <c r="ER20" s="62">
        <v>10</v>
      </c>
      <c r="ES20" s="443">
        <v>0</v>
      </c>
      <c r="ET20" s="61">
        <v>3</v>
      </c>
      <c r="EU20" s="61">
        <v>6</v>
      </c>
      <c r="EV20" s="61">
        <v>8</v>
      </c>
      <c r="EW20" s="61">
        <v>5</v>
      </c>
      <c r="EX20" s="61">
        <v>7</v>
      </c>
      <c r="EY20" s="62">
        <v>29</v>
      </c>
      <c r="EZ20" s="63">
        <v>39</v>
      </c>
      <c r="FA20" s="60">
        <v>4</v>
      </c>
      <c r="FB20" s="61">
        <v>12</v>
      </c>
      <c r="FC20" s="62">
        <v>16</v>
      </c>
      <c r="FD20" s="443">
        <v>0</v>
      </c>
      <c r="FE20" s="61">
        <v>10</v>
      </c>
      <c r="FF20" s="61">
        <v>8</v>
      </c>
      <c r="FG20" s="61">
        <v>4</v>
      </c>
      <c r="FH20" s="61">
        <v>3</v>
      </c>
      <c r="FI20" s="61">
        <v>8</v>
      </c>
      <c r="FJ20" s="62">
        <v>33</v>
      </c>
      <c r="FK20" s="63">
        <v>49</v>
      </c>
      <c r="FL20" s="60">
        <v>0</v>
      </c>
      <c r="FM20" s="61">
        <v>6</v>
      </c>
      <c r="FN20" s="62">
        <v>6</v>
      </c>
      <c r="FO20" s="443">
        <v>0</v>
      </c>
      <c r="FP20" s="61">
        <v>11</v>
      </c>
      <c r="FQ20" s="61">
        <v>13</v>
      </c>
      <c r="FR20" s="61">
        <v>12</v>
      </c>
      <c r="FS20" s="61">
        <v>6</v>
      </c>
      <c r="FT20" s="61">
        <v>7</v>
      </c>
      <c r="FU20" s="62">
        <v>49</v>
      </c>
      <c r="FV20" s="63">
        <v>55</v>
      </c>
      <c r="FW20" s="60">
        <v>0</v>
      </c>
      <c r="FX20" s="61">
        <v>0</v>
      </c>
      <c r="FY20" s="62">
        <v>0</v>
      </c>
      <c r="FZ20" s="443">
        <v>0</v>
      </c>
      <c r="GA20" s="61">
        <v>0</v>
      </c>
      <c r="GB20" s="61">
        <v>0</v>
      </c>
      <c r="GC20" s="61">
        <v>0</v>
      </c>
      <c r="GD20" s="61">
        <v>0</v>
      </c>
      <c r="GE20" s="61">
        <v>0</v>
      </c>
      <c r="GF20" s="62">
        <v>0</v>
      </c>
      <c r="GG20" s="63">
        <v>0</v>
      </c>
      <c r="GH20" s="60">
        <v>13</v>
      </c>
      <c r="GI20" s="61">
        <v>28</v>
      </c>
      <c r="GJ20" s="62">
        <v>41</v>
      </c>
      <c r="GK20" s="443">
        <v>0</v>
      </c>
      <c r="GL20" s="61">
        <v>35</v>
      </c>
      <c r="GM20" s="61">
        <v>33</v>
      </c>
      <c r="GN20" s="61">
        <v>29</v>
      </c>
      <c r="GO20" s="61">
        <v>19</v>
      </c>
      <c r="GP20" s="61">
        <v>24</v>
      </c>
      <c r="GQ20" s="62">
        <v>140</v>
      </c>
      <c r="GR20" s="63">
        <v>181</v>
      </c>
      <c r="GS20" s="113">
        <v>66</v>
      </c>
      <c r="GT20" s="72">
        <v>83</v>
      </c>
      <c r="GU20" s="73">
        <v>149</v>
      </c>
      <c r="GV20" s="443">
        <v>0</v>
      </c>
      <c r="GW20" s="72">
        <v>113</v>
      </c>
      <c r="GX20" s="72">
        <v>124</v>
      </c>
      <c r="GY20" s="72">
        <v>93</v>
      </c>
      <c r="GZ20" s="72">
        <v>66</v>
      </c>
      <c r="HA20" s="72">
        <v>46</v>
      </c>
      <c r="HB20" s="74">
        <v>442</v>
      </c>
      <c r="HC20" s="75">
        <v>591</v>
      </c>
      <c r="HD20" s="60">
        <v>5</v>
      </c>
      <c r="HE20" s="61">
        <v>4</v>
      </c>
      <c r="HF20" s="62">
        <v>9</v>
      </c>
      <c r="HG20" s="443">
        <v>0</v>
      </c>
      <c r="HH20" s="61">
        <v>1</v>
      </c>
      <c r="HI20" s="61">
        <v>5</v>
      </c>
      <c r="HJ20" s="61">
        <v>2</v>
      </c>
      <c r="HK20" s="61">
        <v>4</v>
      </c>
      <c r="HL20" s="61">
        <v>1</v>
      </c>
      <c r="HM20" s="62">
        <v>13</v>
      </c>
      <c r="HN20" s="63">
        <v>22</v>
      </c>
      <c r="HO20" s="60">
        <v>3</v>
      </c>
      <c r="HP20" s="61">
        <v>5</v>
      </c>
      <c r="HQ20" s="62">
        <v>8</v>
      </c>
      <c r="HR20" s="443">
        <v>0</v>
      </c>
      <c r="HS20" s="61">
        <v>8</v>
      </c>
      <c r="HT20" s="61">
        <v>16</v>
      </c>
      <c r="HU20" s="61">
        <v>7</v>
      </c>
      <c r="HV20" s="61">
        <v>5</v>
      </c>
      <c r="HW20" s="61">
        <v>2</v>
      </c>
      <c r="HX20" s="62">
        <v>38</v>
      </c>
      <c r="HY20" s="63">
        <v>46</v>
      </c>
      <c r="HZ20" s="60">
        <v>11</v>
      </c>
      <c r="IA20" s="61">
        <v>6</v>
      </c>
      <c r="IB20" s="62">
        <v>17</v>
      </c>
      <c r="IC20" s="443">
        <v>0</v>
      </c>
      <c r="ID20" s="61">
        <v>22</v>
      </c>
      <c r="IE20" s="61">
        <v>15</v>
      </c>
      <c r="IF20" s="61">
        <v>13</v>
      </c>
      <c r="IG20" s="61">
        <v>13</v>
      </c>
      <c r="IH20" s="61">
        <v>6</v>
      </c>
      <c r="II20" s="62">
        <v>69</v>
      </c>
      <c r="IJ20" s="63">
        <v>86</v>
      </c>
      <c r="IK20" s="60">
        <v>14</v>
      </c>
      <c r="IL20" s="61">
        <v>20</v>
      </c>
      <c r="IM20" s="62">
        <v>34</v>
      </c>
      <c r="IN20" s="443">
        <v>0</v>
      </c>
      <c r="IO20" s="61">
        <v>21</v>
      </c>
      <c r="IP20" s="61">
        <v>30</v>
      </c>
      <c r="IQ20" s="61">
        <v>22</v>
      </c>
      <c r="IR20" s="61">
        <v>12</v>
      </c>
      <c r="IS20" s="61">
        <v>12</v>
      </c>
      <c r="IT20" s="62">
        <v>97</v>
      </c>
      <c r="IU20" s="63">
        <v>131</v>
      </c>
      <c r="IV20" s="60">
        <v>23</v>
      </c>
      <c r="IW20" s="61">
        <v>25</v>
      </c>
      <c r="IX20" s="62">
        <v>48</v>
      </c>
      <c r="IY20" s="443">
        <v>0</v>
      </c>
      <c r="IZ20" s="61">
        <v>38</v>
      </c>
      <c r="JA20" s="61">
        <v>24</v>
      </c>
      <c r="JB20" s="61">
        <v>20</v>
      </c>
      <c r="JC20" s="61">
        <v>18</v>
      </c>
      <c r="JD20" s="61">
        <v>11</v>
      </c>
      <c r="JE20" s="62">
        <v>111</v>
      </c>
      <c r="JF20" s="63">
        <v>159</v>
      </c>
      <c r="JG20" s="60">
        <v>10</v>
      </c>
      <c r="JH20" s="61">
        <v>23</v>
      </c>
      <c r="JI20" s="62">
        <v>33</v>
      </c>
      <c r="JJ20" s="443">
        <v>0</v>
      </c>
      <c r="JK20" s="61">
        <v>23</v>
      </c>
      <c r="JL20" s="61">
        <v>34</v>
      </c>
      <c r="JM20" s="61">
        <v>29</v>
      </c>
      <c r="JN20" s="61">
        <v>14</v>
      </c>
      <c r="JO20" s="61">
        <v>14</v>
      </c>
      <c r="JP20" s="62">
        <v>114</v>
      </c>
      <c r="JQ20" s="63">
        <v>147</v>
      </c>
      <c r="JR20" s="60">
        <v>0</v>
      </c>
      <c r="JS20" s="61">
        <v>0</v>
      </c>
      <c r="JT20" s="62">
        <v>0</v>
      </c>
      <c r="JU20" s="443">
        <v>0</v>
      </c>
      <c r="JV20" s="61">
        <v>0</v>
      </c>
      <c r="JW20" s="61">
        <v>0</v>
      </c>
      <c r="JX20" s="61">
        <v>0</v>
      </c>
      <c r="JY20" s="61">
        <v>0</v>
      </c>
      <c r="JZ20" s="61">
        <v>0</v>
      </c>
      <c r="KA20" s="62">
        <v>0</v>
      </c>
      <c r="KB20" s="63">
        <v>0</v>
      </c>
      <c r="KC20" s="60">
        <v>66</v>
      </c>
      <c r="KD20" s="61">
        <v>83</v>
      </c>
      <c r="KE20" s="62">
        <v>149</v>
      </c>
      <c r="KF20" s="443">
        <v>0</v>
      </c>
      <c r="KG20" s="61">
        <v>113</v>
      </c>
      <c r="KH20" s="61">
        <v>124</v>
      </c>
      <c r="KI20" s="61">
        <v>93</v>
      </c>
      <c r="KJ20" s="61">
        <v>66</v>
      </c>
      <c r="KK20" s="61">
        <v>46</v>
      </c>
      <c r="KL20" s="62">
        <v>442</v>
      </c>
      <c r="KM20" s="63">
        <v>591</v>
      </c>
    </row>
    <row r="21" spans="2:299" ht="21" customHeight="1" x14ac:dyDescent="0.2">
      <c r="B21" s="437" t="s">
        <v>18</v>
      </c>
      <c r="C21" s="287">
        <v>62</v>
      </c>
      <c r="D21" s="72">
        <v>59</v>
      </c>
      <c r="E21" s="73">
        <v>121</v>
      </c>
      <c r="F21" s="443">
        <v>0</v>
      </c>
      <c r="G21" s="72">
        <v>122</v>
      </c>
      <c r="H21" s="72">
        <v>96</v>
      </c>
      <c r="I21" s="72">
        <v>53</v>
      </c>
      <c r="J21" s="72">
        <v>49</v>
      </c>
      <c r="K21" s="72">
        <v>27</v>
      </c>
      <c r="L21" s="74">
        <v>347</v>
      </c>
      <c r="M21" s="75">
        <v>468</v>
      </c>
      <c r="N21" s="60">
        <v>4</v>
      </c>
      <c r="O21" s="61">
        <v>3</v>
      </c>
      <c r="P21" s="62">
        <v>7</v>
      </c>
      <c r="Q21" s="443">
        <v>0</v>
      </c>
      <c r="R21" s="61">
        <v>11</v>
      </c>
      <c r="S21" s="61">
        <v>4</v>
      </c>
      <c r="T21" s="61">
        <v>3</v>
      </c>
      <c r="U21" s="61">
        <v>1</v>
      </c>
      <c r="V21" s="61">
        <v>3</v>
      </c>
      <c r="W21" s="62">
        <v>22</v>
      </c>
      <c r="X21" s="63">
        <v>29</v>
      </c>
      <c r="Y21" s="60">
        <v>6</v>
      </c>
      <c r="Z21" s="61">
        <v>5</v>
      </c>
      <c r="AA21" s="62">
        <v>11</v>
      </c>
      <c r="AB21" s="443">
        <v>0</v>
      </c>
      <c r="AC21" s="61">
        <v>10</v>
      </c>
      <c r="AD21" s="61">
        <v>8</v>
      </c>
      <c r="AE21" s="61">
        <v>4</v>
      </c>
      <c r="AF21" s="61">
        <v>2</v>
      </c>
      <c r="AG21" s="61">
        <v>3</v>
      </c>
      <c r="AH21" s="62">
        <v>27</v>
      </c>
      <c r="AI21" s="63">
        <v>38</v>
      </c>
      <c r="AJ21" s="60">
        <v>8</v>
      </c>
      <c r="AK21" s="61">
        <v>8</v>
      </c>
      <c r="AL21" s="62">
        <v>16</v>
      </c>
      <c r="AM21" s="443">
        <v>0</v>
      </c>
      <c r="AN21" s="61">
        <v>16</v>
      </c>
      <c r="AO21" s="61">
        <v>10</v>
      </c>
      <c r="AP21" s="61">
        <v>6</v>
      </c>
      <c r="AQ21" s="61">
        <v>12</v>
      </c>
      <c r="AR21" s="61">
        <v>4</v>
      </c>
      <c r="AS21" s="62">
        <v>48</v>
      </c>
      <c r="AT21" s="63">
        <v>64</v>
      </c>
      <c r="AU21" s="60">
        <v>12</v>
      </c>
      <c r="AV21" s="61">
        <v>22</v>
      </c>
      <c r="AW21" s="62">
        <v>34</v>
      </c>
      <c r="AX21" s="443">
        <v>0</v>
      </c>
      <c r="AY21" s="61">
        <v>26</v>
      </c>
      <c r="AZ21" s="61">
        <v>25</v>
      </c>
      <c r="BA21" s="61">
        <v>15</v>
      </c>
      <c r="BB21" s="61">
        <v>13</v>
      </c>
      <c r="BC21" s="61">
        <v>5</v>
      </c>
      <c r="BD21" s="62">
        <v>84</v>
      </c>
      <c r="BE21" s="63">
        <v>118</v>
      </c>
      <c r="BF21" s="60">
        <v>19</v>
      </c>
      <c r="BG21" s="61">
        <v>10</v>
      </c>
      <c r="BH21" s="62">
        <v>29</v>
      </c>
      <c r="BI21" s="443">
        <v>0</v>
      </c>
      <c r="BJ21" s="61">
        <v>28</v>
      </c>
      <c r="BK21" s="61">
        <v>26</v>
      </c>
      <c r="BL21" s="61">
        <v>11</v>
      </c>
      <c r="BM21" s="61">
        <v>10</v>
      </c>
      <c r="BN21" s="61">
        <v>6</v>
      </c>
      <c r="BO21" s="62">
        <v>81</v>
      </c>
      <c r="BP21" s="63">
        <v>110</v>
      </c>
      <c r="BQ21" s="60">
        <v>13</v>
      </c>
      <c r="BR21" s="61">
        <v>11</v>
      </c>
      <c r="BS21" s="62">
        <v>24</v>
      </c>
      <c r="BT21" s="443">
        <v>0</v>
      </c>
      <c r="BU21" s="61">
        <v>31</v>
      </c>
      <c r="BV21" s="61">
        <v>23</v>
      </c>
      <c r="BW21" s="61">
        <v>14</v>
      </c>
      <c r="BX21" s="61">
        <v>11</v>
      </c>
      <c r="BY21" s="61">
        <v>6</v>
      </c>
      <c r="BZ21" s="62">
        <v>85</v>
      </c>
      <c r="CA21" s="63">
        <v>109</v>
      </c>
      <c r="CB21" s="60">
        <v>0</v>
      </c>
      <c r="CC21" s="61">
        <v>0</v>
      </c>
      <c r="CD21" s="62">
        <v>0</v>
      </c>
      <c r="CE21" s="443">
        <v>0</v>
      </c>
      <c r="CF21" s="61">
        <v>0</v>
      </c>
      <c r="CG21" s="61">
        <v>0</v>
      </c>
      <c r="CH21" s="61">
        <v>0</v>
      </c>
      <c r="CI21" s="61">
        <v>0</v>
      </c>
      <c r="CJ21" s="61">
        <v>0</v>
      </c>
      <c r="CK21" s="62">
        <v>0</v>
      </c>
      <c r="CL21" s="63">
        <v>0</v>
      </c>
      <c r="CM21" s="60">
        <v>62</v>
      </c>
      <c r="CN21" s="61">
        <v>59</v>
      </c>
      <c r="CO21" s="62">
        <v>121</v>
      </c>
      <c r="CP21" s="443">
        <v>0</v>
      </c>
      <c r="CQ21" s="61">
        <v>122</v>
      </c>
      <c r="CR21" s="61">
        <v>96</v>
      </c>
      <c r="CS21" s="61">
        <v>53</v>
      </c>
      <c r="CT21" s="61">
        <v>49</v>
      </c>
      <c r="CU21" s="61">
        <v>27</v>
      </c>
      <c r="CV21" s="62">
        <v>347</v>
      </c>
      <c r="CW21" s="63">
        <v>468</v>
      </c>
      <c r="CX21" s="113">
        <v>25</v>
      </c>
      <c r="CY21" s="72">
        <v>30</v>
      </c>
      <c r="CZ21" s="73">
        <v>55</v>
      </c>
      <c r="DA21" s="443">
        <v>0</v>
      </c>
      <c r="DB21" s="72">
        <v>47</v>
      </c>
      <c r="DC21" s="72">
        <v>34</v>
      </c>
      <c r="DD21" s="72">
        <v>40</v>
      </c>
      <c r="DE21" s="72">
        <v>25</v>
      </c>
      <c r="DF21" s="72">
        <v>25</v>
      </c>
      <c r="DG21" s="74">
        <v>171</v>
      </c>
      <c r="DH21" s="75">
        <v>226</v>
      </c>
      <c r="DI21" s="60">
        <v>1</v>
      </c>
      <c r="DJ21" s="61">
        <v>1</v>
      </c>
      <c r="DK21" s="62">
        <v>2</v>
      </c>
      <c r="DL21" s="443">
        <v>0</v>
      </c>
      <c r="DM21" s="61">
        <v>4</v>
      </c>
      <c r="DN21" s="61">
        <v>1</v>
      </c>
      <c r="DO21" s="61">
        <v>1</v>
      </c>
      <c r="DP21" s="61">
        <v>0</v>
      </c>
      <c r="DQ21" s="61">
        <v>2</v>
      </c>
      <c r="DR21" s="62">
        <v>8</v>
      </c>
      <c r="DS21" s="63">
        <v>10</v>
      </c>
      <c r="DT21" s="60">
        <v>4</v>
      </c>
      <c r="DU21" s="61">
        <v>5</v>
      </c>
      <c r="DV21" s="62">
        <v>9</v>
      </c>
      <c r="DW21" s="443">
        <v>0</v>
      </c>
      <c r="DX21" s="61">
        <v>3</v>
      </c>
      <c r="DY21" s="61">
        <v>2</v>
      </c>
      <c r="DZ21" s="61">
        <v>0</v>
      </c>
      <c r="EA21" s="61">
        <v>0</v>
      </c>
      <c r="EB21" s="61">
        <v>2</v>
      </c>
      <c r="EC21" s="62">
        <v>7</v>
      </c>
      <c r="ED21" s="63">
        <v>16</v>
      </c>
      <c r="EE21" s="60">
        <v>2</v>
      </c>
      <c r="EF21" s="61">
        <v>9</v>
      </c>
      <c r="EG21" s="62">
        <v>11</v>
      </c>
      <c r="EH21" s="443">
        <v>0</v>
      </c>
      <c r="EI21" s="61">
        <v>6</v>
      </c>
      <c r="EJ21" s="61">
        <v>4</v>
      </c>
      <c r="EK21" s="61">
        <v>2</v>
      </c>
      <c r="EL21" s="61">
        <v>1</v>
      </c>
      <c r="EM21" s="61">
        <v>2</v>
      </c>
      <c r="EN21" s="62">
        <v>15</v>
      </c>
      <c r="EO21" s="63">
        <v>26</v>
      </c>
      <c r="EP21" s="60">
        <v>9</v>
      </c>
      <c r="EQ21" s="61">
        <v>7</v>
      </c>
      <c r="ER21" s="62">
        <v>16</v>
      </c>
      <c r="ES21" s="443">
        <v>0</v>
      </c>
      <c r="ET21" s="61">
        <v>7</v>
      </c>
      <c r="EU21" s="61">
        <v>9</v>
      </c>
      <c r="EV21" s="61">
        <v>6</v>
      </c>
      <c r="EW21" s="61">
        <v>6</v>
      </c>
      <c r="EX21" s="61">
        <v>3</v>
      </c>
      <c r="EY21" s="62">
        <v>31</v>
      </c>
      <c r="EZ21" s="63">
        <v>47</v>
      </c>
      <c r="FA21" s="60">
        <v>7</v>
      </c>
      <c r="FB21" s="61">
        <v>7</v>
      </c>
      <c r="FC21" s="62">
        <v>14</v>
      </c>
      <c r="FD21" s="443">
        <v>0</v>
      </c>
      <c r="FE21" s="61">
        <v>17</v>
      </c>
      <c r="FF21" s="61">
        <v>8</v>
      </c>
      <c r="FG21" s="61">
        <v>10</v>
      </c>
      <c r="FH21" s="61">
        <v>6</v>
      </c>
      <c r="FI21" s="61">
        <v>5</v>
      </c>
      <c r="FJ21" s="62">
        <v>46</v>
      </c>
      <c r="FK21" s="63">
        <v>60</v>
      </c>
      <c r="FL21" s="60">
        <v>2</v>
      </c>
      <c r="FM21" s="61">
        <v>1</v>
      </c>
      <c r="FN21" s="62">
        <v>3</v>
      </c>
      <c r="FO21" s="443">
        <v>0</v>
      </c>
      <c r="FP21" s="61">
        <v>10</v>
      </c>
      <c r="FQ21" s="61">
        <v>10</v>
      </c>
      <c r="FR21" s="61">
        <v>21</v>
      </c>
      <c r="FS21" s="61">
        <v>12</v>
      </c>
      <c r="FT21" s="61">
        <v>11</v>
      </c>
      <c r="FU21" s="62">
        <v>64</v>
      </c>
      <c r="FV21" s="63">
        <v>67</v>
      </c>
      <c r="FW21" s="60">
        <v>0</v>
      </c>
      <c r="FX21" s="61">
        <v>0</v>
      </c>
      <c r="FY21" s="62">
        <v>0</v>
      </c>
      <c r="FZ21" s="443">
        <v>0</v>
      </c>
      <c r="GA21" s="61">
        <v>0</v>
      </c>
      <c r="GB21" s="61">
        <v>0</v>
      </c>
      <c r="GC21" s="61">
        <v>0</v>
      </c>
      <c r="GD21" s="61">
        <v>0</v>
      </c>
      <c r="GE21" s="61">
        <v>0</v>
      </c>
      <c r="GF21" s="62">
        <v>0</v>
      </c>
      <c r="GG21" s="63">
        <v>0</v>
      </c>
      <c r="GH21" s="60">
        <v>25</v>
      </c>
      <c r="GI21" s="61">
        <v>30</v>
      </c>
      <c r="GJ21" s="62">
        <v>55</v>
      </c>
      <c r="GK21" s="443">
        <v>0</v>
      </c>
      <c r="GL21" s="61">
        <v>47</v>
      </c>
      <c r="GM21" s="61">
        <v>34</v>
      </c>
      <c r="GN21" s="61">
        <v>40</v>
      </c>
      <c r="GO21" s="61">
        <v>25</v>
      </c>
      <c r="GP21" s="61">
        <v>25</v>
      </c>
      <c r="GQ21" s="62">
        <v>171</v>
      </c>
      <c r="GR21" s="63">
        <v>226</v>
      </c>
      <c r="GS21" s="113">
        <v>87</v>
      </c>
      <c r="GT21" s="72">
        <v>89</v>
      </c>
      <c r="GU21" s="73">
        <v>176</v>
      </c>
      <c r="GV21" s="443">
        <v>0</v>
      </c>
      <c r="GW21" s="72">
        <v>169</v>
      </c>
      <c r="GX21" s="72">
        <v>130</v>
      </c>
      <c r="GY21" s="72">
        <v>93</v>
      </c>
      <c r="GZ21" s="72">
        <v>74</v>
      </c>
      <c r="HA21" s="72">
        <v>52</v>
      </c>
      <c r="HB21" s="74">
        <v>518</v>
      </c>
      <c r="HC21" s="75">
        <v>694</v>
      </c>
      <c r="HD21" s="60">
        <v>5</v>
      </c>
      <c r="HE21" s="61">
        <v>4</v>
      </c>
      <c r="HF21" s="62">
        <v>9</v>
      </c>
      <c r="HG21" s="443">
        <v>0</v>
      </c>
      <c r="HH21" s="61">
        <v>15</v>
      </c>
      <c r="HI21" s="61">
        <v>5</v>
      </c>
      <c r="HJ21" s="61">
        <v>4</v>
      </c>
      <c r="HK21" s="61">
        <v>1</v>
      </c>
      <c r="HL21" s="61">
        <v>5</v>
      </c>
      <c r="HM21" s="62">
        <v>30</v>
      </c>
      <c r="HN21" s="63">
        <v>39</v>
      </c>
      <c r="HO21" s="60">
        <v>10</v>
      </c>
      <c r="HP21" s="61">
        <v>10</v>
      </c>
      <c r="HQ21" s="62">
        <v>20</v>
      </c>
      <c r="HR21" s="443">
        <v>0</v>
      </c>
      <c r="HS21" s="61">
        <v>13</v>
      </c>
      <c r="HT21" s="61">
        <v>10</v>
      </c>
      <c r="HU21" s="61">
        <v>4</v>
      </c>
      <c r="HV21" s="61">
        <v>2</v>
      </c>
      <c r="HW21" s="61">
        <v>5</v>
      </c>
      <c r="HX21" s="62">
        <v>34</v>
      </c>
      <c r="HY21" s="63">
        <v>54</v>
      </c>
      <c r="HZ21" s="60">
        <v>10</v>
      </c>
      <c r="IA21" s="61">
        <v>17</v>
      </c>
      <c r="IB21" s="62">
        <v>27</v>
      </c>
      <c r="IC21" s="443">
        <v>0</v>
      </c>
      <c r="ID21" s="61">
        <v>22</v>
      </c>
      <c r="IE21" s="61">
        <v>14</v>
      </c>
      <c r="IF21" s="61">
        <v>8</v>
      </c>
      <c r="IG21" s="61">
        <v>13</v>
      </c>
      <c r="IH21" s="61">
        <v>6</v>
      </c>
      <c r="II21" s="62">
        <v>63</v>
      </c>
      <c r="IJ21" s="63">
        <v>90</v>
      </c>
      <c r="IK21" s="60">
        <v>21</v>
      </c>
      <c r="IL21" s="61">
        <v>29</v>
      </c>
      <c r="IM21" s="62">
        <v>50</v>
      </c>
      <c r="IN21" s="443">
        <v>0</v>
      </c>
      <c r="IO21" s="61">
        <v>33</v>
      </c>
      <c r="IP21" s="61">
        <v>34</v>
      </c>
      <c r="IQ21" s="61">
        <v>21</v>
      </c>
      <c r="IR21" s="61">
        <v>19</v>
      </c>
      <c r="IS21" s="61">
        <v>8</v>
      </c>
      <c r="IT21" s="62">
        <v>115</v>
      </c>
      <c r="IU21" s="63">
        <v>165</v>
      </c>
      <c r="IV21" s="60">
        <v>26</v>
      </c>
      <c r="IW21" s="61">
        <v>17</v>
      </c>
      <c r="IX21" s="62">
        <v>43</v>
      </c>
      <c r="IY21" s="443">
        <v>0</v>
      </c>
      <c r="IZ21" s="61">
        <v>45</v>
      </c>
      <c r="JA21" s="61">
        <v>34</v>
      </c>
      <c r="JB21" s="61">
        <v>21</v>
      </c>
      <c r="JC21" s="61">
        <v>16</v>
      </c>
      <c r="JD21" s="61">
        <v>11</v>
      </c>
      <c r="JE21" s="62">
        <v>127</v>
      </c>
      <c r="JF21" s="63">
        <v>170</v>
      </c>
      <c r="JG21" s="60">
        <v>15</v>
      </c>
      <c r="JH21" s="61">
        <v>12</v>
      </c>
      <c r="JI21" s="62">
        <v>27</v>
      </c>
      <c r="JJ21" s="443">
        <v>0</v>
      </c>
      <c r="JK21" s="61">
        <v>41</v>
      </c>
      <c r="JL21" s="61">
        <v>33</v>
      </c>
      <c r="JM21" s="61">
        <v>35</v>
      </c>
      <c r="JN21" s="61">
        <v>23</v>
      </c>
      <c r="JO21" s="61">
        <v>17</v>
      </c>
      <c r="JP21" s="62">
        <v>149</v>
      </c>
      <c r="JQ21" s="63">
        <v>176</v>
      </c>
      <c r="JR21" s="60">
        <v>0</v>
      </c>
      <c r="JS21" s="61">
        <v>0</v>
      </c>
      <c r="JT21" s="62">
        <v>0</v>
      </c>
      <c r="JU21" s="443">
        <v>0</v>
      </c>
      <c r="JV21" s="61">
        <v>0</v>
      </c>
      <c r="JW21" s="61">
        <v>0</v>
      </c>
      <c r="JX21" s="61">
        <v>0</v>
      </c>
      <c r="JY21" s="61">
        <v>0</v>
      </c>
      <c r="JZ21" s="61">
        <v>0</v>
      </c>
      <c r="KA21" s="62">
        <v>0</v>
      </c>
      <c r="KB21" s="63">
        <v>0</v>
      </c>
      <c r="KC21" s="60">
        <v>87</v>
      </c>
      <c r="KD21" s="61">
        <v>89</v>
      </c>
      <c r="KE21" s="62">
        <v>176</v>
      </c>
      <c r="KF21" s="443">
        <v>0</v>
      </c>
      <c r="KG21" s="61">
        <v>169</v>
      </c>
      <c r="KH21" s="61">
        <v>130</v>
      </c>
      <c r="KI21" s="61">
        <v>93</v>
      </c>
      <c r="KJ21" s="61">
        <v>74</v>
      </c>
      <c r="KK21" s="61">
        <v>52</v>
      </c>
      <c r="KL21" s="62">
        <v>518</v>
      </c>
      <c r="KM21" s="63">
        <v>694</v>
      </c>
    </row>
    <row r="22" spans="2:299" ht="21" customHeight="1" x14ac:dyDescent="0.2">
      <c r="B22" s="437" t="s">
        <v>19</v>
      </c>
      <c r="C22" s="287">
        <v>28</v>
      </c>
      <c r="D22" s="72">
        <v>20</v>
      </c>
      <c r="E22" s="73">
        <v>48</v>
      </c>
      <c r="F22" s="443">
        <v>0</v>
      </c>
      <c r="G22" s="72">
        <v>52</v>
      </c>
      <c r="H22" s="72">
        <v>45</v>
      </c>
      <c r="I22" s="72">
        <v>18</v>
      </c>
      <c r="J22" s="72">
        <v>17</v>
      </c>
      <c r="K22" s="72">
        <v>12</v>
      </c>
      <c r="L22" s="74">
        <v>144</v>
      </c>
      <c r="M22" s="75">
        <v>192</v>
      </c>
      <c r="N22" s="76">
        <v>1</v>
      </c>
      <c r="O22" s="61">
        <v>2</v>
      </c>
      <c r="P22" s="62">
        <v>3</v>
      </c>
      <c r="Q22" s="443">
        <v>0</v>
      </c>
      <c r="R22" s="61">
        <v>2</v>
      </c>
      <c r="S22" s="61">
        <v>0</v>
      </c>
      <c r="T22" s="61">
        <v>1</v>
      </c>
      <c r="U22" s="61">
        <v>0</v>
      </c>
      <c r="V22" s="61">
        <v>0</v>
      </c>
      <c r="W22" s="62">
        <v>3</v>
      </c>
      <c r="X22" s="63">
        <v>6</v>
      </c>
      <c r="Y22" s="60">
        <v>2</v>
      </c>
      <c r="Z22" s="61">
        <v>0</v>
      </c>
      <c r="AA22" s="62">
        <v>2</v>
      </c>
      <c r="AB22" s="443">
        <v>0</v>
      </c>
      <c r="AC22" s="61">
        <v>4</v>
      </c>
      <c r="AD22" s="61">
        <v>4</v>
      </c>
      <c r="AE22" s="61">
        <v>1</v>
      </c>
      <c r="AF22" s="61">
        <v>1</v>
      </c>
      <c r="AG22" s="61">
        <v>2</v>
      </c>
      <c r="AH22" s="62">
        <v>12</v>
      </c>
      <c r="AI22" s="63">
        <v>14</v>
      </c>
      <c r="AJ22" s="76">
        <v>5</v>
      </c>
      <c r="AK22" s="61">
        <v>2</v>
      </c>
      <c r="AL22" s="62">
        <v>7</v>
      </c>
      <c r="AM22" s="443">
        <v>0</v>
      </c>
      <c r="AN22" s="61">
        <v>8</v>
      </c>
      <c r="AO22" s="61">
        <v>4</v>
      </c>
      <c r="AP22" s="61">
        <v>1</v>
      </c>
      <c r="AQ22" s="61">
        <v>3</v>
      </c>
      <c r="AR22" s="61">
        <v>1</v>
      </c>
      <c r="AS22" s="62">
        <v>17</v>
      </c>
      <c r="AT22" s="63">
        <v>24</v>
      </c>
      <c r="AU22" s="60">
        <v>4</v>
      </c>
      <c r="AV22" s="61">
        <v>3</v>
      </c>
      <c r="AW22" s="62">
        <v>7</v>
      </c>
      <c r="AX22" s="443">
        <v>0</v>
      </c>
      <c r="AY22" s="61">
        <v>11</v>
      </c>
      <c r="AZ22" s="61">
        <v>13</v>
      </c>
      <c r="BA22" s="61">
        <v>3</v>
      </c>
      <c r="BB22" s="61">
        <v>2</v>
      </c>
      <c r="BC22" s="61">
        <v>5</v>
      </c>
      <c r="BD22" s="62">
        <v>34</v>
      </c>
      <c r="BE22" s="63">
        <v>41</v>
      </c>
      <c r="BF22" s="76">
        <v>8</v>
      </c>
      <c r="BG22" s="61">
        <v>4</v>
      </c>
      <c r="BH22" s="62">
        <v>12</v>
      </c>
      <c r="BI22" s="443">
        <v>0</v>
      </c>
      <c r="BJ22" s="61">
        <v>11</v>
      </c>
      <c r="BK22" s="61">
        <v>13</v>
      </c>
      <c r="BL22" s="61">
        <v>2</v>
      </c>
      <c r="BM22" s="61">
        <v>7</v>
      </c>
      <c r="BN22" s="61">
        <v>1</v>
      </c>
      <c r="BO22" s="62">
        <v>34</v>
      </c>
      <c r="BP22" s="63">
        <v>46</v>
      </c>
      <c r="BQ22" s="60">
        <v>8</v>
      </c>
      <c r="BR22" s="61">
        <v>9</v>
      </c>
      <c r="BS22" s="62">
        <v>17</v>
      </c>
      <c r="BT22" s="443">
        <v>0</v>
      </c>
      <c r="BU22" s="61">
        <v>16</v>
      </c>
      <c r="BV22" s="61">
        <v>11</v>
      </c>
      <c r="BW22" s="61">
        <v>10</v>
      </c>
      <c r="BX22" s="61">
        <v>4</v>
      </c>
      <c r="BY22" s="61">
        <v>3</v>
      </c>
      <c r="BZ22" s="62">
        <v>44</v>
      </c>
      <c r="CA22" s="63">
        <v>61</v>
      </c>
      <c r="CB22" s="60">
        <v>0</v>
      </c>
      <c r="CC22" s="61">
        <v>0</v>
      </c>
      <c r="CD22" s="62">
        <v>0</v>
      </c>
      <c r="CE22" s="443">
        <v>0</v>
      </c>
      <c r="CF22" s="61">
        <v>0</v>
      </c>
      <c r="CG22" s="61">
        <v>0</v>
      </c>
      <c r="CH22" s="61">
        <v>0</v>
      </c>
      <c r="CI22" s="61">
        <v>0</v>
      </c>
      <c r="CJ22" s="61">
        <v>0</v>
      </c>
      <c r="CK22" s="62">
        <v>0</v>
      </c>
      <c r="CL22" s="63">
        <v>0</v>
      </c>
      <c r="CM22" s="60">
        <v>28</v>
      </c>
      <c r="CN22" s="61">
        <v>20</v>
      </c>
      <c r="CO22" s="62">
        <v>48</v>
      </c>
      <c r="CP22" s="443">
        <v>0</v>
      </c>
      <c r="CQ22" s="61">
        <v>52</v>
      </c>
      <c r="CR22" s="61">
        <v>45</v>
      </c>
      <c r="CS22" s="61">
        <v>18</v>
      </c>
      <c r="CT22" s="61">
        <v>17</v>
      </c>
      <c r="CU22" s="61">
        <v>12</v>
      </c>
      <c r="CV22" s="62">
        <v>144</v>
      </c>
      <c r="CW22" s="63">
        <v>192</v>
      </c>
      <c r="CX22" s="113">
        <v>13</v>
      </c>
      <c r="CY22" s="72">
        <v>5</v>
      </c>
      <c r="CZ22" s="73">
        <v>18</v>
      </c>
      <c r="DA22" s="443">
        <v>0</v>
      </c>
      <c r="DB22" s="72">
        <v>15</v>
      </c>
      <c r="DC22" s="72">
        <v>8</v>
      </c>
      <c r="DD22" s="72">
        <v>14</v>
      </c>
      <c r="DE22" s="72">
        <v>2</v>
      </c>
      <c r="DF22" s="72">
        <v>6</v>
      </c>
      <c r="DG22" s="74">
        <v>45</v>
      </c>
      <c r="DH22" s="75">
        <v>63</v>
      </c>
      <c r="DI22" s="76">
        <v>1</v>
      </c>
      <c r="DJ22" s="61">
        <v>0</v>
      </c>
      <c r="DK22" s="62">
        <v>1</v>
      </c>
      <c r="DL22" s="443">
        <v>0</v>
      </c>
      <c r="DM22" s="61">
        <v>0</v>
      </c>
      <c r="DN22" s="61">
        <v>0</v>
      </c>
      <c r="DO22" s="61">
        <v>1</v>
      </c>
      <c r="DP22" s="61">
        <v>1</v>
      </c>
      <c r="DQ22" s="61">
        <v>0</v>
      </c>
      <c r="DR22" s="62">
        <v>2</v>
      </c>
      <c r="DS22" s="63">
        <v>3</v>
      </c>
      <c r="DT22" s="60">
        <v>1</v>
      </c>
      <c r="DU22" s="61">
        <v>1</v>
      </c>
      <c r="DV22" s="62">
        <v>2</v>
      </c>
      <c r="DW22" s="443">
        <v>0</v>
      </c>
      <c r="DX22" s="61">
        <v>1</v>
      </c>
      <c r="DY22" s="61">
        <v>1</v>
      </c>
      <c r="DZ22" s="61">
        <v>0</v>
      </c>
      <c r="EA22" s="61">
        <v>0</v>
      </c>
      <c r="EB22" s="61">
        <v>0</v>
      </c>
      <c r="EC22" s="62">
        <v>2</v>
      </c>
      <c r="ED22" s="63">
        <v>4</v>
      </c>
      <c r="EE22" s="76">
        <v>4</v>
      </c>
      <c r="EF22" s="61">
        <v>2</v>
      </c>
      <c r="EG22" s="62">
        <v>6</v>
      </c>
      <c r="EH22" s="443">
        <v>0</v>
      </c>
      <c r="EI22" s="61">
        <v>1</v>
      </c>
      <c r="EJ22" s="61">
        <v>2</v>
      </c>
      <c r="EK22" s="61">
        <v>3</v>
      </c>
      <c r="EL22" s="61">
        <v>0</v>
      </c>
      <c r="EM22" s="61">
        <v>0</v>
      </c>
      <c r="EN22" s="62">
        <v>6</v>
      </c>
      <c r="EO22" s="63">
        <v>12</v>
      </c>
      <c r="EP22" s="60">
        <v>5</v>
      </c>
      <c r="EQ22" s="61">
        <v>0</v>
      </c>
      <c r="ER22" s="62">
        <v>5</v>
      </c>
      <c r="ES22" s="443">
        <v>0</v>
      </c>
      <c r="ET22" s="61">
        <v>3</v>
      </c>
      <c r="EU22" s="61">
        <v>0</v>
      </c>
      <c r="EV22" s="61">
        <v>2</v>
      </c>
      <c r="EW22" s="61">
        <v>0</v>
      </c>
      <c r="EX22" s="61">
        <v>1</v>
      </c>
      <c r="EY22" s="62">
        <v>6</v>
      </c>
      <c r="EZ22" s="63">
        <v>11</v>
      </c>
      <c r="FA22" s="76">
        <v>1</v>
      </c>
      <c r="FB22" s="61">
        <v>1</v>
      </c>
      <c r="FC22" s="62">
        <v>2</v>
      </c>
      <c r="FD22" s="443">
        <v>0</v>
      </c>
      <c r="FE22" s="61">
        <v>6</v>
      </c>
      <c r="FF22" s="61">
        <v>2</v>
      </c>
      <c r="FG22" s="61">
        <v>4</v>
      </c>
      <c r="FH22" s="61">
        <v>0</v>
      </c>
      <c r="FI22" s="61">
        <v>2</v>
      </c>
      <c r="FJ22" s="62">
        <v>14</v>
      </c>
      <c r="FK22" s="63">
        <v>16</v>
      </c>
      <c r="FL22" s="60">
        <v>1</v>
      </c>
      <c r="FM22" s="61">
        <v>1</v>
      </c>
      <c r="FN22" s="62">
        <v>2</v>
      </c>
      <c r="FO22" s="443">
        <v>0</v>
      </c>
      <c r="FP22" s="61">
        <v>4</v>
      </c>
      <c r="FQ22" s="61">
        <v>3</v>
      </c>
      <c r="FR22" s="61">
        <v>4</v>
      </c>
      <c r="FS22" s="61">
        <v>1</v>
      </c>
      <c r="FT22" s="61">
        <v>3</v>
      </c>
      <c r="FU22" s="62">
        <v>15</v>
      </c>
      <c r="FV22" s="63">
        <v>17</v>
      </c>
      <c r="FW22" s="60">
        <v>0</v>
      </c>
      <c r="FX22" s="61">
        <v>0</v>
      </c>
      <c r="FY22" s="62">
        <v>0</v>
      </c>
      <c r="FZ22" s="443">
        <v>0</v>
      </c>
      <c r="GA22" s="61">
        <v>0</v>
      </c>
      <c r="GB22" s="61">
        <v>0</v>
      </c>
      <c r="GC22" s="61">
        <v>0</v>
      </c>
      <c r="GD22" s="61">
        <v>0</v>
      </c>
      <c r="GE22" s="61">
        <v>0</v>
      </c>
      <c r="GF22" s="62">
        <v>0</v>
      </c>
      <c r="GG22" s="63">
        <v>0</v>
      </c>
      <c r="GH22" s="60">
        <v>13</v>
      </c>
      <c r="GI22" s="61">
        <v>5</v>
      </c>
      <c r="GJ22" s="62">
        <v>18</v>
      </c>
      <c r="GK22" s="443">
        <v>0</v>
      </c>
      <c r="GL22" s="61">
        <v>15</v>
      </c>
      <c r="GM22" s="61">
        <v>8</v>
      </c>
      <c r="GN22" s="61">
        <v>14</v>
      </c>
      <c r="GO22" s="61">
        <v>2</v>
      </c>
      <c r="GP22" s="61">
        <v>6</v>
      </c>
      <c r="GQ22" s="62">
        <v>45</v>
      </c>
      <c r="GR22" s="63">
        <v>63</v>
      </c>
      <c r="GS22" s="113">
        <v>41</v>
      </c>
      <c r="GT22" s="72">
        <v>25</v>
      </c>
      <c r="GU22" s="73">
        <v>66</v>
      </c>
      <c r="GV22" s="443">
        <v>0</v>
      </c>
      <c r="GW22" s="72">
        <v>67</v>
      </c>
      <c r="GX22" s="72">
        <v>53</v>
      </c>
      <c r="GY22" s="72">
        <v>32</v>
      </c>
      <c r="GZ22" s="72">
        <v>19</v>
      </c>
      <c r="HA22" s="72">
        <v>18</v>
      </c>
      <c r="HB22" s="74">
        <v>189</v>
      </c>
      <c r="HC22" s="75">
        <v>255</v>
      </c>
      <c r="HD22" s="76">
        <v>2</v>
      </c>
      <c r="HE22" s="61">
        <v>2</v>
      </c>
      <c r="HF22" s="62">
        <v>4</v>
      </c>
      <c r="HG22" s="443">
        <v>0</v>
      </c>
      <c r="HH22" s="61">
        <v>2</v>
      </c>
      <c r="HI22" s="61">
        <v>0</v>
      </c>
      <c r="HJ22" s="61">
        <v>2</v>
      </c>
      <c r="HK22" s="61">
        <v>1</v>
      </c>
      <c r="HL22" s="61">
        <v>0</v>
      </c>
      <c r="HM22" s="62">
        <v>5</v>
      </c>
      <c r="HN22" s="63">
        <v>9</v>
      </c>
      <c r="HO22" s="60">
        <v>3</v>
      </c>
      <c r="HP22" s="61">
        <v>1</v>
      </c>
      <c r="HQ22" s="62">
        <v>4</v>
      </c>
      <c r="HR22" s="443">
        <v>0</v>
      </c>
      <c r="HS22" s="61">
        <v>5</v>
      </c>
      <c r="HT22" s="61">
        <v>5</v>
      </c>
      <c r="HU22" s="61">
        <v>1</v>
      </c>
      <c r="HV22" s="61">
        <v>1</v>
      </c>
      <c r="HW22" s="61">
        <v>2</v>
      </c>
      <c r="HX22" s="62">
        <v>14</v>
      </c>
      <c r="HY22" s="63">
        <v>18</v>
      </c>
      <c r="HZ22" s="76">
        <v>9</v>
      </c>
      <c r="IA22" s="61">
        <v>4</v>
      </c>
      <c r="IB22" s="62">
        <v>13</v>
      </c>
      <c r="IC22" s="443">
        <v>0</v>
      </c>
      <c r="ID22" s="61">
        <v>9</v>
      </c>
      <c r="IE22" s="61">
        <v>6</v>
      </c>
      <c r="IF22" s="61">
        <v>4</v>
      </c>
      <c r="IG22" s="61">
        <v>3</v>
      </c>
      <c r="IH22" s="61">
        <v>1</v>
      </c>
      <c r="II22" s="62">
        <v>23</v>
      </c>
      <c r="IJ22" s="63">
        <v>36</v>
      </c>
      <c r="IK22" s="60">
        <v>9</v>
      </c>
      <c r="IL22" s="61">
        <v>3</v>
      </c>
      <c r="IM22" s="62">
        <v>12</v>
      </c>
      <c r="IN22" s="443">
        <v>0</v>
      </c>
      <c r="IO22" s="61">
        <v>14</v>
      </c>
      <c r="IP22" s="61">
        <v>13</v>
      </c>
      <c r="IQ22" s="61">
        <v>5</v>
      </c>
      <c r="IR22" s="61">
        <v>2</v>
      </c>
      <c r="IS22" s="61">
        <v>6</v>
      </c>
      <c r="IT22" s="62">
        <v>40</v>
      </c>
      <c r="IU22" s="63">
        <v>52</v>
      </c>
      <c r="IV22" s="76">
        <v>9</v>
      </c>
      <c r="IW22" s="61">
        <v>5</v>
      </c>
      <c r="IX22" s="62">
        <v>14</v>
      </c>
      <c r="IY22" s="443">
        <v>0</v>
      </c>
      <c r="IZ22" s="61">
        <v>17</v>
      </c>
      <c r="JA22" s="61">
        <v>15</v>
      </c>
      <c r="JB22" s="61">
        <v>6</v>
      </c>
      <c r="JC22" s="61">
        <v>7</v>
      </c>
      <c r="JD22" s="61">
        <v>3</v>
      </c>
      <c r="JE22" s="62">
        <v>48</v>
      </c>
      <c r="JF22" s="63">
        <v>62</v>
      </c>
      <c r="JG22" s="60">
        <v>9</v>
      </c>
      <c r="JH22" s="61">
        <v>10</v>
      </c>
      <c r="JI22" s="62">
        <v>19</v>
      </c>
      <c r="JJ22" s="443">
        <v>0</v>
      </c>
      <c r="JK22" s="61">
        <v>20</v>
      </c>
      <c r="JL22" s="61">
        <v>14</v>
      </c>
      <c r="JM22" s="61">
        <v>14</v>
      </c>
      <c r="JN22" s="61">
        <v>5</v>
      </c>
      <c r="JO22" s="61">
        <v>6</v>
      </c>
      <c r="JP22" s="62">
        <v>59</v>
      </c>
      <c r="JQ22" s="63">
        <v>78</v>
      </c>
      <c r="JR22" s="60">
        <v>0</v>
      </c>
      <c r="JS22" s="61">
        <v>0</v>
      </c>
      <c r="JT22" s="62">
        <v>0</v>
      </c>
      <c r="JU22" s="443">
        <v>0</v>
      </c>
      <c r="JV22" s="61">
        <v>0</v>
      </c>
      <c r="JW22" s="61">
        <v>0</v>
      </c>
      <c r="JX22" s="61">
        <v>0</v>
      </c>
      <c r="JY22" s="61">
        <v>0</v>
      </c>
      <c r="JZ22" s="61">
        <v>0</v>
      </c>
      <c r="KA22" s="62">
        <v>0</v>
      </c>
      <c r="KB22" s="63">
        <v>0</v>
      </c>
      <c r="KC22" s="60">
        <v>41</v>
      </c>
      <c r="KD22" s="61">
        <v>25</v>
      </c>
      <c r="KE22" s="62">
        <v>66</v>
      </c>
      <c r="KF22" s="443">
        <v>0</v>
      </c>
      <c r="KG22" s="61">
        <v>67</v>
      </c>
      <c r="KH22" s="61">
        <v>53</v>
      </c>
      <c r="KI22" s="61">
        <v>32</v>
      </c>
      <c r="KJ22" s="61">
        <v>19</v>
      </c>
      <c r="KK22" s="61">
        <v>18</v>
      </c>
      <c r="KL22" s="62">
        <v>189</v>
      </c>
      <c r="KM22" s="63">
        <v>255</v>
      </c>
    </row>
    <row r="23" spans="2:299" ht="21" customHeight="1" x14ac:dyDescent="0.2">
      <c r="B23" s="437" t="s">
        <v>20</v>
      </c>
      <c r="C23" s="287">
        <v>33</v>
      </c>
      <c r="D23" s="72">
        <v>54</v>
      </c>
      <c r="E23" s="73">
        <v>87</v>
      </c>
      <c r="F23" s="443">
        <v>0</v>
      </c>
      <c r="G23" s="72">
        <v>60</v>
      </c>
      <c r="H23" s="72">
        <v>48</v>
      </c>
      <c r="I23" s="72">
        <v>31</v>
      </c>
      <c r="J23" s="72">
        <v>28</v>
      </c>
      <c r="K23" s="72">
        <v>19</v>
      </c>
      <c r="L23" s="74">
        <v>186</v>
      </c>
      <c r="M23" s="75">
        <v>273</v>
      </c>
      <c r="N23" s="60">
        <v>1</v>
      </c>
      <c r="O23" s="61">
        <v>1</v>
      </c>
      <c r="P23" s="62">
        <v>2</v>
      </c>
      <c r="Q23" s="443">
        <v>0</v>
      </c>
      <c r="R23" s="61">
        <v>3</v>
      </c>
      <c r="S23" s="61">
        <v>1</v>
      </c>
      <c r="T23" s="61">
        <v>0</v>
      </c>
      <c r="U23" s="61">
        <v>0</v>
      </c>
      <c r="V23" s="61">
        <v>0</v>
      </c>
      <c r="W23" s="62">
        <v>4</v>
      </c>
      <c r="X23" s="63">
        <v>6</v>
      </c>
      <c r="Y23" s="60">
        <v>4</v>
      </c>
      <c r="Z23" s="61">
        <v>3</v>
      </c>
      <c r="AA23" s="62">
        <v>7</v>
      </c>
      <c r="AB23" s="443">
        <v>0</v>
      </c>
      <c r="AC23" s="61">
        <v>9</v>
      </c>
      <c r="AD23" s="61">
        <v>4</v>
      </c>
      <c r="AE23" s="61">
        <v>4</v>
      </c>
      <c r="AF23" s="61">
        <v>3</v>
      </c>
      <c r="AG23" s="61">
        <v>1</v>
      </c>
      <c r="AH23" s="62">
        <v>21</v>
      </c>
      <c r="AI23" s="63">
        <v>28</v>
      </c>
      <c r="AJ23" s="60">
        <v>7</v>
      </c>
      <c r="AK23" s="61">
        <v>6</v>
      </c>
      <c r="AL23" s="62">
        <v>13</v>
      </c>
      <c r="AM23" s="443">
        <v>0</v>
      </c>
      <c r="AN23" s="61">
        <v>6</v>
      </c>
      <c r="AO23" s="61">
        <v>4</v>
      </c>
      <c r="AP23" s="61">
        <v>5</v>
      </c>
      <c r="AQ23" s="61">
        <v>4</v>
      </c>
      <c r="AR23" s="61">
        <v>4</v>
      </c>
      <c r="AS23" s="62">
        <v>23</v>
      </c>
      <c r="AT23" s="63">
        <v>36</v>
      </c>
      <c r="AU23" s="60">
        <v>10</v>
      </c>
      <c r="AV23" s="61">
        <v>14</v>
      </c>
      <c r="AW23" s="62">
        <v>24</v>
      </c>
      <c r="AX23" s="443">
        <v>0</v>
      </c>
      <c r="AY23" s="61">
        <v>19</v>
      </c>
      <c r="AZ23" s="61">
        <v>12</v>
      </c>
      <c r="BA23" s="61">
        <v>12</v>
      </c>
      <c r="BB23" s="61">
        <v>7</v>
      </c>
      <c r="BC23" s="61">
        <v>4</v>
      </c>
      <c r="BD23" s="62">
        <v>54</v>
      </c>
      <c r="BE23" s="63">
        <v>78</v>
      </c>
      <c r="BF23" s="60">
        <v>6</v>
      </c>
      <c r="BG23" s="61">
        <v>19</v>
      </c>
      <c r="BH23" s="62">
        <v>25</v>
      </c>
      <c r="BI23" s="443">
        <v>0</v>
      </c>
      <c r="BJ23" s="61">
        <v>16</v>
      </c>
      <c r="BK23" s="61">
        <v>14</v>
      </c>
      <c r="BL23" s="61">
        <v>6</v>
      </c>
      <c r="BM23" s="61">
        <v>7</v>
      </c>
      <c r="BN23" s="61">
        <v>6</v>
      </c>
      <c r="BO23" s="62">
        <v>49</v>
      </c>
      <c r="BP23" s="63">
        <v>74</v>
      </c>
      <c r="BQ23" s="60">
        <v>5</v>
      </c>
      <c r="BR23" s="61">
        <v>11</v>
      </c>
      <c r="BS23" s="62">
        <v>16</v>
      </c>
      <c r="BT23" s="443">
        <v>0</v>
      </c>
      <c r="BU23" s="61">
        <v>7</v>
      </c>
      <c r="BV23" s="61">
        <v>13</v>
      </c>
      <c r="BW23" s="61">
        <v>4</v>
      </c>
      <c r="BX23" s="61">
        <v>7</v>
      </c>
      <c r="BY23" s="61">
        <v>4</v>
      </c>
      <c r="BZ23" s="62">
        <v>35</v>
      </c>
      <c r="CA23" s="63">
        <v>51</v>
      </c>
      <c r="CB23" s="60">
        <v>0</v>
      </c>
      <c r="CC23" s="61">
        <v>0</v>
      </c>
      <c r="CD23" s="62">
        <v>0</v>
      </c>
      <c r="CE23" s="443">
        <v>0</v>
      </c>
      <c r="CF23" s="61">
        <v>0</v>
      </c>
      <c r="CG23" s="61">
        <v>0</v>
      </c>
      <c r="CH23" s="61">
        <v>0</v>
      </c>
      <c r="CI23" s="61">
        <v>0</v>
      </c>
      <c r="CJ23" s="61">
        <v>0</v>
      </c>
      <c r="CK23" s="62">
        <v>0</v>
      </c>
      <c r="CL23" s="63">
        <v>0</v>
      </c>
      <c r="CM23" s="60">
        <v>33</v>
      </c>
      <c r="CN23" s="61">
        <v>54</v>
      </c>
      <c r="CO23" s="62">
        <v>87</v>
      </c>
      <c r="CP23" s="443">
        <v>0</v>
      </c>
      <c r="CQ23" s="61">
        <v>60</v>
      </c>
      <c r="CR23" s="61">
        <v>48</v>
      </c>
      <c r="CS23" s="61">
        <v>31</v>
      </c>
      <c r="CT23" s="61">
        <v>28</v>
      </c>
      <c r="CU23" s="61">
        <v>19</v>
      </c>
      <c r="CV23" s="62">
        <v>186</v>
      </c>
      <c r="CW23" s="63">
        <v>273</v>
      </c>
      <c r="CX23" s="113">
        <v>15</v>
      </c>
      <c r="CY23" s="72">
        <v>14</v>
      </c>
      <c r="CZ23" s="73">
        <v>29</v>
      </c>
      <c r="DA23" s="443">
        <v>0</v>
      </c>
      <c r="DB23" s="72">
        <v>27</v>
      </c>
      <c r="DC23" s="72">
        <v>20</v>
      </c>
      <c r="DD23" s="72">
        <v>7</v>
      </c>
      <c r="DE23" s="72">
        <v>14</v>
      </c>
      <c r="DF23" s="72">
        <v>5</v>
      </c>
      <c r="DG23" s="74">
        <v>73</v>
      </c>
      <c r="DH23" s="75">
        <v>102</v>
      </c>
      <c r="DI23" s="60">
        <v>1</v>
      </c>
      <c r="DJ23" s="61">
        <v>0</v>
      </c>
      <c r="DK23" s="62">
        <v>1</v>
      </c>
      <c r="DL23" s="443">
        <v>0</v>
      </c>
      <c r="DM23" s="61">
        <v>1</v>
      </c>
      <c r="DN23" s="61">
        <v>1</v>
      </c>
      <c r="DO23" s="61">
        <v>0</v>
      </c>
      <c r="DP23" s="61">
        <v>0</v>
      </c>
      <c r="DQ23" s="61">
        <v>1</v>
      </c>
      <c r="DR23" s="62">
        <v>3</v>
      </c>
      <c r="DS23" s="63">
        <v>4</v>
      </c>
      <c r="DT23" s="60">
        <v>2</v>
      </c>
      <c r="DU23" s="61">
        <v>0</v>
      </c>
      <c r="DV23" s="62">
        <v>2</v>
      </c>
      <c r="DW23" s="443">
        <v>0</v>
      </c>
      <c r="DX23" s="61">
        <v>1</v>
      </c>
      <c r="DY23" s="61">
        <v>0</v>
      </c>
      <c r="DZ23" s="61">
        <v>0</v>
      </c>
      <c r="EA23" s="61">
        <v>0</v>
      </c>
      <c r="EB23" s="61">
        <v>0</v>
      </c>
      <c r="EC23" s="62">
        <v>1</v>
      </c>
      <c r="ED23" s="63">
        <v>3</v>
      </c>
      <c r="EE23" s="60">
        <v>1</v>
      </c>
      <c r="EF23" s="61">
        <v>3</v>
      </c>
      <c r="EG23" s="62">
        <v>4</v>
      </c>
      <c r="EH23" s="443">
        <v>0</v>
      </c>
      <c r="EI23" s="61">
        <v>2</v>
      </c>
      <c r="EJ23" s="61">
        <v>4</v>
      </c>
      <c r="EK23" s="61">
        <v>1</v>
      </c>
      <c r="EL23" s="61">
        <v>2</v>
      </c>
      <c r="EM23" s="61">
        <v>0</v>
      </c>
      <c r="EN23" s="62">
        <v>9</v>
      </c>
      <c r="EO23" s="63">
        <v>13</v>
      </c>
      <c r="EP23" s="60">
        <v>4</v>
      </c>
      <c r="EQ23" s="61">
        <v>4</v>
      </c>
      <c r="ER23" s="62">
        <v>8</v>
      </c>
      <c r="ES23" s="443">
        <v>0</v>
      </c>
      <c r="ET23" s="61">
        <v>7</v>
      </c>
      <c r="EU23" s="61">
        <v>4</v>
      </c>
      <c r="EV23" s="61">
        <v>2</v>
      </c>
      <c r="EW23" s="61">
        <v>2</v>
      </c>
      <c r="EX23" s="61">
        <v>1</v>
      </c>
      <c r="EY23" s="62">
        <v>16</v>
      </c>
      <c r="EZ23" s="63">
        <v>24</v>
      </c>
      <c r="FA23" s="60">
        <v>6</v>
      </c>
      <c r="FB23" s="61">
        <v>2</v>
      </c>
      <c r="FC23" s="62">
        <v>8</v>
      </c>
      <c r="FD23" s="443">
        <v>0</v>
      </c>
      <c r="FE23" s="61">
        <v>6</v>
      </c>
      <c r="FF23" s="61">
        <v>5</v>
      </c>
      <c r="FG23" s="61">
        <v>1</v>
      </c>
      <c r="FH23" s="61">
        <v>3</v>
      </c>
      <c r="FI23" s="61">
        <v>0</v>
      </c>
      <c r="FJ23" s="62">
        <v>15</v>
      </c>
      <c r="FK23" s="63">
        <v>23</v>
      </c>
      <c r="FL23" s="60">
        <v>1</v>
      </c>
      <c r="FM23" s="61">
        <v>5</v>
      </c>
      <c r="FN23" s="62">
        <v>6</v>
      </c>
      <c r="FO23" s="443">
        <v>0</v>
      </c>
      <c r="FP23" s="61">
        <v>10</v>
      </c>
      <c r="FQ23" s="61">
        <v>6</v>
      </c>
      <c r="FR23" s="61">
        <v>3</v>
      </c>
      <c r="FS23" s="61">
        <v>7</v>
      </c>
      <c r="FT23" s="61">
        <v>3</v>
      </c>
      <c r="FU23" s="62">
        <v>29</v>
      </c>
      <c r="FV23" s="63">
        <v>35</v>
      </c>
      <c r="FW23" s="60">
        <v>0</v>
      </c>
      <c r="FX23" s="61">
        <v>0</v>
      </c>
      <c r="FY23" s="62">
        <v>0</v>
      </c>
      <c r="FZ23" s="443">
        <v>0</v>
      </c>
      <c r="GA23" s="61">
        <v>0</v>
      </c>
      <c r="GB23" s="61">
        <v>0</v>
      </c>
      <c r="GC23" s="61">
        <v>0</v>
      </c>
      <c r="GD23" s="61">
        <v>0</v>
      </c>
      <c r="GE23" s="61">
        <v>0</v>
      </c>
      <c r="GF23" s="62">
        <v>0</v>
      </c>
      <c r="GG23" s="63">
        <v>0</v>
      </c>
      <c r="GH23" s="60">
        <v>15</v>
      </c>
      <c r="GI23" s="61">
        <v>14</v>
      </c>
      <c r="GJ23" s="62">
        <v>29</v>
      </c>
      <c r="GK23" s="443">
        <v>0</v>
      </c>
      <c r="GL23" s="61">
        <v>27</v>
      </c>
      <c r="GM23" s="61">
        <v>20</v>
      </c>
      <c r="GN23" s="61">
        <v>7</v>
      </c>
      <c r="GO23" s="61">
        <v>14</v>
      </c>
      <c r="GP23" s="61">
        <v>5</v>
      </c>
      <c r="GQ23" s="62">
        <v>73</v>
      </c>
      <c r="GR23" s="63">
        <v>102</v>
      </c>
      <c r="GS23" s="113">
        <v>48</v>
      </c>
      <c r="GT23" s="72">
        <v>68</v>
      </c>
      <c r="GU23" s="73">
        <v>116</v>
      </c>
      <c r="GV23" s="443">
        <v>0</v>
      </c>
      <c r="GW23" s="72">
        <v>87</v>
      </c>
      <c r="GX23" s="72">
        <v>68</v>
      </c>
      <c r="GY23" s="72">
        <v>38</v>
      </c>
      <c r="GZ23" s="72">
        <v>42</v>
      </c>
      <c r="HA23" s="72">
        <v>24</v>
      </c>
      <c r="HB23" s="74">
        <v>259</v>
      </c>
      <c r="HC23" s="75">
        <v>375</v>
      </c>
      <c r="HD23" s="60">
        <v>2</v>
      </c>
      <c r="HE23" s="61">
        <v>1</v>
      </c>
      <c r="HF23" s="62">
        <v>3</v>
      </c>
      <c r="HG23" s="443">
        <v>0</v>
      </c>
      <c r="HH23" s="61">
        <v>4</v>
      </c>
      <c r="HI23" s="61">
        <v>2</v>
      </c>
      <c r="HJ23" s="61">
        <v>0</v>
      </c>
      <c r="HK23" s="61">
        <v>0</v>
      </c>
      <c r="HL23" s="61">
        <v>1</v>
      </c>
      <c r="HM23" s="62">
        <v>7</v>
      </c>
      <c r="HN23" s="63">
        <v>10</v>
      </c>
      <c r="HO23" s="60">
        <v>6</v>
      </c>
      <c r="HP23" s="61">
        <v>3</v>
      </c>
      <c r="HQ23" s="62">
        <v>9</v>
      </c>
      <c r="HR23" s="443">
        <v>0</v>
      </c>
      <c r="HS23" s="61">
        <v>10</v>
      </c>
      <c r="HT23" s="61">
        <v>4</v>
      </c>
      <c r="HU23" s="61">
        <v>4</v>
      </c>
      <c r="HV23" s="61">
        <v>3</v>
      </c>
      <c r="HW23" s="61">
        <v>1</v>
      </c>
      <c r="HX23" s="62">
        <v>22</v>
      </c>
      <c r="HY23" s="63">
        <v>31</v>
      </c>
      <c r="HZ23" s="60">
        <v>8</v>
      </c>
      <c r="IA23" s="61">
        <v>9</v>
      </c>
      <c r="IB23" s="62">
        <v>17</v>
      </c>
      <c r="IC23" s="443">
        <v>0</v>
      </c>
      <c r="ID23" s="61">
        <v>8</v>
      </c>
      <c r="IE23" s="61">
        <v>8</v>
      </c>
      <c r="IF23" s="61">
        <v>6</v>
      </c>
      <c r="IG23" s="61">
        <v>6</v>
      </c>
      <c r="IH23" s="61">
        <v>4</v>
      </c>
      <c r="II23" s="62">
        <v>32</v>
      </c>
      <c r="IJ23" s="63">
        <v>49</v>
      </c>
      <c r="IK23" s="60">
        <v>14</v>
      </c>
      <c r="IL23" s="61">
        <v>18</v>
      </c>
      <c r="IM23" s="62">
        <v>32</v>
      </c>
      <c r="IN23" s="443">
        <v>0</v>
      </c>
      <c r="IO23" s="61">
        <v>26</v>
      </c>
      <c r="IP23" s="61">
        <v>16</v>
      </c>
      <c r="IQ23" s="61">
        <v>14</v>
      </c>
      <c r="IR23" s="61">
        <v>9</v>
      </c>
      <c r="IS23" s="61">
        <v>5</v>
      </c>
      <c r="IT23" s="62">
        <v>70</v>
      </c>
      <c r="IU23" s="63">
        <v>102</v>
      </c>
      <c r="IV23" s="60">
        <v>12</v>
      </c>
      <c r="IW23" s="61">
        <v>21</v>
      </c>
      <c r="IX23" s="62">
        <v>33</v>
      </c>
      <c r="IY23" s="443">
        <v>0</v>
      </c>
      <c r="IZ23" s="61">
        <v>22</v>
      </c>
      <c r="JA23" s="61">
        <v>19</v>
      </c>
      <c r="JB23" s="61">
        <v>7</v>
      </c>
      <c r="JC23" s="61">
        <v>10</v>
      </c>
      <c r="JD23" s="61">
        <v>6</v>
      </c>
      <c r="JE23" s="62">
        <v>64</v>
      </c>
      <c r="JF23" s="63">
        <v>97</v>
      </c>
      <c r="JG23" s="60">
        <v>6</v>
      </c>
      <c r="JH23" s="61">
        <v>16</v>
      </c>
      <c r="JI23" s="62">
        <v>22</v>
      </c>
      <c r="JJ23" s="443">
        <v>0</v>
      </c>
      <c r="JK23" s="61">
        <v>17</v>
      </c>
      <c r="JL23" s="61">
        <v>19</v>
      </c>
      <c r="JM23" s="61">
        <v>7</v>
      </c>
      <c r="JN23" s="61">
        <v>14</v>
      </c>
      <c r="JO23" s="61">
        <v>7</v>
      </c>
      <c r="JP23" s="62">
        <v>64</v>
      </c>
      <c r="JQ23" s="63">
        <v>86</v>
      </c>
      <c r="JR23" s="60">
        <v>0</v>
      </c>
      <c r="JS23" s="61">
        <v>0</v>
      </c>
      <c r="JT23" s="62">
        <v>0</v>
      </c>
      <c r="JU23" s="443">
        <v>0</v>
      </c>
      <c r="JV23" s="61">
        <v>0</v>
      </c>
      <c r="JW23" s="61">
        <v>0</v>
      </c>
      <c r="JX23" s="61">
        <v>0</v>
      </c>
      <c r="JY23" s="61">
        <v>0</v>
      </c>
      <c r="JZ23" s="61">
        <v>0</v>
      </c>
      <c r="KA23" s="62">
        <v>0</v>
      </c>
      <c r="KB23" s="63">
        <v>0</v>
      </c>
      <c r="KC23" s="60">
        <v>48</v>
      </c>
      <c r="KD23" s="61">
        <v>68</v>
      </c>
      <c r="KE23" s="62">
        <v>116</v>
      </c>
      <c r="KF23" s="443">
        <v>0</v>
      </c>
      <c r="KG23" s="61">
        <v>87</v>
      </c>
      <c r="KH23" s="61">
        <v>68</v>
      </c>
      <c r="KI23" s="61">
        <v>38</v>
      </c>
      <c r="KJ23" s="61">
        <v>42</v>
      </c>
      <c r="KK23" s="61">
        <v>24</v>
      </c>
      <c r="KL23" s="62">
        <v>259</v>
      </c>
      <c r="KM23" s="63">
        <v>375</v>
      </c>
    </row>
    <row r="24" spans="2:299" ht="21" customHeight="1" x14ac:dyDescent="0.2">
      <c r="B24" s="437" t="s">
        <v>21</v>
      </c>
      <c r="C24" s="287">
        <v>31</v>
      </c>
      <c r="D24" s="72">
        <v>34</v>
      </c>
      <c r="E24" s="73">
        <v>65</v>
      </c>
      <c r="F24" s="443">
        <v>0</v>
      </c>
      <c r="G24" s="72">
        <v>47</v>
      </c>
      <c r="H24" s="72">
        <v>30</v>
      </c>
      <c r="I24" s="72">
        <v>27</v>
      </c>
      <c r="J24" s="72">
        <v>22</v>
      </c>
      <c r="K24" s="72">
        <v>13</v>
      </c>
      <c r="L24" s="74">
        <v>139</v>
      </c>
      <c r="M24" s="75">
        <v>204</v>
      </c>
      <c r="N24" s="60">
        <v>1</v>
      </c>
      <c r="O24" s="61">
        <v>2</v>
      </c>
      <c r="P24" s="62">
        <v>3</v>
      </c>
      <c r="Q24" s="443">
        <v>0</v>
      </c>
      <c r="R24" s="61">
        <v>1</v>
      </c>
      <c r="S24" s="61">
        <v>0</v>
      </c>
      <c r="T24" s="61">
        <v>3</v>
      </c>
      <c r="U24" s="61">
        <v>2</v>
      </c>
      <c r="V24" s="61">
        <v>2</v>
      </c>
      <c r="W24" s="62">
        <v>8</v>
      </c>
      <c r="X24" s="63">
        <v>11</v>
      </c>
      <c r="Y24" s="60">
        <v>4</v>
      </c>
      <c r="Z24" s="61">
        <v>4</v>
      </c>
      <c r="AA24" s="62">
        <v>8</v>
      </c>
      <c r="AB24" s="443">
        <v>0</v>
      </c>
      <c r="AC24" s="61">
        <v>6</v>
      </c>
      <c r="AD24" s="61">
        <v>6</v>
      </c>
      <c r="AE24" s="61">
        <v>2</v>
      </c>
      <c r="AF24" s="61">
        <v>3</v>
      </c>
      <c r="AG24" s="61">
        <v>1</v>
      </c>
      <c r="AH24" s="62">
        <v>18</v>
      </c>
      <c r="AI24" s="63">
        <v>26</v>
      </c>
      <c r="AJ24" s="60">
        <v>2</v>
      </c>
      <c r="AK24" s="61">
        <v>6</v>
      </c>
      <c r="AL24" s="62">
        <v>8</v>
      </c>
      <c r="AM24" s="443">
        <v>0</v>
      </c>
      <c r="AN24" s="61">
        <v>7</v>
      </c>
      <c r="AO24" s="61">
        <v>4</v>
      </c>
      <c r="AP24" s="61">
        <v>3</v>
      </c>
      <c r="AQ24" s="61">
        <v>2</v>
      </c>
      <c r="AR24" s="61">
        <v>1</v>
      </c>
      <c r="AS24" s="62">
        <v>17</v>
      </c>
      <c r="AT24" s="63">
        <v>25</v>
      </c>
      <c r="AU24" s="60">
        <v>5</v>
      </c>
      <c r="AV24" s="61">
        <v>8</v>
      </c>
      <c r="AW24" s="62">
        <v>13</v>
      </c>
      <c r="AX24" s="443">
        <v>0</v>
      </c>
      <c r="AY24" s="61">
        <v>12</v>
      </c>
      <c r="AZ24" s="61">
        <v>5</v>
      </c>
      <c r="BA24" s="61">
        <v>5</v>
      </c>
      <c r="BB24" s="61">
        <v>8</v>
      </c>
      <c r="BC24" s="61">
        <v>2</v>
      </c>
      <c r="BD24" s="62">
        <v>32</v>
      </c>
      <c r="BE24" s="63">
        <v>45</v>
      </c>
      <c r="BF24" s="60">
        <v>14</v>
      </c>
      <c r="BG24" s="61">
        <v>7</v>
      </c>
      <c r="BH24" s="62">
        <v>21</v>
      </c>
      <c r="BI24" s="443">
        <v>0</v>
      </c>
      <c r="BJ24" s="61">
        <v>15</v>
      </c>
      <c r="BK24" s="61">
        <v>9</v>
      </c>
      <c r="BL24" s="61">
        <v>5</v>
      </c>
      <c r="BM24" s="61">
        <v>6</v>
      </c>
      <c r="BN24" s="61">
        <v>3</v>
      </c>
      <c r="BO24" s="62">
        <v>38</v>
      </c>
      <c r="BP24" s="63">
        <v>59</v>
      </c>
      <c r="BQ24" s="60">
        <v>5</v>
      </c>
      <c r="BR24" s="61">
        <v>7</v>
      </c>
      <c r="BS24" s="62">
        <v>12</v>
      </c>
      <c r="BT24" s="443">
        <v>0</v>
      </c>
      <c r="BU24" s="61">
        <v>6</v>
      </c>
      <c r="BV24" s="61">
        <v>6</v>
      </c>
      <c r="BW24" s="61">
        <v>9</v>
      </c>
      <c r="BX24" s="61">
        <v>1</v>
      </c>
      <c r="BY24" s="61">
        <v>4</v>
      </c>
      <c r="BZ24" s="62">
        <v>26</v>
      </c>
      <c r="CA24" s="63">
        <v>38</v>
      </c>
      <c r="CB24" s="60">
        <v>0</v>
      </c>
      <c r="CC24" s="61">
        <v>0</v>
      </c>
      <c r="CD24" s="62">
        <v>0</v>
      </c>
      <c r="CE24" s="443">
        <v>0</v>
      </c>
      <c r="CF24" s="61">
        <v>0</v>
      </c>
      <c r="CG24" s="61">
        <v>0</v>
      </c>
      <c r="CH24" s="61">
        <v>0</v>
      </c>
      <c r="CI24" s="61">
        <v>0</v>
      </c>
      <c r="CJ24" s="61">
        <v>0</v>
      </c>
      <c r="CK24" s="62">
        <v>0</v>
      </c>
      <c r="CL24" s="63">
        <v>0</v>
      </c>
      <c r="CM24" s="60">
        <v>31</v>
      </c>
      <c r="CN24" s="61">
        <v>34</v>
      </c>
      <c r="CO24" s="62">
        <v>65</v>
      </c>
      <c r="CP24" s="443">
        <v>0</v>
      </c>
      <c r="CQ24" s="61">
        <v>47</v>
      </c>
      <c r="CR24" s="61">
        <v>30</v>
      </c>
      <c r="CS24" s="61">
        <v>27</v>
      </c>
      <c r="CT24" s="61">
        <v>22</v>
      </c>
      <c r="CU24" s="61">
        <v>13</v>
      </c>
      <c r="CV24" s="62">
        <v>139</v>
      </c>
      <c r="CW24" s="63">
        <v>204</v>
      </c>
      <c r="CX24" s="113">
        <v>11</v>
      </c>
      <c r="CY24" s="72">
        <v>9</v>
      </c>
      <c r="CZ24" s="73">
        <v>20</v>
      </c>
      <c r="DA24" s="443">
        <v>0</v>
      </c>
      <c r="DB24" s="72">
        <v>14</v>
      </c>
      <c r="DC24" s="72">
        <v>13</v>
      </c>
      <c r="DD24" s="72">
        <v>10</v>
      </c>
      <c r="DE24" s="72">
        <v>11</v>
      </c>
      <c r="DF24" s="72">
        <v>4</v>
      </c>
      <c r="DG24" s="74">
        <v>52</v>
      </c>
      <c r="DH24" s="75">
        <v>72</v>
      </c>
      <c r="DI24" s="60">
        <v>0</v>
      </c>
      <c r="DJ24" s="61">
        <v>0</v>
      </c>
      <c r="DK24" s="62">
        <v>0</v>
      </c>
      <c r="DL24" s="443">
        <v>0</v>
      </c>
      <c r="DM24" s="61">
        <v>0</v>
      </c>
      <c r="DN24" s="61">
        <v>0</v>
      </c>
      <c r="DO24" s="61">
        <v>0</v>
      </c>
      <c r="DP24" s="61">
        <v>0</v>
      </c>
      <c r="DQ24" s="61">
        <v>0</v>
      </c>
      <c r="DR24" s="62">
        <v>0</v>
      </c>
      <c r="DS24" s="63">
        <v>0</v>
      </c>
      <c r="DT24" s="60">
        <v>1</v>
      </c>
      <c r="DU24" s="61">
        <v>1</v>
      </c>
      <c r="DV24" s="62">
        <v>2</v>
      </c>
      <c r="DW24" s="443">
        <v>0</v>
      </c>
      <c r="DX24" s="61">
        <v>1</v>
      </c>
      <c r="DY24" s="61">
        <v>2</v>
      </c>
      <c r="DZ24" s="61">
        <v>0</v>
      </c>
      <c r="EA24" s="61">
        <v>0</v>
      </c>
      <c r="EB24" s="61">
        <v>1</v>
      </c>
      <c r="EC24" s="62">
        <v>4</v>
      </c>
      <c r="ED24" s="63">
        <v>6</v>
      </c>
      <c r="EE24" s="60">
        <v>0</v>
      </c>
      <c r="EF24" s="61">
        <v>1</v>
      </c>
      <c r="EG24" s="62">
        <v>1</v>
      </c>
      <c r="EH24" s="443">
        <v>0</v>
      </c>
      <c r="EI24" s="61">
        <v>2</v>
      </c>
      <c r="EJ24" s="61">
        <v>1</v>
      </c>
      <c r="EK24" s="61">
        <v>0</v>
      </c>
      <c r="EL24" s="61">
        <v>0</v>
      </c>
      <c r="EM24" s="61">
        <v>0</v>
      </c>
      <c r="EN24" s="62">
        <v>3</v>
      </c>
      <c r="EO24" s="63">
        <v>4</v>
      </c>
      <c r="EP24" s="60">
        <v>6</v>
      </c>
      <c r="EQ24" s="61">
        <v>4</v>
      </c>
      <c r="ER24" s="62">
        <v>10</v>
      </c>
      <c r="ES24" s="443">
        <v>0</v>
      </c>
      <c r="ET24" s="61">
        <v>1</v>
      </c>
      <c r="EU24" s="61">
        <v>2</v>
      </c>
      <c r="EV24" s="61">
        <v>1</v>
      </c>
      <c r="EW24" s="61">
        <v>3</v>
      </c>
      <c r="EX24" s="61">
        <v>0</v>
      </c>
      <c r="EY24" s="62">
        <v>7</v>
      </c>
      <c r="EZ24" s="63">
        <v>17</v>
      </c>
      <c r="FA24" s="60">
        <v>1</v>
      </c>
      <c r="FB24" s="61">
        <v>3</v>
      </c>
      <c r="FC24" s="62">
        <v>4</v>
      </c>
      <c r="FD24" s="443">
        <v>0</v>
      </c>
      <c r="FE24" s="61">
        <v>2</v>
      </c>
      <c r="FF24" s="61">
        <v>4</v>
      </c>
      <c r="FG24" s="61">
        <v>5</v>
      </c>
      <c r="FH24" s="61">
        <v>3</v>
      </c>
      <c r="FI24" s="61">
        <v>3</v>
      </c>
      <c r="FJ24" s="62">
        <v>17</v>
      </c>
      <c r="FK24" s="63">
        <v>21</v>
      </c>
      <c r="FL24" s="60">
        <v>3</v>
      </c>
      <c r="FM24" s="61">
        <v>0</v>
      </c>
      <c r="FN24" s="62">
        <v>3</v>
      </c>
      <c r="FO24" s="443">
        <v>0</v>
      </c>
      <c r="FP24" s="61">
        <v>8</v>
      </c>
      <c r="FQ24" s="61">
        <v>4</v>
      </c>
      <c r="FR24" s="61">
        <v>4</v>
      </c>
      <c r="FS24" s="61">
        <v>5</v>
      </c>
      <c r="FT24" s="61">
        <v>0</v>
      </c>
      <c r="FU24" s="62">
        <v>21</v>
      </c>
      <c r="FV24" s="63">
        <v>24</v>
      </c>
      <c r="FW24" s="60">
        <v>0</v>
      </c>
      <c r="FX24" s="61">
        <v>0</v>
      </c>
      <c r="FY24" s="62">
        <v>0</v>
      </c>
      <c r="FZ24" s="443">
        <v>0</v>
      </c>
      <c r="GA24" s="61">
        <v>0</v>
      </c>
      <c r="GB24" s="61">
        <v>0</v>
      </c>
      <c r="GC24" s="61">
        <v>0</v>
      </c>
      <c r="GD24" s="61">
        <v>0</v>
      </c>
      <c r="GE24" s="61">
        <v>0</v>
      </c>
      <c r="GF24" s="62">
        <v>0</v>
      </c>
      <c r="GG24" s="63">
        <v>0</v>
      </c>
      <c r="GH24" s="60">
        <v>11</v>
      </c>
      <c r="GI24" s="61">
        <v>9</v>
      </c>
      <c r="GJ24" s="62">
        <v>20</v>
      </c>
      <c r="GK24" s="443">
        <v>0</v>
      </c>
      <c r="GL24" s="61">
        <v>14</v>
      </c>
      <c r="GM24" s="61">
        <v>13</v>
      </c>
      <c r="GN24" s="61">
        <v>10</v>
      </c>
      <c r="GO24" s="61">
        <v>11</v>
      </c>
      <c r="GP24" s="61">
        <v>4</v>
      </c>
      <c r="GQ24" s="62">
        <v>52</v>
      </c>
      <c r="GR24" s="63">
        <v>72</v>
      </c>
      <c r="GS24" s="113">
        <v>42</v>
      </c>
      <c r="GT24" s="72">
        <v>43</v>
      </c>
      <c r="GU24" s="73">
        <v>85</v>
      </c>
      <c r="GV24" s="443">
        <v>0</v>
      </c>
      <c r="GW24" s="72">
        <v>61</v>
      </c>
      <c r="GX24" s="72">
        <v>43</v>
      </c>
      <c r="GY24" s="72">
        <v>37</v>
      </c>
      <c r="GZ24" s="72">
        <v>33</v>
      </c>
      <c r="HA24" s="72">
        <v>17</v>
      </c>
      <c r="HB24" s="74">
        <v>191</v>
      </c>
      <c r="HC24" s="75">
        <v>276</v>
      </c>
      <c r="HD24" s="60">
        <v>1</v>
      </c>
      <c r="HE24" s="61">
        <v>2</v>
      </c>
      <c r="HF24" s="62">
        <v>3</v>
      </c>
      <c r="HG24" s="443">
        <v>0</v>
      </c>
      <c r="HH24" s="61">
        <v>1</v>
      </c>
      <c r="HI24" s="61">
        <v>0</v>
      </c>
      <c r="HJ24" s="61">
        <v>3</v>
      </c>
      <c r="HK24" s="61">
        <v>2</v>
      </c>
      <c r="HL24" s="61">
        <v>2</v>
      </c>
      <c r="HM24" s="62">
        <v>8</v>
      </c>
      <c r="HN24" s="63">
        <v>11</v>
      </c>
      <c r="HO24" s="60">
        <v>5</v>
      </c>
      <c r="HP24" s="61">
        <v>5</v>
      </c>
      <c r="HQ24" s="62">
        <v>10</v>
      </c>
      <c r="HR24" s="443">
        <v>0</v>
      </c>
      <c r="HS24" s="61">
        <v>7</v>
      </c>
      <c r="HT24" s="61">
        <v>8</v>
      </c>
      <c r="HU24" s="61">
        <v>2</v>
      </c>
      <c r="HV24" s="61">
        <v>3</v>
      </c>
      <c r="HW24" s="61">
        <v>2</v>
      </c>
      <c r="HX24" s="62">
        <v>22</v>
      </c>
      <c r="HY24" s="63">
        <v>32</v>
      </c>
      <c r="HZ24" s="60">
        <v>2</v>
      </c>
      <c r="IA24" s="61">
        <v>7</v>
      </c>
      <c r="IB24" s="62">
        <v>9</v>
      </c>
      <c r="IC24" s="443">
        <v>0</v>
      </c>
      <c r="ID24" s="61">
        <v>9</v>
      </c>
      <c r="IE24" s="61">
        <v>5</v>
      </c>
      <c r="IF24" s="61">
        <v>3</v>
      </c>
      <c r="IG24" s="61">
        <v>2</v>
      </c>
      <c r="IH24" s="61">
        <v>1</v>
      </c>
      <c r="II24" s="62">
        <v>20</v>
      </c>
      <c r="IJ24" s="63">
        <v>29</v>
      </c>
      <c r="IK24" s="60">
        <v>11</v>
      </c>
      <c r="IL24" s="61">
        <v>12</v>
      </c>
      <c r="IM24" s="62">
        <v>23</v>
      </c>
      <c r="IN24" s="443">
        <v>0</v>
      </c>
      <c r="IO24" s="61">
        <v>13</v>
      </c>
      <c r="IP24" s="61">
        <v>7</v>
      </c>
      <c r="IQ24" s="61">
        <v>6</v>
      </c>
      <c r="IR24" s="61">
        <v>11</v>
      </c>
      <c r="IS24" s="61">
        <v>2</v>
      </c>
      <c r="IT24" s="62">
        <v>39</v>
      </c>
      <c r="IU24" s="63">
        <v>62</v>
      </c>
      <c r="IV24" s="60">
        <v>15</v>
      </c>
      <c r="IW24" s="61">
        <v>10</v>
      </c>
      <c r="IX24" s="62">
        <v>25</v>
      </c>
      <c r="IY24" s="443">
        <v>0</v>
      </c>
      <c r="IZ24" s="61">
        <v>17</v>
      </c>
      <c r="JA24" s="61">
        <v>13</v>
      </c>
      <c r="JB24" s="61">
        <v>10</v>
      </c>
      <c r="JC24" s="61">
        <v>9</v>
      </c>
      <c r="JD24" s="61">
        <v>6</v>
      </c>
      <c r="JE24" s="62">
        <v>55</v>
      </c>
      <c r="JF24" s="63">
        <v>80</v>
      </c>
      <c r="JG24" s="60">
        <v>8</v>
      </c>
      <c r="JH24" s="61">
        <v>7</v>
      </c>
      <c r="JI24" s="62">
        <v>15</v>
      </c>
      <c r="JJ24" s="443">
        <v>0</v>
      </c>
      <c r="JK24" s="61">
        <v>14</v>
      </c>
      <c r="JL24" s="61">
        <v>10</v>
      </c>
      <c r="JM24" s="61">
        <v>13</v>
      </c>
      <c r="JN24" s="61">
        <v>6</v>
      </c>
      <c r="JO24" s="61">
        <v>4</v>
      </c>
      <c r="JP24" s="62">
        <v>47</v>
      </c>
      <c r="JQ24" s="63">
        <v>62</v>
      </c>
      <c r="JR24" s="60">
        <v>0</v>
      </c>
      <c r="JS24" s="61">
        <v>0</v>
      </c>
      <c r="JT24" s="62">
        <v>0</v>
      </c>
      <c r="JU24" s="443">
        <v>0</v>
      </c>
      <c r="JV24" s="61">
        <v>0</v>
      </c>
      <c r="JW24" s="61">
        <v>0</v>
      </c>
      <c r="JX24" s="61">
        <v>0</v>
      </c>
      <c r="JY24" s="61">
        <v>0</v>
      </c>
      <c r="JZ24" s="61">
        <v>0</v>
      </c>
      <c r="KA24" s="62">
        <v>0</v>
      </c>
      <c r="KB24" s="63">
        <v>0</v>
      </c>
      <c r="KC24" s="60">
        <v>42</v>
      </c>
      <c r="KD24" s="61">
        <v>43</v>
      </c>
      <c r="KE24" s="62">
        <v>85</v>
      </c>
      <c r="KF24" s="443">
        <v>0</v>
      </c>
      <c r="KG24" s="61">
        <v>61</v>
      </c>
      <c r="KH24" s="61">
        <v>43</v>
      </c>
      <c r="KI24" s="61">
        <v>37</v>
      </c>
      <c r="KJ24" s="61">
        <v>33</v>
      </c>
      <c r="KK24" s="61">
        <v>17</v>
      </c>
      <c r="KL24" s="62">
        <v>191</v>
      </c>
      <c r="KM24" s="63">
        <v>276</v>
      </c>
    </row>
    <row r="25" spans="2:299" ht="21" customHeight="1" x14ac:dyDescent="0.2">
      <c r="B25" s="437" t="s">
        <v>22</v>
      </c>
      <c r="C25" s="287">
        <v>13</v>
      </c>
      <c r="D25" s="72">
        <v>9</v>
      </c>
      <c r="E25" s="73">
        <v>22</v>
      </c>
      <c r="F25" s="443">
        <v>0</v>
      </c>
      <c r="G25" s="72">
        <v>23</v>
      </c>
      <c r="H25" s="72">
        <v>25</v>
      </c>
      <c r="I25" s="72">
        <v>10</v>
      </c>
      <c r="J25" s="72">
        <v>9</v>
      </c>
      <c r="K25" s="72">
        <v>7</v>
      </c>
      <c r="L25" s="74">
        <v>74</v>
      </c>
      <c r="M25" s="75">
        <v>96</v>
      </c>
      <c r="N25" s="60">
        <v>0</v>
      </c>
      <c r="O25" s="61">
        <v>0</v>
      </c>
      <c r="P25" s="62">
        <v>0</v>
      </c>
      <c r="Q25" s="443">
        <v>0</v>
      </c>
      <c r="R25" s="61">
        <v>0</v>
      </c>
      <c r="S25" s="61">
        <v>0</v>
      </c>
      <c r="T25" s="61">
        <v>0</v>
      </c>
      <c r="U25" s="61">
        <v>1</v>
      </c>
      <c r="V25" s="61">
        <v>0</v>
      </c>
      <c r="W25" s="62">
        <v>1</v>
      </c>
      <c r="X25" s="63">
        <v>1</v>
      </c>
      <c r="Y25" s="60">
        <v>2</v>
      </c>
      <c r="Z25" s="61">
        <v>1</v>
      </c>
      <c r="AA25" s="62">
        <v>3</v>
      </c>
      <c r="AB25" s="443">
        <v>0</v>
      </c>
      <c r="AC25" s="61">
        <v>2</v>
      </c>
      <c r="AD25" s="61">
        <v>1</v>
      </c>
      <c r="AE25" s="61">
        <v>1</v>
      </c>
      <c r="AF25" s="61">
        <v>0</v>
      </c>
      <c r="AG25" s="61">
        <v>2</v>
      </c>
      <c r="AH25" s="62">
        <v>6</v>
      </c>
      <c r="AI25" s="63">
        <v>9</v>
      </c>
      <c r="AJ25" s="60">
        <v>0</v>
      </c>
      <c r="AK25" s="61">
        <v>0</v>
      </c>
      <c r="AL25" s="62">
        <v>0</v>
      </c>
      <c r="AM25" s="443">
        <v>0</v>
      </c>
      <c r="AN25" s="61">
        <v>3</v>
      </c>
      <c r="AO25" s="61">
        <v>1</v>
      </c>
      <c r="AP25" s="61">
        <v>1</v>
      </c>
      <c r="AQ25" s="61">
        <v>1</v>
      </c>
      <c r="AR25" s="61">
        <v>1</v>
      </c>
      <c r="AS25" s="62">
        <v>7</v>
      </c>
      <c r="AT25" s="63">
        <v>7</v>
      </c>
      <c r="AU25" s="60">
        <v>9</v>
      </c>
      <c r="AV25" s="61">
        <v>4</v>
      </c>
      <c r="AW25" s="62">
        <v>13</v>
      </c>
      <c r="AX25" s="443">
        <v>0</v>
      </c>
      <c r="AY25" s="61">
        <v>6</v>
      </c>
      <c r="AZ25" s="61">
        <v>8</v>
      </c>
      <c r="BA25" s="61">
        <v>2</v>
      </c>
      <c r="BB25" s="61">
        <v>3</v>
      </c>
      <c r="BC25" s="61">
        <v>2</v>
      </c>
      <c r="BD25" s="62">
        <v>21</v>
      </c>
      <c r="BE25" s="63">
        <v>34</v>
      </c>
      <c r="BF25" s="60">
        <v>1</v>
      </c>
      <c r="BG25" s="61">
        <v>1</v>
      </c>
      <c r="BH25" s="62">
        <v>2</v>
      </c>
      <c r="BI25" s="443">
        <v>0</v>
      </c>
      <c r="BJ25" s="61">
        <v>4</v>
      </c>
      <c r="BK25" s="61">
        <v>6</v>
      </c>
      <c r="BL25" s="61">
        <v>3</v>
      </c>
      <c r="BM25" s="61">
        <v>1</v>
      </c>
      <c r="BN25" s="61">
        <v>1</v>
      </c>
      <c r="BO25" s="62">
        <v>15</v>
      </c>
      <c r="BP25" s="63">
        <v>17</v>
      </c>
      <c r="BQ25" s="60">
        <v>1</v>
      </c>
      <c r="BR25" s="61">
        <v>3</v>
      </c>
      <c r="BS25" s="62">
        <v>4</v>
      </c>
      <c r="BT25" s="443">
        <v>0</v>
      </c>
      <c r="BU25" s="61">
        <v>8</v>
      </c>
      <c r="BV25" s="61">
        <v>9</v>
      </c>
      <c r="BW25" s="61">
        <v>3</v>
      </c>
      <c r="BX25" s="61">
        <v>3</v>
      </c>
      <c r="BY25" s="61">
        <v>1</v>
      </c>
      <c r="BZ25" s="62">
        <v>24</v>
      </c>
      <c r="CA25" s="63">
        <v>28</v>
      </c>
      <c r="CB25" s="60">
        <v>0</v>
      </c>
      <c r="CC25" s="61">
        <v>0</v>
      </c>
      <c r="CD25" s="62">
        <v>0</v>
      </c>
      <c r="CE25" s="443">
        <v>0</v>
      </c>
      <c r="CF25" s="61">
        <v>0</v>
      </c>
      <c r="CG25" s="61">
        <v>0</v>
      </c>
      <c r="CH25" s="61">
        <v>0</v>
      </c>
      <c r="CI25" s="61">
        <v>0</v>
      </c>
      <c r="CJ25" s="61">
        <v>0</v>
      </c>
      <c r="CK25" s="62">
        <v>0</v>
      </c>
      <c r="CL25" s="63">
        <v>0</v>
      </c>
      <c r="CM25" s="60">
        <v>13</v>
      </c>
      <c r="CN25" s="61">
        <v>9</v>
      </c>
      <c r="CO25" s="62">
        <v>22</v>
      </c>
      <c r="CP25" s="443">
        <v>0</v>
      </c>
      <c r="CQ25" s="61">
        <v>23</v>
      </c>
      <c r="CR25" s="61">
        <v>25</v>
      </c>
      <c r="CS25" s="61">
        <v>10</v>
      </c>
      <c r="CT25" s="61">
        <v>9</v>
      </c>
      <c r="CU25" s="61">
        <v>7</v>
      </c>
      <c r="CV25" s="62">
        <v>74</v>
      </c>
      <c r="CW25" s="63">
        <v>96</v>
      </c>
      <c r="CX25" s="113">
        <v>1</v>
      </c>
      <c r="CY25" s="72">
        <v>6</v>
      </c>
      <c r="CZ25" s="73">
        <v>7</v>
      </c>
      <c r="DA25" s="443">
        <v>0</v>
      </c>
      <c r="DB25" s="72">
        <v>6</v>
      </c>
      <c r="DC25" s="72">
        <v>5</v>
      </c>
      <c r="DD25" s="72">
        <v>2</v>
      </c>
      <c r="DE25" s="72">
        <v>3</v>
      </c>
      <c r="DF25" s="72">
        <v>4</v>
      </c>
      <c r="DG25" s="74">
        <v>20</v>
      </c>
      <c r="DH25" s="75">
        <v>27</v>
      </c>
      <c r="DI25" s="60">
        <v>0</v>
      </c>
      <c r="DJ25" s="61">
        <v>0</v>
      </c>
      <c r="DK25" s="62">
        <v>0</v>
      </c>
      <c r="DL25" s="443">
        <v>0</v>
      </c>
      <c r="DM25" s="61">
        <v>0</v>
      </c>
      <c r="DN25" s="61">
        <v>0</v>
      </c>
      <c r="DO25" s="61">
        <v>0</v>
      </c>
      <c r="DP25" s="61">
        <v>0</v>
      </c>
      <c r="DQ25" s="61">
        <v>0</v>
      </c>
      <c r="DR25" s="62">
        <v>0</v>
      </c>
      <c r="DS25" s="63">
        <v>0</v>
      </c>
      <c r="DT25" s="60">
        <v>0</v>
      </c>
      <c r="DU25" s="61">
        <v>0</v>
      </c>
      <c r="DV25" s="62">
        <v>0</v>
      </c>
      <c r="DW25" s="443">
        <v>0</v>
      </c>
      <c r="DX25" s="61">
        <v>0</v>
      </c>
      <c r="DY25" s="61">
        <v>0</v>
      </c>
      <c r="DZ25" s="61">
        <v>0</v>
      </c>
      <c r="EA25" s="61">
        <v>0</v>
      </c>
      <c r="EB25" s="61">
        <v>0</v>
      </c>
      <c r="EC25" s="62">
        <v>0</v>
      </c>
      <c r="ED25" s="63">
        <v>0</v>
      </c>
      <c r="EE25" s="60">
        <v>1</v>
      </c>
      <c r="EF25" s="61">
        <v>2</v>
      </c>
      <c r="EG25" s="62">
        <v>3</v>
      </c>
      <c r="EH25" s="443">
        <v>0</v>
      </c>
      <c r="EI25" s="61">
        <v>0</v>
      </c>
      <c r="EJ25" s="61">
        <v>1</v>
      </c>
      <c r="EK25" s="61">
        <v>0</v>
      </c>
      <c r="EL25" s="61">
        <v>0</v>
      </c>
      <c r="EM25" s="61">
        <v>0</v>
      </c>
      <c r="EN25" s="62">
        <v>1</v>
      </c>
      <c r="EO25" s="63">
        <v>4</v>
      </c>
      <c r="EP25" s="60">
        <v>0</v>
      </c>
      <c r="EQ25" s="61">
        <v>1</v>
      </c>
      <c r="ER25" s="62">
        <v>1</v>
      </c>
      <c r="ES25" s="443">
        <v>0</v>
      </c>
      <c r="ET25" s="61">
        <v>2</v>
      </c>
      <c r="EU25" s="61">
        <v>1</v>
      </c>
      <c r="EV25" s="61">
        <v>0</v>
      </c>
      <c r="EW25" s="61">
        <v>0</v>
      </c>
      <c r="EX25" s="61">
        <v>1</v>
      </c>
      <c r="EY25" s="62">
        <v>4</v>
      </c>
      <c r="EZ25" s="63">
        <v>5</v>
      </c>
      <c r="FA25" s="60">
        <v>0</v>
      </c>
      <c r="FB25" s="61">
        <v>1</v>
      </c>
      <c r="FC25" s="62">
        <v>1</v>
      </c>
      <c r="FD25" s="443">
        <v>0</v>
      </c>
      <c r="FE25" s="61">
        <v>1</v>
      </c>
      <c r="FF25" s="61">
        <v>1</v>
      </c>
      <c r="FG25" s="61">
        <v>1</v>
      </c>
      <c r="FH25" s="61">
        <v>2</v>
      </c>
      <c r="FI25" s="61">
        <v>0</v>
      </c>
      <c r="FJ25" s="62">
        <v>5</v>
      </c>
      <c r="FK25" s="63">
        <v>6</v>
      </c>
      <c r="FL25" s="60">
        <v>0</v>
      </c>
      <c r="FM25" s="61">
        <v>2</v>
      </c>
      <c r="FN25" s="62">
        <v>2</v>
      </c>
      <c r="FO25" s="443">
        <v>0</v>
      </c>
      <c r="FP25" s="61">
        <v>3</v>
      </c>
      <c r="FQ25" s="61">
        <v>2</v>
      </c>
      <c r="FR25" s="61">
        <v>1</v>
      </c>
      <c r="FS25" s="61">
        <v>1</v>
      </c>
      <c r="FT25" s="61">
        <v>3</v>
      </c>
      <c r="FU25" s="62">
        <v>10</v>
      </c>
      <c r="FV25" s="63">
        <v>12</v>
      </c>
      <c r="FW25" s="60">
        <v>0</v>
      </c>
      <c r="FX25" s="61">
        <v>0</v>
      </c>
      <c r="FY25" s="62">
        <v>0</v>
      </c>
      <c r="FZ25" s="443">
        <v>0</v>
      </c>
      <c r="GA25" s="61">
        <v>0</v>
      </c>
      <c r="GB25" s="61">
        <v>0</v>
      </c>
      <c r="GC25" s="61">
        <v>0</v>
      </c>
      <c r="GD25" s="61">
        <v>0</v>
      </c>
      <c r="GE25" s="61">
        <v>0</v>
      </c>
      <c r="GF25" s="62">
        <v>0</v>
      </c>
      <c r="GG25" s="63">
        <v>0</v>
      </c>
      <c r="GH25" s="60">
        <v>1</v>
      </c>
      <c r="GI25" s="61">
        <v>6</v>
      </c>
      <c r="GJ25" s="62">
        <v>7</v>
      </c>
      <c r="GK25" s="443">
        <v>0</v>
      </c>
      <c r="GL25" s="61">
        <v>6</v>
      </c>
      <c r="GM25" s="61">
        <v>5</v>
      </c>
      <c r="GN25" s="61">
        <v>2</v>
      </c>
      <c r="GO25" s="61">
        <v>3</v>
      </c>
      <c r="GP25" s="61">
        <v>4</v>
      </c>
      <c r="GQ25" s="62">
        <v>20</v>
      </c>
      <c r="GR25" s="63">
        <v>27</v>
      </c>
      <c r="GS25" s="113">
        <v>14</v>
      </c>
      <c r="GT25" s="72">
        <v>15</v>
      </c>
      <c r="GU25" s="73">
        <v>29</v>
      </c>
      <c r="GV25" s="443">
        <v>0</v>
      </c>
      <c r="GW25" s="72">
        <v>29</v>
      </c>
      <c r="GX25" s="72">
        <v>30</v>
      </c>
      <c r="GY25" s="72">
        <v>12</v>
      </c>
      <c r="GZ25" s="72">
        <v>12</v>
      </c>
      <c r="HA25" s="72">
        <v>11</v>
      </c>
      <c r="HB25" s="74">
        <v>94</v>
      </c>
      <c r="HC25" s="75">
        <v>123</v>
      </c>
      <c r="HD25" s="60">
        <v>0</v>
      </c>
      <c r="HE25" s="61">
        <v>0</v>
      </c>
      <c r="HF25" s="62">
        <v>0</v>
      </c>
      <c r="HG25" s="443">
        <v>0</v>
      </c>
      <c r="HH25" s="61">
        <v>0</v>
      </c>
      <c r="HI25" s="61">
        <v>0</v>
      </c>
      <c r="HJ25" s="61">
        <v>0</v>
      </c>
      <c r="HK25" s="61">
        <v>1</v>
      </c>
      <c r="HL25" s="61">
        <v>0</v>
      </c>
      <c r="HM25" s="62">
        <v>1</v>
      </c>
      <c r="HN25" s="63">
        <v>1</v>
      </c>
      <c r="HO25" s="60">
        <v>2</v>
      </c>
      <c r="HP25" s="61">
        <v>1</v>
      </c>
      <c r="HQ25" s="62">
        <v>3</v>
      </c>
      <c r="HR25" s="443">
        <v>0</v>
      </c>
      <c r="HS25" s="61">
        <v>2</v>
      </c>
      <c r="HT25" s="61">
        <v>1</v>
      </c>
      <c r="HU25" s="61">
        <v>1</v>
      </c>
      <c r="HV25" s="61">
        <v>0</v>
      </c>
      <c r="HW25" s="61">
        <v>2</v>
      </c>
      <c r="HX25" s="62">
        <v>6</v>
      </c>
      <c r="HY25" s="63">
        <v>9</v>
      </c>
      <c r="HZ25" s="60">
        <v>1</v>
      </c>
      <c r="IA25" s="61">
        <v>2</v>
      </c>
      <c r="IB25" s="62">
        <v>3</v>
      </c>
      <c r="IC25" s="443">
        <v>0</v>
      </c>
      <c r="ID25" s="61">
        <v>3</v>
      </c>
      <c r="IE25" s="61">
        <v>2</v>
      </c>
      <c r="IF25" s="61">
        <v>1</v>
      </c>
      <c r="IG25" s="61">
        <v>1</v>
      </c>
      <c r="IH25" s="61">
        <v>1</v>
      </c>
      <c r="II25" s="62">
        <v>8</v>
      </c>
      <c r="IJ25" s="63">
        <v>11</v>
      </c>
      <c r="IK25" s="60">
        <v>9</v>
      </c>
      <c r="IL25" s="61">
        <v>5</v>
      </c>
      <c r="IM25" s="62">
        <v>14</v>
      </c>
      <c r="IN25" s="443">
        <v>0</v>
      </c>
      <c r="IO25" s="61">
        <v>8</v>
      </c>
      <c r="IP25" s="61">
        <v>9</v>
      </c>
      <c r="IQ25" s="61">
        <v>2</v>
      </c>
      <c r="IR25" s="61">
        <v>3</v>
      </c>
      <c r="IS25" s="61">
        <v>3</v>
      </c>
      <c r="IT25" s="62">
        <v>25</v>
      </c>
      <c r="IU25" s="63">
        <v>39</v>
      </c>
      <c r="IV25" s="60">
        <v>1</v>
      </c>
      <c r="IW25" s="61">
        <v>2</v>
      </c>
      <c r="IX25" s="62">
        <v>3</v>
      </c>
      <c r="IY25" s="443">
        <v>0</v>
      </c>
      <c r="IZ25" s="61">
        <v>5</v>
      </c>
      <c r="JA25" s="61">
        <v>7</v>
      </c>
      <c r="JB25" s="61">
        <v>4</v>
      </c>
      <c r="JC25" s="61">
        <v>3</v>
      </c>
      <c r="JD25" s="61">
        <v>1</v>
      </c>
      <c r="JE25" s="62">
        <v>20</v>
      </c>
      <c r="JF25" s="63">
        <v>23</v>
      </c>
      <c r="JG25" s="60">
        <v>1</v>
      </c>
      <c r="JH25" s="61">
        <v>5</v>
      </c>
      <c r="JI25" s="62">
        <v>6</v>
      </c>
      <c r="JJ25" s="443">
        <v>0</v>
      </c>
      <c r="JK25" s="61">
        <v>11</v>
      </c>
      <c r="JL25" s="61">
        <v>11</v>
      </c>
      <c r="JM25" s="61">
        <v>4</v>
      </c>
      <c r="JN25" s="61">
        <v>4</v>
      </c>
      <c r="JO25" s="61">
        <v>4</v>
      </c>
      <c r="JP25" s="62">
        <v>34</v>
      </c>
      <c r="JQ25" s="63">
        <v>40</v>
      </c>
      <c r="JR25" s="60">
        <v>0</v>
      </c>
      <c r="JS25" s="61">
        <v>0</v>
      </c>
      <c r="JT25" s="62">
        <v>0</v>
      </c>
      <c r="JU25" s="443">
        <v>0</v>
      </c>
      <c r="JV25" s="61">
        <v>0</v>
      </c>
      <c r="JW25" s="61">
        <v>0</v>
      </c>
      <c r="JX25" s="61">
        <v>0</v>
      </c>
      <c r="JY25" s="61">
        <v>0</v>
      </c>
      <c r="JZ25" s="61">
        <v>0</v>
      </c>
      <c r="KA25" s="62">
        <v>0</v>
      </c>
      <c r="KB25" s="63">
        <v>0</v>
      </c>
      <c r="KC25" s="60">
        <v>14</v>
      </c>
      <c r="KD25" s="61">
        <v>15</v>
      </c>
      <c r="KE25" s="62">
        <v>29</v>
      </c>
      <c r="KF25" s="443">
        <v>0</v>
      </c>
      <c r="KG25" s="61">
        <v>29</v>
      </c>
      <c r="KH25" s="61">
        <v>30</v>
      </c>
      <c r="KI25" s="61">
        <v>12</v>
      </c>
      <c r="KJ25" s="61">
        <v>12</v>
      </c>
      <c r="KK25" s="61">
        <v>11</v>
      </c>
      <c r="KL25" s="62">
        <v>94</v>
      </c>
      <c r="KM25" s="63">
        <v>123</v>
      </c>
    </row>
    <row r="26" spans="2:299" ht="21" customHeight="1" x14ac:dyDescent="0.2">
      <c r="B26" s="437" t="s">
        <v>23</v>
      </c>
      <c r="C26" s="287">
        <v>13</v>
      </c>
      <c r="D26" s="72">
        <v>14</v>
      </c>
      <c r="E26" s="73">
        <v>27</v>
      </c>
      <c r="F26" s="443">
        <v>0</v>
      </c>
      <c r="G26" s="72">
        <v>24</v>
      </c>
      <c r="H26" s="72">
        <v>26</v>
      </c>
      <c r="I26" s="72">
        <v>20</v>
      </c>
      <c r="J26" s="72">
        <v>14</v>
      </c>
      <c r="K26" s="72">
        <v>10</v>
      </c>
      <c r="L26" s="74">
        <v>94</v>
      </c>
      <c r="M26" s="75">
        <v>121</v>
      </c>
      <c r="N26" s="60">
        <v>0</v>
      </c>
      <c r="O26" s="61">
        <v>1</v>
      </c>
      <c r="P26" s="62">
        <v>1</v>
      </c>
      <c r="Q26" s="443">
        <v>0</v>
      </c>
      <c r="R26" s="61">
        <v>1</v>
      </c>
      <c r="S26" s="61">
        <v>1</v>
      </c>
      <c r="T26" s="61">
        <v>0</v>
      </c>
      <c r="U26" s="61">
        <v>0</v>
      </c>
      <c r="V26" s="61">
        <v>0</v>
      </c>
      <c r="W26" s="62">
        <v>2</v>
      </c>
      <c r="X26" s="63">
        <v>3</v>
      </c>
      <c r="Y26" s="60">
        <v>2</v>
      </c>
      <c r="Z26" s="61">
        <v>0</v>
      </c>
      <c r="AA26" s="62">
        <v>2</v>
      </c>
      <c r="AB26" s="443">
        <v>0</v>
      </c>
      <c r="AC26" s="61">
        <v>0</v>
      </c>
      <c r="AD26" s="61">
        <v>3</v>
      </c>
      <c r="AE26" s="61">
        <v>1</v>
      </c>
      <c r="AF26" s="61">
        <v>1</v>
      </c>
      <c r="AG26" s="61">
        <v>2</v>
      </c>
      <c r="AH26" s="62">
        <v>7</v>
      </c>
      <c r="AI26" s="63">
        <v>9</v>
      </c>
      <c r="AJ26" s="60">
        <v>3</v>
      </c>
      <c r="AK26" s="61">
        <v>1</v>
      </c>
      <c r="AL26" s="62">
        <v>4</v>
      </c>
      <c r="AM26" s="443">
        <v>0</v>
      </c>
      <c r="AN26" s="61">
        <v>3</v>
      </c>
      <c r="AO26" s="61">
        <v>2</v>
      </c>
      <c r="AP26" s="61">
        <v>2</v>
      </c>
      <c r="AQ26" s="61">
        <v>0</v>
      </c>
      <c r="AR26" s="61">
        <v>4</v>
      </c>
      <c r="AS26" s="62">
        <v>11</v>
      </c>
      <c r="AT26" s="63">
        <v>15</v>
      </c>
      <c r="AU26" s="60">
        <v>2</v>
      </c>
      <c r="AV26" s="61">
        <v>6</v>
      </c>
      <c r="AW26" s="62">
        <v>8</v>
      </c>
      <c r="AX26" s="443">
        <v>0</v>
      </c>
      <c r="AY26" s="61">
        <v>7</v>
      </c>
      <c r="AZ26" s="61">
        <v>3</v>
      </c>
      <c r="BA26" s="61">
        <v>6</v>
      </c>
      <c r="BB26" s="61">
        <v>6</v>
      </c>
      <c r="BC26" s="61">
        <v>1</v>
      </c>
      <c r="BD26" s="62">
        <v>23</v>
      </c>
      <c r="BE26" s="63">
        <v>31</v>
      </c>
      <c r="BF26" s="60">
        <v>5</v>
      </c>
      <c r="BG26" s="61">
        <v>3</v>
      </c>
      <c r="BH26" s="62">
        <v>8</v>
      </c>
      <c r="BI26" s="443">
        <v>0</v>
      </c>
      <c r="BJ26" s="61">
        <v>8</v>
      </c>
      <c r="BK26" s="61">
        <v>7</v>
      </c>
      <c r="BL26" s="61">
        <v>9</v>
      </c>
      <c r="BM26" s="61">
        <v>3</v>
      </c>
      <c r="BN26" s="61">
        <v>2</v>
      </c>
      <c r="BO26" s="62">
        <v>29</v>
      </c>
      <c r="BP26" s="63">
        <v>37</v>
      </c>
      <c r="BQ26" s="60">
        <v>1</v>
      </c>
      <c r="BR26" s="61">
        <v>3</v>
      </c>
      <c r="BS26" s="62">
        <v>4</v>
      </c>
      <c r="BT26" s="443">
        <v>0</v>
      </c>
      <c r="BU26" s="61">
        <v>5</v>
      </c>
      <c r="BV26" s="61">
        <v>10</v>
      </c>
      <c r="BW26" s="61">
        <v>2</v>
      </c>
      <c r="BX26" s="61">
        <v>4</v>
      </c>
      <c r="BY26" s="61">
        <v>1</v>
      </c>
      <c r="BZ26" s="62">
        <v>22</v>
      </c>
      <c r="CA26" s="63">
        <v>26</v>
      </c>
      <c r="CB26" s="60">
        <v>0</v>
      </c>
      <c r="CC26" s="61">
        <v>0</v>
      </c>
      <c r="CD26" s="62">
        <v>0</v>
      </c>
      <c r="CE26" s="443">
        <v>0</v>
      </c>
      <c r="CF26" s="61">
        <v>0</v>
      </c>
      <c r="CG26" s="61">
        <v>0</v>
      </c>
      <c r="CH26" s="61">
        <v>0</v>
      </c>
      <c r="CI26" s="61">
        <v>0</v>
      </c>
      <c r="CJ26" s="61">
        <v>0</v>
      </c>
      <c r="CK26" s="62">
        <v>0</v>
      </c>
      <c r="CL26" s="63">
        <v>0</v>
      </c>
      <c r="CM26" s="60">
        <v>13</v>
      </c>
      <c r="CN26" s="61">
        <v>14</v>
      </c>
      <c r="CO26" s="62">
        <v>27</v>
      </c>
      <c r="CP26" s="443">
        <v>0</v>
      </c>
      <c r="CQ26" s="61">
        <v>24</v>
      </c>
      <c r="CR26" s="61">
        <v>26</v>
      </c>
      <c r="CS26" s="61">
        <v>20</v>
      </c>
      <c r="CT26" s="61">
        <v>14</v>
      </c>
      <c r="CU26" s="61">
        <v>10</v>
      </c>
      <c r="CV26" s="62">
        <v>94</v>
      </c>
      <c r="CW26" s="63">
        <v>121</v>
      </c>
      <c r="CX26" s="113">
        <v>8</v>
      </c>
      <c r="CY26" s="72">
        <v>7</v>
      </c>
      <c r="CZ26" s="73">
        <v>15</v>
      </c>
      <c r="DA26" s="443">
        <v>0</v>
      </c>
      <c r="DB26" s="72">
        <v>12</v>
      </c>
      <c r="DC26" s="72">
        <v>11</v>
      </c>
      <c r="DD26" s="72">
        <v>4</v>
      </c>
      <c r="DE26" s="72">
        <v>6</v>
      </c>
      <c r="DF26" s="72">
        <v>5</v>
      </c>
      <c r="DG26" s="74">
        <v>38</v>
      </c>
      <c r="DH26" s="75">
        <v>53</v>
      </c>
      <c r="DI26" s="60">
        <v>0</v>
      </c>
      <c r="DJ26" s="61">
        <v>0</v>
      </c>
      <c r="DK26" s="62">
        <v>0</v>
      </c>
      <c r="DL26" s="443">
        <v>0</v>
      </c>
      <c r="DM26" s="61">
        <v>1</v>
      </c>
      <c r="DN26" s="61">
        <v>0</v>
      </c>
      <c r="DO26" s="61">
        <v>0</v>
      </c>
      <c r="DP26" s="61">
        <v>0</v>
      </c>
      <c r="DQ26" s="61">
        <v>0</v>
      </c>
      <c r="DR26" s="62">
        <v>1</v>
      </c>
      <c r="DS26" s="63">
        <v>1</v>
      </c>
      <c r="DT26" s="60">
        <v>0</v>
      </c>
      <c r="DU26" s="61">
        <v>0</v>
      </c>
      <c r="DV26" s="62">
        <v>0</v>
      </c>
      <c r="DW26" s="443">
        <v>0</v>
      </c>
      <c r="DX26" s="61">
        <v>1</v>
      </c>
      <c r="DY26" s="61">
        <v>0</v>
      </c>
      <c r="DZ26" s="61">
        <v>0</v>
      </c>
      <c r="EA26" s="61">
        <v>0</v>
      </c>
      <c r="EB26" s="61">
        <v>0</v>
      </c>
      <c r="EC26" s="62">
        <v>1</v>
      </c>
      <c r="ED26" s="63">
        <v>1</v>
      </c>
      <c r="EE26" s="60">
        <v>1</v>
      </c>
      <c r="EF26" s="61">
        <v>2</v>
      </c>
      <c r="EG26" s="62">
        <v>3</v>
      </c>
      <c r="EH26" s="443">
        <v>0</v>
      </c>
      <c r="EI26" s="61">
        <v>1</v>
      </c>
      <c r="EJ26" s="61">
        <v>1</v>
      </c>
      <c r="EK26" s="61">
        <v>0</v>
      </c>
      <c r="EL26" s="61">
        <v>0</v>
      </c>
      <c r="EM26" s="61">
        <v>1</v>
      </c>
      <c r="EN26" s="62">
        <v>3</v>
      </c>
      <c r="EO26" s="63">
        <v>6</v>
      </c>
      <c r="EP26" s="60">
        <v>5</v>
      </c>
      <c r="EQ26" s="61">
        <v>3</v>
      </c>
      <c r="ER26" s="62">
        <v>8</v>
      </c>
      <c r="ES26" s="443">
        <v>0</v>
      </c>
      <c r="ET26" s="61">
        <v>1</v>
      </c>
      <c r="EU26" s="61">
        <v>2</v>
      </c>
      <c r="EV26" s="61">
        <v>2</v>
      </c>
      <c r="EW26" s="61">
        <v>1</v>
      </c>
      <c r="EX26" s="61">
        <v>1</v>
      </c>
      <c r="EY26" s="62">
        <v>7</v>
      </c>
      <c r="EZ26" s="63">
        <v>15</v>
      </c>
      <c r="FA26" s="60">
        <v>2</v>
      </c>
      <c r="FB26" s="61">
        <v>1</v>
      </c>
      <c r="FC26" s="62">
        <v>3</v>
      </c>
      <c r="FD26" s="443">
        <v>0</v>
      </c>
      <c r="FE26" s="61">
        <v>2</v>
      </c>
      <c r="FF26" s="61">
        <v>3</v>
      </c>
      <c r="FG26" s="61">
        <v>1</v>
      </c>
      <c r="FH26" s="61">
        <v>1</v>
      </c>
      <c r="FI26" s="61">
        <v>0</v>
      </c>
      <c r="FJ26" s="62">
        <v>7</v>
      </c>
      <c r="FK26" s="63">
        <v>10</v>
      </c>
      <c r="FL26" s="60">
        <v>0</v>
      </c>
      <c r="FM26" s="61">
        <v>1</v>
      </c>
      <c r="FN26" s="62">
        <v>1</v>
      </c>
      <c r="FO26" s="443">
        <v>0</v>
      </c>
      <c r="FP26" s="61">
        <v>6</v>
      </c>
      <c r="FQ26" s="61">
        <v>5</v>
      </c>
      <c r="FR26" s="61">
        <v>1</v>
      </c>
      <c r="FS26" s="61">
        <v>4</v>
      </c>
      <c r="FT26" s="61">
        <v>3</v>
      </c>
      <c r="FU26" s="62">
        <v>19</v>
      </c>
      <c r="FV26" s="63">
        <v>20</v>
      </c>
      <c r="FW26" s="60">
        <v>0</v>
      </c>
      <c r="FX26" s="61">
        <v>0</v>
      </c>
      <c r="FY26" s="62">
        <v>0</v>
      </c>
      <c r="FZ26" s="443">
        <v>0</v>
      </c>
      <c r="GA26" s="61">
        <v>0</v>
      </c>
      <c r="GB26" s="61">
        <v>0</v>
      </c>
      <c r="GC26" s="61">
        <v>0</v>
      </c>
      <c r="GD26" s="61">
        <v>0</v>
      </c>
      <c r="GE26" s="61">
        <v>0</v>
      </c>
      <c r="GF26" s="62">
        <v>0</v>
      </c>
      <c r="GG26" s="63">
        <v>0</v>
      </c>
      <c r="GH26" s="60">
        <v>8</v>
      </c>
      <c r="GI26" s="61">
        <v>7</v>
      </c>
      <c r="GJ26" s="62">
        <v>15</v>
      </c>
      <c r="GK26" s="443">
        <v>0</v>
      </c>
      <c r="GL26" s="61">
        <v>12</v>
      </c>
      <c r="GM26" s="61">
        <v>11</v>
      </c>
      <c r="GN26" s="61">
        <v>4</v>
      </c>
      <c r="GO26" s="61">
        <v>6</v>
      </c>
      <c r="GP26" s="61">
        <v>5</v>
      </c>
      <c r="GQ26" s="62">
        <v>38</v>
      </c>
      <c r="GR26" s="63">
        <v>53</v>
      </c>
      <c r="GS26" s="113">
        <v>21</v>
      </c>
      <c r="GT26" s="72">
        <v>21</v>
      </c>
      <c r="GU26" s="73">
        <v>42</v>
      </c>
      <c r="GV26" s="443">
        <v>0</v>
      </c>
      <c r="GW26" s="72">
        <v>36</v>
      </c>
      <c r="GX26" s="72">
        <v>37</v>
      </c>
      <c r="GY26" s="72">
        <v>24</v>
      </c>
      <c r="GZ26" s="72">
        <v>20</v>
      </c>
      <c r="HA26" s="72">
        <v>15</v>
      </c>
      <c r="HB26" s="74">
        <v>132</v>
      </c>
      <c r="HC26" s="75">
        <v>174</v>
      </c>
      <c r="HD26" s="60">
        <v>0</v>
      </c>
      <c r="HE26" s="61">
        <v>1</v>
      </c>
      <c r="HF26" s="62">
        <v>1</v>
      </c>
      <c r="HG26" s="443">
        <v>0</v>
      </c>
      <c r="HH26" s="61">
        <v>2</v>
      </c>
      <c r="HI26" s="61">
        <v>1</v>
      </c>
      <c r="HJ26" s="61">
        <v>0</v>
      </c>
      <c r="HK26" s="61">
        <v>0</v>
      </c>
      <c r="HL26" s="61">
        <v>0</v>
      </c>
      <c r="HM26" s="62">
        <v>3</v>
      </c>
      <c r="HN26" s="63">
        <v>4</v>
      </c>
      <c r="HO26" s="60">
        <v>2</v>
      </c>
      <c r="HP26" s="61">
        <v>0</v>
      </c>
      <c r="HQ26" s="62">
        <v>2</v>
      </c>
      <c r="HR26" s="443">
        <v>0</v>
      </c>
      <c r="HS26" s="61">
        <v>1</v>
      </c>
      <c r="HT26" s="61">
        <v>3</v>
      </c>
      <c r="HU26" s="61">
        <v>1</v>
      </c>
      <c r="HV26" s="61">
        <v>1</v>
      </c>
      <c r="HW26" s="61">
        <v>2</v>
      </c>
      <c r="HX26" s="62">
        <v>8</v>
      </c>
      <c r="HY26" s="63">
        <v>10</v>
      </c>
      <c r="HZ26" s="60">
        <v>4</v>
      </c>
      <c r="IA26" s="61">
        <v>3</v>
      </c>
      <c r="IB26" s="62">
        <v>7</v>
      </c>
      <c r="IC26" s="443">
        <v>0</v>
      </c>
      <c r="ID26" s="61">
        <v>4</v>
      </c>
      <c r="IE26" s="61">
        <v>3</v>
      </c>
      <c r="IF26" s="61">
        <v>2</v>
      </c>
      <c r="IG26" s="61">
        <v>0</v>
      </c>
      <c r="IH26" s="61">
        <v>5</v>
      </c>
      <c r="II26" s="62">
        <v>14</v>
      </c>
      <c r="IJ26" s="63">
        <v>21</v>
      </c>
      <c r="IK26" s="60">
        <v>7</v>
      </c>
      <c r="IL26" s="61">
        <v>9</v>
      </c>
      <c r="IM26" s="62">
        <v>16</v>
      </c>
      <c r="IN26" s="443">
        <v>0</v>
      </c>
      <c r="IO26" s="61">
        <v>8</v>
      </c>
      <c r="IP26" s="61">
        <v>5</v>
      </c>
      <c r="IQ26" s="61">
        <v>8</v>
      </c>
      <c r="IR26" s="61">
        <v>7</v>
      </c>
      <c r="IS26" s="61">
        <v>2</v>
      </c>
      <c r="IT26" s="62">
        <v>30</v>
      </c>
      <c r="IU26" s="63">
        <v>46</v>
      </c>
      <c r="IV26" s="60">
        <v>7</v>
      </c>
      <c r="IW26" s="61">
        <v>4</v>
      </c>
      <c r="IX26" s="62">
        <v>11</v>
      </c>
      <c r="IY26" s="443">
        <v>0</v>
      </c>
      <c r="IZ26" s="61">
        <v>10</v>
      </c>
      <c r="JA26" s="61">
        <v>10</v>
      </c>
      <c r="JB26" s="61">
        <v>10</v>
      </c>
      <c r="JC26" s="61">
        <v>4</v>
      </c>
      <c r="JD26" s="61">
        <v>2</v>
      </c>
      <c r="JE26" s="62">
        <v>36</v>
      </c>
      <c r="JF26" s="63">
        <v>47</v>
      </c>
      <c r="JG26" s="60">
        <v>1</v>
      </c>
      <c r="JH26" s="61">
        <v>4</v>
      </c>
      <c r="JI26" s="62">
        <v>5</v>
      </c>
      <c r="JJ26" s="443">
        <v>0</v>
      </c>
      <c r="JK26" s="61">
        <v>11</v>
      </c>
      <c r="JL26" s="61">
        <v>15</v>
      </c>
      <c r="JM26" s="61">
        <v>3</v>
      </c>
      <c r="JN26" s="61">
        <v>8</v>
      </c>
      <c r="JO26" s="61">
        <v>4</v>
      </c>
      <c r="JP26" s="62">
        <v>41</v>
      </c>
      <c r="JQ26" s="63">
        <v>46</v>
      </c>
      <c r="JR26" s="60">
        <v>0</v>
      </c>
      <c r="JS26" s="61">
        <v>0</v>
      </c>
      <c r="JT26" s="62">
        <v>0</v>
      </c>
      <c r="JU26" s="443">
        <v>0</v>
      </c>
      <c r="JV26" s="61">
        <v>0</v>
      </c>
      <c r="JW26" s="61">
        <v>0</v>
      </c>
      <c r="JX26" s="61">
        <v>0</v>
      </c>
      <c r="JY26" s="61">
        <v>0</v>
      </c>
      <c r="JZ26" s="61">
        <v>0</v>
      </c>
      <c r="KA26" s="62">
        <v>0</v>
      </c>
      <c r="KB26" s="63">
        <v>0</v>
      </c>
      <c r="KC26" s="60">
        <v>21</v>
      </c>
      <c r="KD26" s="61">
        <v>21</v>
      </c>
      <c r="KE26" s="62">
        <v>42</v>
      </c>
      <c r="KF26" s="443">
        <v>0</v>
      </c>
      <c r="KG26" s="61">
        <v>36</v>
      </c>
      <c r="KH26" s="61">
        <v>37</v>
      </c>
      <c r="KI26" s="61">
        <v>24</v>
      </c>
      <c r="KJ26" s="61">
        <v>20</v>
      </c>
      <c r="KK26" s="61">
        <v>15</v>
      </c>
      <c r="KL26" s="62">
        <v>132</v>
      </c>
      <c r="KM26" s="63">
        <v>174</v>
      </c>
    </row>
    <row r="27" spans="2:299" ht="21" customHeight="1" x14ac:dyDescent="0.2">
      <c r="B27" s="437" t="s">
        <v>24</v>
      </c>
      <c r="C27" s="287">
        <v>22</v>
      </c>
      <c r="D27" s="72">
        <v>21</v>
      </c>
      <c r="E27" s="73">
        <v>43</v>
      </c>
      <c r="F27" s="443">
        <v>0</v>
      </c>
      <c r="G27" s="72">
        <v>31</v>
      </c>
      <c r="H27" s="72">
        <v>21</v>
      </c>
      <c r="I27" s="72">
        <v>14</v>
      </c>
      <c r="J27" s="72">
        <v>15</v>
      </c>
      <c r="K27" s="72">
        <v>11</v>
      </c>
      <c r="L27" s="74">
        <v>92</v>
      </c>
      <c r="M27" s="75">
        <v>135</v>
      </c>
      <c r="N27" s="60">
        <v>0</v>
      </c>
      <c r="O27" s="61">
        <v>0</v>
      </c>
      <c r="P27" s="62">
        <v>0</v>
      </c>
      <c r="Q27" s="443">
        <v>0</v>
      </c>
      <c r="R27" s="61">
        <v>0</v>
      </c>
      <c r="S27" s="61">
        <v>0</v>
      </c>
      <c r="T27" s="61">
        <v>0</v>
      </c>
      <c r="U27" s="61">
        <v>0</v>
      </c>
      <c r="V27" s="61">
        <v>1</v>
      </c>
      <c r="W27" s="62">
        <v>1</v>
      </c>
      <c r="X27" s="63">
        <v>1</v>
      </c>
      <c r="Y27" s="60">
        <v>1</v>
      </c>
      <c r="Z27" s="61">
        <v>1</v>
      </c>
      <c r="AA27" s="62">
        <v>2</v>
      </c>
      <c r="AB27" s="443">
        <v>0</v>
      </c>
      <c r="AC27" s="61">
        <v>0</v>
      </c>
      <c r="AD27" s="61">
        <v>1</v>
      </c>
      <c r="AE27" s="61">
        <v>1</v>
      </c>
      <c r="AF27" s="61">
        <v>1</v>
      </c>
      <c r="AG27" s="61">
        <v>1</v>
      </c>
      <c r="AH27" s="62">
        <v>4</v>
      </c>
      <c r="AI27" s="63">
        <v>6</v>
      </c>
      <c r="AJ27" s="60">
        <v>0</v>
      </c>
      <c r="AK27" s="61">
        <v>1</v>
      </c>
      <c r="AL27" s="62">
        <v>1</v>
      </c>
      <c r="AM27" s="443">
        <v>0</v>
      </c>
      <c r="AN27" s="61">
        <v>3</v>
      </c>
      <c r="AO27" s="61">
        <v>2</v>
      </c>
      <c r="AP27" s="61">
        <v>2</v>
      </c>
      <c r="AQ27" s="61">
        <v>2</v>
      </c>
      <c r="AR27" s="61">
        <v>0</v>
      </c>
      <c r="AS27" s="62">
        <v>9</v>
      </c>
      <c r="AT27" s="63">
        <v>10</v>
      </c>
      <c r="AU27" s="60">
        <v>6</v>
      </c>
      <c r="AV27" s="61">
        <v>5</v>
      </c>
      <c r="AW27" s="62">
        <v>11</v>
      </c>
      <c r="AX27" s="443">
        <v>0</v>
      </c>
      <c r="AY27" s="61">
        <v>5</v>
      </c>
      <c r="AZ27" s="61">
        <v>4</v>
      </c>
      <c r="BA27" s="61">
        <v>2</v>
      </c>
      <c r="BB27" s="61">
        <v>4</v>
      </c>
      <c r="BC27" s="61">
        <v>3</v>
      </c>
      <c r="BD27" s="62">
        <v>18</v>
      </c>
      <c r="BE27" s="63">
        <v>29</v>
      </c>
      <c r="BF27" s="60">
        <v>6</v>
      </c>
      <c r="BG27" s="61">
        <v>5</v>
      </c>
      <c r="BH27" s="62">
        <v>11</v>
      </c>
      <c r="BI27" s="443">
        <v>0</v>
      </c>
      <c r="BJ27" s="61">
        <v>14</v>
      </c>
      <c r="BK27" s="61">
        <v>5</v>
      </c>
      <c r="BL27" s="61">
        <v>6</v>
      </c>
      <c r="BM27" s="61">
        <v>2</v>
      </c>
      <c r="BN27" s="61">
        <v>2</v>
      </c>
      <c r="BO27" s="62">
        <v>29</v>
      </c>
      <c r="BP27" s="63">
        <v>40</v>
      </c>
      <c r="BQ27" s="60">
        <v>9</v>
      </c>
      <c r="BR27" s="61">
        <v>9</v>
      </c>
      <c r="BS27" s="62">
        <v>18</v>
      </c>
      <c r="BT27" s="443">
        <v>0</v>
      </c>
      <c r="BU27" s="61">
        <v>9</v>
      </c>
      <c r="BV27" s="61">
        <v>9</v>
      </c>
      <c r="BW27" s="61">
        <v>3</v>
      </c>
      <c r="BX27" s="61">
        <v>6</v>
      </c>
      <c r="BY27" s="61">
        <v>4</v>
      </c>
      <c r="BZ27" s="62">
        <v>31</v>
      </c>
      <c r="CA27" s="63">
        <v>49</v>
      </c>
      <c r="CB27" s="60">
        <v>0</v>
      </c>
      <c r="CC27" s="61">
        <v>0</v>
      </c>
      <c r="CD27" s="62">
        <v>0</v>
      </c>
      <c r="CE27" s="443">
        <v>0</v>
      </c>
      <c r="CF27" s="61">
        <v>0</v>
      </c>
      <c r="CG27" s="61">
        <v>0</v>
      </c>
      <c r="CH27" s="61">
        <v>0</v>
      </c>
      <c r="CI27" s="61">
        <v>0</v>
      </c>
      <c r="CJ27" s="61">
        <v>0</v>
      </c>
      <c r="CK27" s="62">
        <v>0</v>
      </c>
      <c r="CL27" s="63">
        <v>0</v>
      </c>
      <c r="CM27" s="60">
        <v>22</v>
      </c>
      <c r="CN27" s="61">
        <v>21</v>
      </c>
      <c r="CO27" s="62">
        <v>43</v>
      </c>
      <c r="CP27" s="443">
        <v>0</v>
      </c>
      <c r="CQ27" s="61">
        <v>31</v>
      </c>
      <c r="CR27" s="61">
        <v>21</v>
      </c>
      <c r="CS27" s="61">
        <v>14</v>
      </c>
      <c r="CT27" s="61">
        <v>15</v>
      </c>
      <c r="CU27" s="61">
        <v>11</v>
      </c>
      <c r="CV27" s="62">
        <v>92</v>
      </c>
      <c r="CW27" s="63">
        <v>135</v>
      </c>
      <c r="CX27" s="113">
        <v>8</v>
      </c>
      <c r="CY27" s="72">
        <v>8</v>
      </c>
      <c r="CZ27" s="73">
        <v>16</v>
      </c>
      <c r="DA27" s="443">
        <v>0</v>
      </c>
      <c r="DB27" s="72">
        <v>9</v>
      </c>
      <c r="DC27" s="72">
        <v>8</v>
      </c>
      <c r="DD27" s="72">
        <v>3</v>
      </c>
      <c r="DE27" s="72">
        <v>5</v>
      </c>
      <c r="DF27" s="72">
        <v>3</v>
      </c>
      <c r="DG27" s="74">
        <v>28</v>
      </c>
      <c r="DH27" s="75">
        <v>44</v>
      </c>
      <c r="DI27" s="60">
        <v>0</v>
      </c>
      <c r="DJ27" s="61">
        <v>0</v>
      </c>
      <c r="DK27" s="62">
        <v>0</v>
      </c>
      <c r="DL27" s="443">
        <v>0</v>
      </c>
      <c r="DM27" s="61">
        <v>0</v>
      </c>
      <c r="DN27" s="61">
        <v>0</v>
      </c>
      <c r="DO27" s="61">
        <v>0</v>
      </c>
      <c r="DP27" s="61">
        <v>0</v>
      </c>
      <c r="DQ27" s="61">
        <v>0</v>
      </c>
      <c r="DR27" s="62">
        <v>0</v>
      </c>
      <c r="DS27" s="63">
        <v>0</v>
      </c>
      <c r="DT27" s="60">
        <v>1</v>
      </c>
      <c r="DU27" s="61">
        <v>0</v>
      </c>
      <c r="DV27" s="62">
        <v>1</v>
      </c>
      <c r="DW27" s="443">
        <v>0</v>
      </c>
      <c r="DX27" s="61">
        <v>1</v>
      </c>
      <c r="DY27" s="61">
        <v>0</v>
      </c>
      <c r="DZ27" s="61">
        <v>0</v>
      </c>
      <c r="EA27" s="61">
        <v>0</v>
      </c>
      <c r="EB27" s="61">
        <v>0</v>
      </c>
      <c r="EC27" s="62">
        <v>1</v>
      </c>
      <c r="ED27" s="63">
        <v>2</v>
      </c>
      <c r="EE27" s="60">
        <v>1</v>
      </c>
      <c r="EF27" s="61">
        <v>1</v>
      </c>
      <c r="EG27" s="62">
        <v>2</v>
      </c>
      <c r="EH27" s="443">
        <v>0</v>
      </c>
      <c r="EI27" s="61">
        <v>1</v>
      </c>
      <c r="EJ27" s="61">
        <v>2</v>
      </c>
      <c r="EK27" s="61">
        <v>0</v>
      </c>
      <c r="EL27" s="61">
        <v>0</v>
      </c>
      <c r="EM27" s="61">
        <v>0</v>
      </c>
      <c r="EN27" s="62">
        <v>3</v>
      </c>
      <c r="EO27" s="63">
        <v>5</v>
      </c>
      <c r="EP27" s="60">
        <v>3</v>
      </c>
      <c r="EQ27" s="61">
        <v>2</v>
      </c>
      <c r="ER27" s="62">
        <v>5</v>
      </c>
      <c r="ES27" s="443">
        <v>0</v>
      </c>
      <c r="ET27" s="61">
        <v>3</v>
      </c>
      <c r="EU27" s="61">
        <v>2</v>
      </c>
      <c r="EV27" s="61">
        <v>1</v>
      </c>
      <c r="EW27" s="61">
        <v>1</v>
      </c>
      <c r="EX27" s="61">
        <v>1</v>
      </c>
      <c r="EY27" s="62">
        <v>8</v>
      </c>
      <c r="EZ27" s="63">
        <v>13</v>
      </c>
      <c r="FA27" s="60">
        <v>2</v>
      </c>
      <c r="FB27" s="61">
        <v>2</v>
      </c>
      <c r="FC27" s="62">
        <v>4</v>
      </c>
      <c r="FD27" s="443">
        <v>0</v>
      </c>
      <c r="FE27" s="61">
        <v>3</v>
      </c>
      <c r="FF27" s="61">
        <v>2</v>
      </c>
      <c r="FG27" s="61">
        <v>0</v>
      </c>
      <c r="FH27" s="61">
        <v>0</v>
      </c>
      <c r="FI27" s="61">
        <v>1</v>
      </c>
      <c r="FJ27" s="62">
        <v>6</v>
      </c>
      <c r="FK27" s="63">
        <v>10</v>
      </c>
      <c r="FL27" s="60">
        <v>1</v>
      </c>
      <c r="FM27" s="61">
        <v>3</v>
      </c>
      <c r="FN27" s="62">
        <v>4</v>
      </c>
      <c r="FO27" s="443">
        <v>0</v>
      </c>
      <c r="FP27" s="61">
        <v>1</v>
      </c>
      <c r="FQ27" s="61">
        <v>2</v>
      </c>
      <c r="FR27" s="61">
        <v>2</v>
      </c>
      <c r="FS27" s="61">
        <v>4</v>
      </c>
      <c r="FT27" s="61">
        <v>1</v>
      </c>
      <c r="FU27" s="62">
        <v>10</v>
      </c>
      <c r="FV27" s="63">
        <v>14</v>
      </c>
      <c r="FW27" s="60">
        <v>0</v>
      </c>
      <c r="FX27" s="61">
        <v>0</v>
      </c>
      <c r="FY27" s="62">
        <v>0</v>
      </c>
      <c r="FZ27" s="443">
        <v>0</v>
      </c>
      <c r="GA27" s="61">
        <v>0</v>
      </c>
      <c r="GB27" s="61">
        <v>0</v>
      </c>
      <c r="GC27" s="61">
        <v>0</v>
      </c>
      <c r="GD27" s="61">
        <v>0</v>
      </c>
      <c r="GE27" s="61">
        <v>0</v>
      </c>
      <c r="GF27" s="62">
        <v>0</v>
      </c>
      <c r="GG27" s="63">
        <v>0</v>
      </c>
      <c r="GH27" s="60">
        <v>8</v>
      </c>
      <c r="GI27" s="61">
        <v>8</v>
      </c>
      <c r="GJ27" s="62">
        <v>16</v>
      </c>
      <c r="GK27" s="443">
        <v>0</v>
      </c>
      <c r="GL27" s="61">
        <v>9</v>
      </c>
      <c r="GM27" s="61">
        <v>8</v>
      </c>
      <c r="GN27" s="61">
        <v>3</v>
      </c>
      <c r="GO27" s="61">
        <v>5</v>
      </c>
      <c r="GP27" s="61">
        <v>3</v>
      </c>
      <c r="GQ27" s="62">
        <v>28</v>
      </c>
      <c r="GR27" s="63">
        <v>44</v>
      </c>
      <c r="GS27" s="113">
        <v>30</v>
      </c>
      <c r="GT27" s="72">
        <v>29</v>
      </c>
      <c r="GU27" s="73">
        <v>59</v>
      </c>
      <c r="GV27" s="443">
        <v>0</v>
      </c>
      <c r="GW27" s="72">
        <v>40</v>
      </c>
      <c r="GX27" s="72">
        <v>29</v>
      </c>
      <c r="GY27" s="72">
        <v>17</v>
      </c>
      <c r="GZ27" s="72">
        <v>20</v>
      </c>
      <c r="HA27" s="72">
        <v>14</v>
      </c>
      <c r="HB27" s="74">
        <v>120</v>
      </c>
      <c r="HC27" s="75">
        <v>179</v>
      </c>
      <c r="HD27" s="60">
        <v>0</v>
      </c>
      <c r="HE27" s="61">
        <v>0</v>
      </c>
      <c r="HF27" s="62">
        <v>0</v>
      </c>
      <c r="HG27" s="443">
        <v>0</v>
      </c>
      <c r="HH27" s="61">
        <v>0</v>
      </c>
      <c r="HI27" s="61">
        <v>0</v>
      </c>
      <c r="HJ27" s="61">
        <v>0</v>
      </c>
      <c r="HK27" s="61">
        <v>0</v>
      </c>
      <c r="HL27" s="61">
        <v>1</v>
      </c>
      <c r="HM27" s="62">
        <v>1</v>
      </c>
      <c r="HN27" s="63">
        <v>1</v>
      </c>
      <c r="HO27" s="60">
        <v>2</v>
      </c>
      <c r="HP27" s="61">
        <v>1</v>
      </c>
      <c r="HQ27" s="62">
        <v>3</v>
      </c>
      <c r="HR27" s="443">
        <v>0</v>
      </c>
      <c r="HS27" s="61">
        <v>1</v>
      </c>
      <c r="HT27" s="61">
        <v>1</v>
      </c>
      <c r="HU27" s="61">
        <v>1</v>
      </c>
      <c r="HV27" s="61">
        <v>1</v>
      </c>
      <c r="HW27" s="61">
        <v>1</v>
      </c>
      <c r="HX27" s="62">
        <v>5</v>
      </c>
      <c r="HY27" s="63">
        <v>8</v>
      </c>
      <c r="HZ27" s="60">
        <v>1</v>
      </c>
      <c r="IA27" s="61">
        <v>2</v>
      </c>
      <c r="IB27" s="62">
        <v>3</v>
      </c>
      <c r="IC27" s="443">
        <v>0</v>
      </c>
      <c r="ID27" s="61">
        <v>4</v>
      </c>
      <c r="IE27" s="61">
        <v>4</v>
      </c>
      <c r="IF27" s="61">
        <v>2</v>
      </c>
      <c r="IG27" s="61">
        <v>2</v>
      </c>
      <c r="IH27" s="61">
        <v>0</v>
      </c>
      <c r="II27" s="62">
        <v>12</v>
      </c>
      <c r="IJ27" s="63">
        <v>15</v>
      </c>
      <c r="IK27" s="60">
        <v>9</v>
      </c>
      <c r="IL27" s="61">
        <v>7</v>
      </c>
      <c r="IM27" s="62">
        <v>16</v>
      </c>
      <c r="IN27" s="443">
        <v>0</v>
      </c>
      <c r="IO27" s="61">
        <v>8</v>
      </c>
      <c r="IP27" s="61">
        <v>6</v>
      </c>
      <c r="IQ27" s="61">
        <v>3</v>
      </c>
      <c r="IR27" s="61">
        <v>5</v>
      </c>
      <c r="IS27" s="61">
        <v>4</v>
      </c>
      <c r="IT27" s="62">
        <v>26</v>
      </c>
      <c r="IU27" s="63">
        <v>42</v>
      </c>
      <c r="IV27" s="60">
        <v>8</v>
      </c>
      <c r="IW27" s="61">
        <v>7</v>
      </c>
      <c r="IX27" s="62">
        <v>15</v>
      </c>
      <c r="IY27" s="443">
        <v>0</v>
      </c>
      <c r="IZ27" s="61">
        <v>17</v>
      </c>
      <c r="JA27" s="61">
        <v>7</v>
      </c>
      <c r="JB27" s="61">
        <v>6</v>
      </c>
      <c r="JC27" s="61">
        <v>2</v>
      </c>
      <c r="JD27" s="61">
        <v>3</v>
      </c>
      <c r="JE27" s="62">
        <v>35</v>
      </c>
      <c r="JF27" s="63">
        <v>50</v>
      </c>
      <c r="JG27" s="60">
        <v>10</v>
      </c>
      <c r="JH27" s="61">
        <v>12</v>
      </c>
      <c r="JI27" s="62">
        <v>22</v>
      </c>
      <c r="JJ27" s="443">
        <v>0</v>
      </c>
      <c r="JK27" s="61">
        <v>10</v>
      </c>
      <c r="JL27" s="61">
        <v>11</v>
      </c>
      <c r="JM27" s="61">
        <v>5</v>
      </c>
      <c r="JN27" s="61">
        <v>10</v>
      </c>
      <c r="JO27" s="61">
        <v>5</v>
      </c>
      <c r="JP27" s="62">
        <v>41</v>
      </c>
      <c r="JQ27" s="63">
        <v>63</v>
      </c>
      <c r="JR27" s="60">
        <v>0</v>
      </c>
      <c r="JS27" s="61">
        <v>0</v>
      </c>
      <c r="JT27" s="62">
        <v>0</v>
      </c>
      <c r="JU27" s="443">
        <v>0</v>
      </c>
      <c r="JV27" s="61">
        <v>0</v>
      </c>
      <c r="JW27" s="61">
        <v>0</v>
      </c>
      <c r="JX27" s="61">
        <v>0</v>
      </c>
      <c r="JY27" s="61">
        <v>0</v>
      </c>
      <c r="JZ27" s="61">
        <v>0</v>
      </c>
      <c r="KA27" s="62">
        <v>0</v>
      </c>
      <c r="KB27" s="63">
        <v>0</v>
      </c>
      <c r="KC27" s="60">
        <v>30</v>
      </c>
      <c r="KD27" s="61">
        <v>29</v>
      </c>
      <c r="KE27" s="62">
        <v>59</v>
      </c>
      <c r="KF27" s="443">
        <v>0</v>
      </c>
      <c r="KG27" s="61">
        <v>40</v>
      </c>
      <c r="KH27" s="61">
        <v>29</v>
      </c>
      <c r="KI27" s="61">
        <v>17</v>
      </c>
      <c r="KJ27" s="61">
        <v>20</v>
      </c>
      <c r="KK27" s="61">
        <v>14</v>
      </c>
      <c r="KL27" s="62">
        <v>120</v>
      </c>
      <c r="KM27" s="63">
        <v>179</v>
      </c>
    </row>
    <row r="28" spans="2:299" ht="21" customHeight="1" x14ac:dyDescent="0.2">
      <c r="B28" s="437" t="s">
        <v>25</v>
      </c>
      <c r="C28" s="287">
        <v>11</v>
      </c>
      <c r="D28" s="72">
        <v>15</v>
      </c>
      <c r="E28" s="73">
        <v>26</v>
      </c>
      <c r="F28" s="443">
        <v>0</v>
      </c>
      <c r="G28" s="72">
        <v>11</v>
      </c>
      <c r="H28" s="72">
        <v>11</v>
      </c>
      <c r="I28" s="72">
        <v>6</v>
      </c>
      <c r="J28" s="72">
        <v>3</v>
      </c>
      <c r="K28" s="72">
        <v>7</v>
      </c>
      <c r="L28" s="74">
        <v>38</v>
      </c>
      <c r="M28" s="75">
        <v>64</v>
      </c>
      <c r="N28" s="60">
        <v>0</v>
      </c>
      <c r="O28" s="61">
        <v>2</v>
      </c>
      <c r="P28" s="62">
        <v>2</v>
      </c>
      <c r="Q28" s="443">
        <v>0</v>
      </c>
      <c r="R28" s="61">
        <v>0</v>
      </c>
      <c r="S28" s="61">
        <v>0</v>
      </c>
      <c r="T28" s="61">
        <v>0</v>
      </c>
      <c r="U28" s="61">
        <v>0</v>
      </c>
      <c r="V28" s="61">
        <v>0</v>
      </c>
      <c r="W28" s="62">
        <v>0</v>
      </c>
      <c r="X28" s="63">
        <v>2</v>
      </c>
      <c r="Y28" s="60">
        <v>3</v>
      </c>
      <c r="Z28" s="61">
        <v>1</v>
      </c>
      <c r="AA28" s="62">
        <v>4</v>
      </c>
      <c r="AB28" s="443">
        <v>0</v>
      </c>
      <c r="AC28" s="61">
        <v>2</v>
      </c>
      <c r="AD28" s="61">
        <v>1</v>
      </c>
      <c r="AE28" s="61">
        <v>0</v>
      </c>
      <c r="AF28" s="61">
        <v>0</v>
      </c>
      <c r="AG28" s="61">
        <v>1</v>
      </c>
      <c r="AH28" s="62">
        <v>4</v>
      </c>
      <c r="AI28" s="63">
        <v>8</v>
      </c>
      <c r="AJ28" s="60">
        <v>0</v>
      </c>
      <c r="AK28" s="61">
        <v>0</v>
      </c>
      <c r="AL28" s="62">
        <v>0</v>
      </c>
      <c r="AM28" s="443">
        <v>0</v>
      </c>
      <c r="AN28" s="61">
        <v>2</v>
      </c>
      <c r="AO28" s="61">
        <v>0</v>
      </c>
      <c r="AP28" s="61">
        <v>0</v>
      </c>
      <c r="AQ28" s="61">
        <v>0</v>
      </c>
      <c r="AR28" s="61">
        <v>0</v>
      </c>
      <c r="AS28" s="62">
        <v>2</v>
      </c>
      <c r="AT28" s="63">
        <v>2</v>
      </c>
      <c r="AU28" s="60">
        <v>4</v>
      </c>
      <c r="AV28" s="61">
        <v>6</v>
      </c>
      <c r="AW28" s="62">
        <v>10</v>
      </c>
      <c r="AX28" s="443">
        <v>0</v>
      </c>
      <c r="AY28" s="61">
        <v>4</v>
      </c>
      <c r="AZ28" s="61">
        <v>3</v>
      </c>
      <c r="BA28" s="61">
        <v>1</v>
      </c>
      <c r="BB28" s="61">
        <v>1</v>
      </c>
      <c r="BC28" s="61">
        <v>2</v>
      </c>
      <c r="BD28" s="62">
        <v>11</v>
      </c>
      <c r="BE28" s="63">
        <v>21</v>
      </c>
      <c r="BF28" s="60">
        <v>3</v>
      </c>
      <c r="BG28" s="61">
        <v>3</v>
      </c>
      <c r="BH28" s="62">
        <v>6</v>
      </c>
      <c r="BI28" s="443">
        <v>0</v>
      </c>
      <c r="BJ28" s="61">
        <v>0</v>
      </c>
      <c r="BK28" s="61">
        <v>1</v>
      </c>
      <c r="BL28" s="61">
        <v>4</v>
      </c>
      <c r="BM28" s="61">
        <v>1</v>
      </c>
      <c r="BN28" s="61">
        <v>3</v>
      </c>
      <c r="BO28" s="62">
        <v>9</v>
      </c>
      <c r="BP28" s="63">
        <v>15</v>
      </c>
      <c r="BQ28" s="60">
        <v>1</v>
      </c>
      <c r="BR28" s="61">
        <v>3</v>
      </c>
      <c r="BS28" s="62">
        <v>4</v>
      </c>
      <c r="BT28" s="443">
        <v>0</v>
      </c>
      <c r="BU28" s="61">
        <v>3</v>
      </c>
      <c r="BV28" s="61">
        <v>6</v>
      </c>
      <c r="BW28" s="61">
        <v>1</v>
      </c>
      <c r="BX28" s="61">
        <v>1</v>
      </c>
      <c r="BY28" s="61">
        <v>1</v>
      </c>
      <c r="BZ28" s="62">
        <v>12</v>
      </c>
      <c r="CA28" s="63">
        <v>16</v>
      </c>
      <c r="CB28" s="60">
        <v>0</v>
      </c>
      <c r="CC28" s="61">
        <v>0</v>
      </c>
      <c r="CD28" s="62">
        <v>0</v>
      </c>
      <c r="CE28" s="443">
        <v>0</v>
      </c>
      <c r="CF28" s="61">
        <v>0</v>
      </c>
      <c r="CG28" s="61">
        <v>0</v>
      </c>
      <c r="CH28" s="61">
        <v>0</v>
      </c>
      <c r="CI28" s="61">
        <v>0</v>
      </c>
      <c r="CJ28" s="61">
        <v>0</v>
      </c>
      <c r="CK28" s="62">
        <v>0</v>
      </c>
      <c r="CL28" s="63">
        <v>0</v>
      </c>
      <c r="CM28" s="60">
        <v>11</v>
      </c>
      <c r="CN28" s="61">
        <v>15</v>
      </c>
      <c r="CO28" s="62">
        <v>26</v>
      </c>
      <c r="CP28" s="443">
        <v>0</v>
      </c>
      <c r="CQ28" s="61">
        <v>11</v>
      </c>
      <c r="CR28" s="61">
        <v>11</v>
      </c>
      <c r="CS28" s="61">
        <v>6</v>
      </c>
      <c r="CT28" s="61">
        <v>3</v>
      </c>
      <c r="CU28" s="61">
        <v>7</v>
      </c>
      <c r="CV28" s="62">
        <v>38</v>
      </c>
      <c r="CW28" s="63">
        <v>64</v>
      </c>
      <c r="CX28" s="113">
        <v>7</v>
      </c>
      <c r="CY28" s="72">
        <v>11</v>
      </c>
      <c r="CZ28" s="73">
        <v>18</v>
      </c>
      <c r="DA28" s="443">
        <v>0</v>
      </c>
      <c r="DB28" s="72">
        <v>8</v>
      </c>
      <c r="DC28" s="72">
        <v>5</v>
      </c>
      <c r="DD28" s="72">
        <v>6</v>
      </c>
      <c r="DE28" s="72">
        <v>3</v>
      </c>
      <c r="DF28" s="72">
        <v>4</v>
      </c>
      <c r="DG28" s="74">
        <v>26</v>
      </c>
      <c r="DH28" s="75">
        <v>44</v>
      </c>
      <c r="DI28" s="60">
        <v>0</v>
      </c>
      <c r="DJ28" s="61">
        <v>0</v>
      </c>
      <c r="DK28" s="62">
        <v>0</v>
      </c>
      <c r="DL28" s="443">
        <v>0</v>
      </c>
      <c r="DM28" s="61">
        <v>0</v>
      </c>
      <c r="DN28" s="61">
        <v>0</v>
      </c>
      <c r="DO28" s="61">
        <v>0</v>
      </c>
      <c r="DP28" s="61">
        <v>0</v>
      </c>
      <c r="DQ28" s="61">
        <v>0</v>
      </c>
      <c r="DR28" s="62">
        <v>0</v>
      </c>
      <c r="DS28" s="63">
        <v>0</v>
      </c>
      <c r="DT28" s="60">
        <v>1</v>
      </c>
      <c r="DU28" s="61">
        <v>0</v>
      </c>
      <c r="DV28" s="62">
        <v>1</v>
      </c>
      <c r="DW28" s="443">
        <v>0</v>
      </c>
      <c r="DX28" s="61">
        <v>1</v>
      </c>
      <c r="DY28" s="61">
        <v>1</v>
      </c>
      <c r="DZ28" s="61">
        <v>0</v>
      </c>
      <c r="EA28" s="61">
        <v>0</v>
      </c>
      <c r="EB28" s="61">
        <v>1</v>
      </c>
      <c r="EC28" s="62">
        <v>3</v>
      </c>
      <c r="ED28" s="63">
        <v>4</v>
      </c>
      <c r="EE28" s="60">
        <v>1</v>
      </c>
      <c r="EF28" s="61">
        <v>2</v>
      </c>
      <c r="EG28" s="62">
        <v>3</v>
      </c>
      <c r="EH28" s="443">
        <v>0</v>
      </c>
      <c r="EI28" s="61">
        <v>0</v>
      </c>
      <c r="EJ28" s="61">
        <v>0</v>
      </c>
      <c r="EK28" s="61">
        <v>0</v>
      </c>
      <c r="EL28" s="61">
        <v>0</v>
      </c>
      <c r="EM28" s="61">
        <v>0</v>
      </c>
      <c r="EN28" s="62">
        <v>0</v>
      </c>
      <c r="EO28" s="63">
        <v>3</v>
      </c>
      <c r="EP28" s="60">
        <v>0</v>
      </c>
      <c r="EQ28" s="61">
        <v>2</v>
      </c>
      <c r="ER28" s="62">
        <v>2</v>
      </c>
      <c r="ES28" s="443">
        <v>0</v>
      </c>
      <c r="ET28" s="61">
        <v>1</v>
      </c>
      <c r="EU28" s="61">
        <v>1</v>
      </c>
      <c r="EV28" s="61">
        <v>0</v>
      </c>
      <c r="EW28" s="61">
        <v>0</v>
      </c>
      <c r="EX28" s="61">
        <v>0</v>
      </c>
      <c r="EY28" s="62">
        <v>2</v>
      </c>
      <c r="EZ28" s="63">
        <v>4</v>
      </c>
      <c r="FA28" s="60">
        <v>3</v>
      </c>
      <c r="FB28" s="61">
        <v>3</v>
      </c>
      <c r="FC28" s="62">
        <v>6</v>
      </c>
      <c r="FD28" s="443">
        <v>0</v>
      </c>
      <c r="FE28" s="61">
        <v>2</v>
      </c>
      <c r="FF28" s="61">
        <v>1</v>
      </c>
      <c r="FG28" s="61">
        <v>1</v>
      </c>
      <c r="FH28" s="61">
        <v>2</v>
      </c>
      <c r="FI28" s="61">
        <v>1</v>
      </c>
      <c r="FJ28" s="62">
        <v>7</v>
      </c>
      <c r="FK28" s="63">
        <v>13</v>
      </c>
      <c r="FL28" s="60">
        <v>2</v>
      </c>
      <c r="FM28" s="61">
        <v>4</v>
      </c>
      <c r="FN28" s="62">
        <v>6</v>
      </c>
      <c r="FO28" s="443">
        <v>0</v>
      </c>
      <c r="FP28" s="61">
        <v>4</v>
      </c>
      <c r="FQ28" s="61">
        <v>2</v>
      </c>
      <c r="FR28" s="61">
        <v>5</v>
      </c>
      <c r="FS28" s="61">
        <v>1</v>
      </c>
      <c r="FT28" s="61">
        <v>2</v>
      </c>
      <c r="FU28" s="62">
        <v>14</v>
      </c>
      <c r="FV28" s="63">
        <v>20</v>
      </c>
      <c r="FW28" s="60">
        <v>0</v>
      </c>
      <c r="FX28" s="61">
        <v>0</v>
      </c>
      <c r="FY28" s="62">
        <v>0</v>
      </c>
      <c r="FZ28" s="443">
        <v>0</v>
      </c>
      <c r="GA28" s="61">
        <v>0</v>
      </c>
      <c r="GB28" s="61">
        <v>0</v>
      </c>
      <c r="GC28" s="61">
        <v>0</v>
      </c>
      <c r="GD28" s="61">
        <v>0</v>
      </c>
      <c r="GE28" s="61">
        <v>0</v>
      </c>
      <c r="GF28" s="62">
        <v>0</v>
      </c>
      <c r="GG28" s="63">
        <v>0</v>
      </c>
      <c r="GH28" s="60">
        <v>7</v>
      </c>
      <c r="GI28" s="61">
        <v>11</v>
      </c>
      <c r="GJ28" s="62">
        <v>18</v>
      </c>
      <c r="GK28" s="443">
        <v>0</v>
      </c>
      <c r="GL28" s="61">
        <v>8</v>
      </c>
      <c r="GM28" s="61">
        <v>5</v>
      </c>
      <c r="GN28" s="61">
        <v>6</v>
      </c>
      <c r="GO28" s="61">
        <v>3</v>
      </c>
      <c r="GP28" s="61">
        <v>4</v>
      </c>
      <c r="GQ28" s="62">
        <v>26</v>
      </c>
      <c r="GR28" s="63">
        <v>44</v>
      </c>
      <c r="GS28" s="113">
        <v>18</v>
      </c>
      <c r="GT28" s="72">
        <v>26</v>
      </c>
      <c r="GU28" s="73">
        <v>44</v>
      </c>
      <c r="GV28" s="443">
        <v>0</v>
      </c>
      <c r="GW28" s="72">
        <v>19</v>
      </c>
      <c r="GX28" s="72">
        <v>16</v>
      </c>
      <c r="GY28" s="72">
        <v>12</v>
      </c>
      <c r="GZ28" s="72">
        <v>6</v>
      </c>
      <c r="HA28" s="72">
        <v>11</v>
      </c>
      <c r="HB28" s="74">
        <v>64</v>
      </c>
      <c r="HC28" s="75">
        <v>108</v>
      </c>
      <c r="HD28" s="60">
        <v>0</v>
      </c>
      <c r="HE28" s="61">
        <v>2</v>
      </c>
      <c r="HF28" s="62">
        <v>2</v>
      </c>
      <c r="HG28" s="443">
        <v>0</v>
      </c>
      <c r="HH28" s="61">
        <v>0</v>
      </c>
      <c r="HI28" s="61">
        <v>0</v>
      </c>
      <c r="HJ28" s="61">
        <v>0</v>
      </c>
      <c r="HK28" s="61">
        <v>0</v>
      </c>
      <c r="HL28" s="61">
        <v>0</v>
      </c>
      <c r="HM28" s="62">
        <v>0</v>
      </c>
      <c r="HN28" s="63">
        <v>2</v>
      </c>
      <c r="HO28" s="60">
        <v>4</v>
      </c>
      <c r="HP28" s="61">
        <v>1</v>
      </c>
      <c r="HQ28" s="62">
        <v>5</v>
      </c>
      <c r="HR28" s="443">
        <v>0</v>
      </c>
      <c r="HS28" s="61">
        <v>3</v>
      </c>
      <c r="HT28" s="61">
        <v>2</v>
      </c>
      <c r="HU28" s="61">
        <v>0</v>
      </c>
      <c r="HV28" s="61">
        <v>0</v>
      </c>
      <c r="HW28" s="61">
        <v>2</v>
      </c>
      <c r="HX28" s="62">
        <v>7</v>
      </c>
      <c r="HY28" s="63">
        <v>12</v>
      </c>
      <c r="HZ28" s="60">
        <v>1</v>
      </c>
      <c r="IA28" s="61">
        <v>2</v>
      </c>
      <c r="IB28" s="62">
        <v>3</v>
      </c>
      <c r="IC28" s="443">
        <v>0</v>
      </c>
      <c r="ID28" s="61">
        <v>2</v>
      </c>
      <c r="IE28" s="61">
        <v>0</v>
      </c>
      <c r="IF28" s="61">
        <v>0</v>
      </c>
      <c r="IG28" s="61">
        <v>0</v>
      </c>
      <c r="IH28" s="61">
        <v>0</v>
      </c>
      <c r="II28" s="62">
        <v>2</v>
      </c>
      <c r="IJ28" s="63">
        <v>5</v>
      </c>
      <c r="IK28" s="60">
        <v>4</v>
      </c>
      <c r="IL28" s="61">
        <v>8</v>
      </c>
      <c r="IM28" s="62">
        <v>12</v>
      </c>
      <c r="IN28" s="443">
        <v>0</v>
      </c>
      <c r="IO28" s="61">
        <v>5</v>
      </c>
      <c r="IP28" s="61">
        <v>4</v>
      </c>
      <c r="IQ28" s="61">
        <v>1</v>
      </c>
      <c r="IR28" s="61">
        <v>1</v>
      </c>
      <c r="IS28" s="61">
        <v>2</v>
      </c>
      <c r="IT28" s="62">
        <v>13</v>
      </c>
      <c r="IU28" s="63">
        <v>25</v>
      </c>
      <c r="IV28" s="60">
        <v>6</v>
      </c>
      <c r="IW28" s="61">
        <v>6</v>
      </c>
      <c r="IX28" s="62">
        <v>12</v>
      </c>
      <c r="IY28" s="443">
        <v>0</v>
      </c>
      <c r="IZ28" s="61">
        <v>2</v>
      </c>
      <c r="JA28" s="61">
        <v>2</v>
      </c>
      <c r="JB28" s="61">
        <v>5</v>
      </c>
      <c r="JC28" s="61">
        <v>3</v>
      </c>
      <c r="JD28" s="61">
        <v>4</v>
      </c>
      <c r="JE28" s="62">
        <v>16</v>
      </c>
      <c r="JF28" s="63">
        <v>28</v>
      </c>
      <c r="JG28" s="60">
        <v>3</v>
      </c>
      <c r="JH28" s="61">
        <v>7</v>
      </c>
      <c r="JI28" s="62">
        <v>10</v>
      </c>
      <c r="JJ28" s="443">
        <v>0</v>
      </c>
      <c r="JK28" s="61">
        <v>7</v>
      </c>
      <c r="JL28" s="61">
        <v>8</v>
      </c>
      <c r="JM28" s="61">
        <v>6</v>
      </c>
      <c r="JN28" s="61">
        <v>2</v>
      </c>
      <c r="JO28" s="61">
        <v>3</v>
      </c>
      <c r="JP28" s="62">
        <v>26</v>
      </c>
      <c r="JQ28" s="63">
        <v>36</v>
      </c>
      <c r="JR28" s="60">
        <v>0</v>
      </c>
      <c r="JS28" s="61">
        <v>0</v>
      </c>
      <c r="JT28" s="62">
        <v>0</v>
      </c>
      <c r="JU28" s="443">
        <v>0</v>
      </c>
      <c r="JV28" s="61">
        <v>0</v>
      </c>
      <c r="JW28" s="61">
        <v>0</v>
      </c>
      <c r="JX28" s="61">
        <v>0</v>
      </c>
      <c r="JY28" s="61">
        <v>0</v>
      </c>
      <c r="JZ28" s="61">
        <v>0</v>
      </c>
      <c r="KA28" s="62">
        <v>0</v>
      </c>
      <c r="KB28" s="63">
        <v>0</v>
      </c>
      <c r="KC28" s="60">
        <v>18</v>
      </c>
      <c r="KD28" s="61">
        <v>26</v>
      </c>
      <c r="KE28" s="62">
        <v>44</v>
      </c>
      <c r="KF28" s="443">
        <v>0</v>
      </c>
      <c r="KG28" s="61">
        <v>19</v>
      </c>
      <c r="KH28" s="61">
        <v>16</v>
      </c>
      <c r="KI28" s="61">
        <v>12</v>
      </c>
      <c r="KJ28" s="61">
        <v>6</v>
      </c>
      <c r="KK28" s="61">
        <v>11</v>
      </c>
      <c r="KL28" s="62">
        <v>64</v>
      </c>
      <c r="KM28" s="63">
        <v>108</v>
      </c>
    </row>
    <row r="29" spans="2:299" ht="21" customHeight="1" x14ac:dyDescent="0.2">
      <c r="B29" s="437" t="s">
        <v>26</v>
      </c>
      <c r="C29" s="287">
        <v>9</v>
      </c>
      <c r="D29" s="72">
        <v>12</v>
      </c>
      <c r="E29" s="73">
        <v>21</v>
      </c>
      <c r="F29" s="443">
        <v>0</v>
      </c>
      <c r="G29" s="72">
        <v>24</v>
      </c>
      <c r="H29" s="72">
        <v>19</v>
      </c>
      <c r="I29" s="72">
        <v>8</v>
      </c>
      <c r="J29" s="72">
        <v>9</v>
      </c>
      <c r="K29" s="72">
        <v>7</v>
      </c>
      <c r="L29" s="74">
        <v>67</v>
      </c>
      <c r="M29" s="75">
        <v>88</v>
      </c>
      <c r="N29" s="60">
        <v>0</v>
      </c>
      <c r="O29" s="61">
        <v>0</v>
      </c>
      <c r="P29" s="62">
        <v>0</v>
      </c>
      <c r="Q29" s="443">
        <v>0</v>
      </c>
      <c r="R29" s="61">
        <v>1</v>
      </c>
      <c r="S29" s="61">
        <v>0</v>
      </c>
      <c r="T29" s="61">
        <v>1</v>
      </c>
      <c r="U29" s="61">
        <v>0</v>
      </c>
      <c r="V29" s="61">
        <v>0</v>
      </c>
      <c r="W29" s="62">
        <v>2</v>
      </c>
      <c r="X29" s="63">
        <v>2</v>
      </c>
      <c r="Y29" s="60">
        <v>0</v>
      </c>
      <c r="Z29" s="61">
        <v>2</v>
      </c>
      <c r="AA29" s="62">
        <v>2</v>
      </c>
      <c r="AB29" s="443">
        <v>0</v>
      </c>
      <c r="AC29" s="61">
        <v>2</v>
      </c>
      <c r="AD29" s="61">
        <v>1</v>
      </c>
      <c r="AE29" s="61">
        <v>0</v>
      </c>
      <c r="AF29" s="61">
        <v>1</v>
      </c>
      <c r="AG29" s="61">
        <v>1</v>
      </c>
      <c r="AH29" s="62">
        <v>5</v>
      </c>
      <c r="AI29" s="63">
        <v>7</v>
      </c>
      <c r="AJ29" s="60">
        <v>1</v>
      </c>
      <c r="AK29" s="61">
        <v>1</v>
      </c>
      <c r="AL29" s="62">
        <v>2</v>
      </c>
      <c r="AM29" s="443">
        <v>0</v>
      </c>
      <c r="AN29" s="61">
        <v>4</v>
      </c>
      <c r="AO29" s="61">
        <v>4</v>
      </c>
      <c r="AP29" s="61">
        <v>0</v>
      </c>
      <c r="AQ29" s="61">
        <v>1</v>
      </c>
      <c r="AR29" s="61">
        <v>0</v>
      </c>
      <c r="AS29" s="62">
        <v>9</v>
      </c>
      <c r="AT29" s="63">
        <v>11</v>
      </c>
      <c r="AU29" s="60">
        <v>3</v>
      </c>
      <c r="AV29" s="61">
        <v>2</v>
      </c>
      <c r="AW29" s="62">
        <v>5</v>
      </c>
      <c r="AX29" s="443">
        <v>0</v>
      </c>
      <c r="AY29" s="61">
        <v>4</v>
      </c>
      <c r="AZ29" s="61">
        <v>6</v>
      </c>
      <c r="BA29" s="61">
        <v>2</v>
      </c>
      <c r="BB29" s="61">
        <v>3</v>
      </c>
      <c r="BC29" s="61">
        <v>1</v>
      </c>
      <c r="BD29" s="62">
        <v>16</v>
      </c>
      <c r="BE29" s="63">
        <v>21</v>
      </c>
      <c r="BF29" s="60">
        <v>2</v>
      </c>
      <c r="BG29" s="61">
        <v>2</v>
      </c>
      <c r="BH29" s="62">
        <v>4</v>
      </c>
      <c r="BI29" s="443">
        <v>0</v>
      </c>
      <c r="BJ29" s="61">
        <v>6</v>
      </c>
      <c r="BK29" s="61">
        <v>3</v>
      </c>
      <c r="BL29" s="61">
        <v>3</v>
      </c>
      <c r="BM29" s="61">
        <v>3</v>
      </c>
      <c r="BN29" s="61">
        <v>2</v>
      </c>
      <c r="BO29" s="62">
        <v>17</v>
      </c>
      <c r="BP29" s="63">
        <v>21</v>
      </c>
      <c r="BQ29" s="60">
        <v>3</v>
      </c>
      <c r="BR29" s="61">
        <v>5</v>
      </c>
      <c r="BS29" s="62">
        <v>8</v>
      </c>
      <c r="BT29" s="443">
        <v>0</v>
      </c>
      <c r="BU29" s="61">
        <v>7</v>
      </c>
      <c r="BV29" s="61">
        <v>5</v>
      </c>
      <c r="BW29" s="61">
        <v>2</v>
      </c>
      <c r="BX29" s="61">
        <v>1</v>
      </c>
      <c r="BY29" s="61">
        <v>3</v>
      </c>
      <c r="BZ29" s="62">
        <v>18</v>
      </c>
      <c r="CA29" s="63">
        <v>26</v>
      </c>
      <c r="CB29" s="60">
        <v>0</v>
      </c>
      <c r="CC29" s="61">
        <v>0</v>
      </c>
      <c r="CD29" s="62">
        <v>0</v>
      </c>
      <c r="CE29" s="443">
        <v>0</v>
      </c>
      <c r="CF29" s="61">
        <v>0</v>
      </c>
      <c r="CG29" s="61">
        <v>0</v>
      </c>
      <c r="CH29" s="61">
        <v>0</v>
      </c>
      <c r="CI29" s="61">
        <v>0</v>
      </c>
      <c r="CJ29" s="61">
        <v>0</v>
      </c>
      <c r="CK29" s="62">
        <v>0</v>
      </c>
      <c r="CL29" s="63">
        <v>0</v>
      </c>
      <c r="CM29" s="60">
        <v>9</v>
      </c>
      <c r="CN29" s="61">
        <v>12</v>
      </c>
      <c r="CO29" s="62">
        <v>21</v>
      </c>
      <c r="CP29" s="443">
        <v>0</v>
      </c>
      <c r="CQ29" s="61">
        <v>24</v>
      </c>
      <c r="CR29" s="61">
        <v>19</v>
      </c>
      <c r="CS29" s="61">
        <v>8</v>
      </c>
      <c r="CT29" s="61">
        <v>9</v>
      </c>
      <c r="CU29" s="61">
        <v>7</v>
      </c>
      <c r="CV29" s="62">
        <v>67</v>
      </c>
      <c r="CW29" s="63">
        <v>88</v>
      </c>
      <c r="CX29" s="113">
        <v>4</v>
      </c>
      <c r="CY29" s="72">
        <v>5</v>
      </c>
      <c r="CZ29" s="73">
        <v>9</v>
      </c>
      <c r="DA29" s="443">
        <v>0</v>
      </c>
      <c r="DB29" s="72">
        <v>8</v>
      </c>
      <c r="DC29" s="72">
        <v>7</v>
      </c>
      <c r="DD29" s="72">
        <v>5</v>
      </c>
      <c r="DE29" s="72">
        <v>3</v>
      </c>
      <c r="DF29" s="72">
        <v>1</v>
      </c>
      <c r="DG29" s="74">
        <v>24</v>
      </c>
      <c r="DH29" s="75">
        <v>33</v>
      </c>
      <c r="DI29" s="60">
        <v>1</v>
      </c>
      <c r="DJ29" s="61">
        <v>0</v>
      </c>
      <c r="DK29" s="62">
        <v>1</v>
      </c>
      <c r="DL29" s="443">
        <v>0</v>
      </c>
      <c r="DM29" s="61">
        <v>0</v>
      </c>
      <c r="DN29" s="61">
        <v>0</v>
      </c>
      <c r="DO29" s="61">
        <v>0</v>
      </c>
      <c r="DP29" s="61">
        <v>0</v>
      </c>
      <c r="DQ29" s="61">
        <v>0</v>
      </c>
      <c r="DR29" s="62">
        <v>0</v>
      </c>
      <c r="DS29" s="63">
        <v>1</v>
      </c>
      <c r="DT29" s="60">
        <v>0</v>
      </c>
      <c r="DU29" s="61">
        <v>0</v>
      </c>
      <c r="DV29" s="62">
        <v>0</v>
      </c>
      <c r="DW29" s="443">
        <v>0</v>
      </c>
      <c r="DX29" s="61">
        <v>0</v>
      </c>
      <c r="DY29" s="61">
        <v>1</v>
      </c>
      <c r="DZ29" s="61">
        <v>0</v>
      </c>
      <c r="EA29" s="61">
        <v>1</v>
      </c>
      <c r="EB29" s="61">
        <v>0</v>
      </c>
      <c r="EC29" s="62">
        <v>2</v>
      </c>
      <c r="ED29" s="63">
        <v>2</v>
      </c>
      <c r="EE29" s="60">
        <v>1</v>
      </c>
      <c r="EF29" s="61">
        <v>3</v>
      </c>
      <c r="EG29" s="62">
        <v>4</v>
      </c>
      <c r="EH29" s="443">
        <v>0</v>
      </c>
      <c r="EI29" s="61">
        <v>1</v>
      </c>
      <c r="EJ29" s="61">
        <v>0</v>
      </c>
      <c r="EK29" s="61">
        <v>1</v>
      </c>
      <c r="EL29" s="61">
        <v>0</v>
      </c>
      <c r="EM29" s="61">
        <v>0</v>
      </c>
      <c r="EN29" s="62">
        <v>2</v>
      </c>
      <c r="EO29" s="63">
        <v>6</v>
      </c>
      <c r="EP29" s="60">
        <v>0</v>
      </c>
      <c r="EQ29" s="61">
        <v>0</v>
      </c>
      <c r="ER29" s="62">
        <v>0</v>
      </c>
      <c r="ES29" s="443">
        <v>0</v>
      </c>
      <c r="ET29" s="61">
        <v>0</v>
      </c>
      <c r="EU29" s="61">
        <v>0</v>
      </c>
      <c r="EV29" s="61">
        <v>1</v>
      </c>
      <c r="EW29" s="61">
        <v>0</v>
      </c>
      <c r="EX29" s="61">
        <v>0</v>
      </c>
      <c r="EY29" s="62">
        <v>1</v>
      </c>
      <c r="EZ29" s="63">
        <v>1</v>
      </c>
      <c r="FA29" s="60">
        <v>2</v>
      </c>
      <c r="FB29" s="61">
        <v>1</v>
      </c>
      <c r="FC29" s="62">
        <v>3</v>
      </c>
      <c r="FD29" s="443">
        <v>0</v>
      </c>
      <c r="FE29" s="61">
        <v>5</v>
      </c>
      <c r="FF29" s="61">
        <v>1</v>
      </c>
      <c r="FG29" s="61">
        <v>1</v>
      </c>
      <c r="FH29" s="61">
        <v>0</v>
      </c>
      <c r="FI29" s="61">
        <v>0</v>
      </c>
      <c r="FJ29" s="62">
        <v>7</v>
      </c>
      <c r="FK29" s="63">
        <v>10</v>
      </c>
      <c r="FL29" s="60">
        <v>0</v>
      </c>
      <c r="FM29" s="61">
        <v>1</v>
      </c>
      <c r="FN29" s="62">
        <v>1</v>
      </c>
      <c r="FO29" s="443">
        <v>0</v>
      </c>
      <c r="FP29" s="61">
        <v>2</v>
      </c>
      <c r="FQ29" s="61">
        <v>5</v>
      </c>
      <c r="FR29" s="61">
        <v>2</v>
      </c>
      <c r="FS29" s="61">
        <v>2</v>
      </c>
      <c r="FT29" s="61">
        <v>1</v>
      </c>
      <c r="FU29" s="62">
        <v>12</v>
      </c>
      <c r="FV29" s="63">
        <v>13</v>
      </c>
      <c r="FW29" s="60">
        <v>0</v>
      </c>
      <c r="FX29" s="61">
        <v>0</v>
      </c>
      <c r="FY29" s="62">
        <v>0</v>
      </c>
      <c r="FZ29" s="443">
        <v>0</v>
      </c>
      <c r="GA29" s="61">
        <v>0</v>
      </c>
      <c r="GB29" s="61">
        <v>0</v>
      </c>
      <c r="GC29" s="61">
        <v>0</v>
      </c>
      <c r="GD29" s="61">
        <v>0</v>
      </c>
      <c r="GE29" s="61">
        <v>0</v>
      </c>
      <c r="GF29" s="62">
        <v>0</v>
      </c>
      <c r="GG29" s="63">
        <v>0</v>
      </c>
      <c r="GH29" s="60">
        <v>4</v>
      </c>
      <c r="GI29" s="61">
        <v>5</v>
      </c>
      <c r="GJ29" s="62">
        <v>9</v>
      </c>
      <c r="GK29" s="443">
        <v>0</v>
      </c>
      <c r="GL29" s="61">
        <v>8</v>
      </c>
      <c r="GM29" s="61">
        <v>7</v>
      </c>
      <c r="GN29" s="61">
        <v>5</v>
      </c>
      <c r="GO29" s="61">
        <v>3</v>
      </c>
      <c r="GP29" s="61">
        <v>1</v>
      </c>
      <c r="GQ29" s="62">
        <v>24</v>
      </c>
      <c r="GR29" s="63">
        <v>33</v>
      </c>
      <c r="GS29" s="113">
        <v>13</v>
      </c>
      <c r="GT29" s="72">
        <v>17</v>
      </c>
      <c r="GU29" s="73">
        <v>30</v>
      </c>
      <c r="GV29" s="443">
        <v>0</v>
      </c>
      <c r="GW29" s="72">
        <v>32</v>
      </c>
      <c r="GX29" s="72">
        <v>26</v>
      </c>
      <c r="GY29" s="72">
        <v>13</v>
      </c>
      <c r="GZ29" s="72">
        <v>12</v>
      </c>
      <c r="HA29" s="72">
        <v>8</v>
      </c>
      <c r="HB29" s="74">
        <v>91</v>
      </c>
      <c r="HC29" s="75">
        <v>121</v>
      </c>
      <c r="HD29" s="60">
        <v>1</v>
      </c>
      <c r="HE29" s="61">
        <v>0</v>
      </c>
      <c r="HF29" s="62">
        <v>1</v>
      </c>
      <c r="HG29" s="443">
        <v>0</v>
      </c>
      <c r="HH29" s="61">
        <v>1</v>
      </c>
      <c r="HI29" s="61">
        <v>0</v>
      </c>
      <c r="HJ29" s="61">
        <v>1</v>
      </c>
      <c r="HK29" s="61">
        <v>0</v>
      </c>
      <c r="HL29" s="61">
        <v>0</v>
      </c>
      <c r="HM29" s="62">
        <v>2</v>
      </c>
      <c r="HN29" s="63">
        <v>3</v>
      </c>
      <c r="HO29" s="60">
        <v>0</v>
      </c>
      <c r="HP29" s="61">
        <v>2</v>
      </c>
      <c r="HQ29" s="62">
        <v>2</v>
      </c>
      <c r="HR29" s="443">
        <v>0</v>
      </c>
      <c r="HS29" s="61">
        <v>2</v>
      </c>
      <c r="HT29" s="61">
        <v>2</v>
      </c>
      <c r="HU29" s="61">
        <v>0</v>
      </c>
      <c r="HV29" s="61">
        <v>2</v>
      </c>
      <c r="HW29" s="61">
        <v>1</v>
      </c>
      <c r="HX29" s="62">
        <v>7</v>
      </c>
      <c r="HY29" s="63">
        <v>9</v>
      </c>
      <c r="HZ29" s="60">
        <v>2</v>
      </c>
      <c r="IA29" s="61">
        <v>4</v>
      </c>
      <c r="IB29" s="62">
        <v>6</v>
      </c>
      <c r="IC29" s="443">
        <v>0</v>
      </c>
      <c r="ID29" s="61">
        <v>5</v>
      </c>
      <c r="IE29" s="61">
        <v>4</v>
      </c>
      <c r="IF29" s="61">
        <v>1</v>
      </c>
      <c r="IG29" s="61">
        <v>1</v>
      </c>
      <c r="IH29" s="61">
        <v>0</v>
      </c>
      <c r="II29" s="62">
        <v>11</v>
      </c>
      <c r="IJ29" s="63">
        <v>17</v>
      </c>
      <c r="IK29" s="60">
        <v>3</v>
      </c>
      <c r="IL29" s="61">
        <v>2</v>
      </c>
      <c r="IM29" s="62">
        <v>5</v>
      </c>
      <c r="IN29" s="443">
        <v>0</v>
      </c>
      <c r="IO29" s="61">
        <v>4</v>
      </c>
      <c r="IP29" s="61">
        <v>6</v>
      </c>
      <c r="IQ29" s="61">
        <v>3</v>
      </c>
      <c r="IR29" s="61">
        <v>3</v>
      </c>
      <c r="IS29" s="61">
        <v>1</v>
      </c>
      <c r="IT29" s="62">
        <v>17</v>
      </c>
      <c r="IU29" s="63">
        <v>22</v>
      </c>
      <c r="IV29" s="60">
        <v>4</v>
      </c>
      <c r="IW29" s="61">
        <v>3</v>
      </c>
      <c r="IX29" s="62">
        <v>7</v>
      </c>
      <c r="IY29" s="443">
        <v>0</v>
      </c>
      <c r="IZ29" s="61">
        <v>11</v>
      </c>
      <c r="JA29" s="61">
        <v>4</v>
      </c>
      <c r="JB29" s="61">
        <v>4</v>
      </c>
      <c r="JC29" s="61">
        <v>3</v>
      </c>
      <c r="JD29" s="61">
        <v>2</v>
      </c>
      <c r="JE29" s="62">
        <v>24</v>
      </c>
      <c r="JF29" s="63">
        <v>31</v>
      </c>
      <c r="JG29" s="60">
        <v>3</v>
      </c>
      <c r="JH29" s="61">
        <v>6</v>
      </c>
      <c r="JI29" s="62">
        <v>9</v>
      </c>
      <c r="JJ29" s="443">
        <v>0</v>
      </c>
      <c r="JK29" s="61">
        <v>9</v>
      </c>
      <c r="JL29" s="61">
        <v>10</v>
      </c>
      <c r="JM29" s="61">
        <v>4</v>
      </c>
      <c r="JN29" s="61">
        <v>3</v>
      </c>
      <c r="JO29" s="61">
        <v>4</v>
      </c>
      <c r="JP29" s="62">
        <v>30</v>
      </c>
      <c r="JQ29" s="63">
        <v>39</v>
      </c>
      <c r="JR29" s="60">
        <v>0</v>
      </c>
      <c r="JS29" s="61">
        <v>0</v>
      </c>
      <c r="JT29" s="62">
        <v>0</v>
      </c>
      <c r="JU29" s="443">
        <v>0</v>
      </c>
      <c r="JV29" s="61">
        <v>0</v>
      </c>
      <c r="JW29" s="61">
        <v>0</v>
      </c>
      <c r="JX29" s="61">
        <v>0</v>
      </c>
      <c r="JY29" s="61">
        <v>0</v>
      </c>
      <c r="JZ29" s="61">
        <v>0</v>
      </c>
      <c r="KA29" s="62">
        <v>0</v>
      </c>
      <c r="KB29" s="63">
        <v>0</v>
      </c>
      <c r="KC29" s="60">
        <v>13</v>
      </c>
      <c r="KD29" s="61">
        <v>17</v>
      </c>
      <c r="KE29" s="62">
        <v>30</v>
      </c>
      <c r="KF29" s="443">
        <v>0</v>
      </c>
      <c r="KG29" s="61">
        <v>32</v>
      </c>
      <c r="KH29" s="61">
        <v>26</v>
      </c>
      <c r="KI29" s="61">
        <v>13</v>
      </c>
      <c r="KJ29" s="61">
        <v>12</v>
      </c>
      <c r="KK29" s="61">
        <v>8</v>
      </c>
      <c r="KL29" s="62">
        <v>91</v>
      </c>
      <c r="KM29" s="63">
        <v>121</v>
      </c>
    </row>
    <row r="30" spans="2:299" ht="21" customHeight="1" x14ac:dyDescent="0.2">
      <c r="B30" s="437" t="s">
        <v>27</v>
      </c>
      <c r="C30" s="287">
        <v>14</v>
      </c>
      <c r="D30" s="72">
        <v>17</v>
      </c>
      <c r="E30" s="73">
        <v>31</v>
      </c>
      <c r="F30" s="443">
        <v>0</v>
      </c>
      <c r="G30" s="72">
        <v>12</v>
      </c>
      <c r="H30" s="72">
        <v>14</v>
      </c>
      <c r="I30" s="72">
        <v>14</v>
      </c>
      <c r="J30" s="72">
        <v>5</v>
      </c>
      <c r="K30" s="72">
        <v>3</v>
      </c>
      <c r="L30" s="74">
        <v>48</v>
      </c>
      <c r="M30" s="75">
        <v>79</v>
      </c>
      <c r="N30" s="60">
        <v>0</v>
      </c>
      <c r="O30" s="61">
        <v>2</v>
      </c>
      <c r="P30" s="62">
        <v>2</v>
      </c>
      <c r="Q30" s="443">
        <v>0</v>
      </c>
      <c r="R30" s="61">
        <v>0</v>
      </c>
      <c r="S30" s="61">
        <v>0</v>
      </c>
      <c r="T30" s="61">
        <v>0</v>
      </c>
      <c r="U30" s="61">
        <v>0</v>
      </c>
      <c r="V30" s="61">
        <v>0</v>
      </c>
      <c r="W30" s="62">
        <v>0</v>
      </c>
      <c r="X30" s="63">
        <v>2</v>
      </c>
      <c r="Y30" s="60">
        <v>0</v>
      </c>
      <c r="Z30" s="61">
        <v>1</v>
      </c>
      <c r="AA30" s="62">
        <v>1</v>
      </c>
      <c r="AB30" s="443">
        <v>0</v>
      </c>
      <c r="AC30" s="61">
        <v>0</v>
      </c>
      <c r="AD30" s="61">
        <v>2</v>
      </c>
      <c r="AE30" s="61">
        <v>1</v>
      </c>
      <c r="AF30" s="61">
        <v>0</v>
      </c>
      <c r="AG30" s="61">
        <v>1</v>
      </c>
      <c r="AH30" s="62">
        <v>4</v>
      </c>
      <c r="AI30" s="63">
        <v>5</v>
      </c>
      <c r="AJ30" s="60">
        <v>2</v>
      </c>
      <c r="AK30" s="61">
        <v>1</v>
      </c>
      <c r="AL30" s="62">
        <v>3</v>
      </c>
      <c r="AM30" s="443">
        <v>0</v>
      </c>
      <c r="AN30" s="61">
        <v>0</v>
      </c>
      <c r="AO30" s="61">
        <v>1</v>
      </c>
      <c r="AP30" s="61">
        <v>1</v>
      </c>
      <c r="AQ30" s="61">
        <v>0</v>
      </c>
      <c r="AR30" s="61">
        <v>0</v>
      </c>
      <c r="AS30" s="62">
        <v>2</v>
      </c>
      <c r="AT30" s="63">
        <v>5</v>
      </c>
      <c r="AU30" s="60">
        <v>5</v>
      </c>
      <c r="AV30" s="61">
        <v>5</v>
      </c>
      <c r="AW30" s="62">
        <v>10</v>
      </c>
      <c r="AX30" s="443">
        <v>0</v>
      </c>
      <c r="AY30" s="61">
        <v>4</v>
      </c>
      <c r="AZ30" s="61">
        <v>5</v>
      </c>
      <c r="BA30" s="61">
        <v>4</v>
      </c>
      <c r="BB30" s="61">
        <v>1</v>
      </c>
      <c r="BC30" s="61">
        <v>1</v>
      </c>
      <c r="BD30" s="62">
        <v>15</v>
      </c>
      <c r="BE30" s="63">
        <v>25</v>
      </c>
      <c r="BF30" s="60">
        <v>5</v>
      </c>
      <c r="BG30" s="61">
        <v>6</v>
      </c>
      <c r="BH30" s="62">
        <v>11</v>
      </c>
      <c r="BI30" s="443">
        <v>0</v>
      </c>
      <c r="BJ30" s="61">
        <v>1</v>
      </c>
      <c r="BK30" s="61">
        <v>2</v>
      </c>
      <c r="BL30" s="61">
        <v>3</v>
      </c>
      <c r="BM30" s="61">
        <v>3</v>
      </c>
      <c r="BN30" s="61">
        <v>1</v>
      </c>
      <c r="BO30" s="62">
        <v>10</v>
      </c>
      <c r="BP30" s="63">
        <v>21</v>
      </c>
      <c r="BQ30" s="60">
        <v>2</v>
      </c>
      <c r="BR30" s="61">
        <v>2</v>
      </c>
      <c r="BS30" s="62">
        <v>4</v>
      </c>
      <c r="BT30" s="443">
        <v>0</v>
      </c>
      <c r="BU30" s="61">
        <v>7</v>
      </c>
      <c r="BV30" s="61">
        <v>4</v>
      </c>
      <c r="BW30" s="61">
        <v>5</v>
      </c>
      <c r="BX30" s="61">
        <v>1</v>
      </c>
      <c r="BY30" s="61">
        <v>0</v>
      </c>
      <c r="BZ30" s="62">
        <v>17</v>
      </c>
      <c r="CA30" s="63">
        <v>21</v>
      </c>
      <c r="CB30" s="60">
        <v>0</v>
      </c>
      <c r="CC30" s="61">
        <v>0</v>
      </c>
      <c r="CD30" s="62">
        <v>0</v>
      </c>
      <c r="CE30" s="443">
        <v>0</v>
      </c>
      <c r="CF30" s="61">
        <v>0</v>
      </c>
      <c r="CG30" s="61">
        <v>0</v>
      </c>
      <c r="CH30" s="61">
        <v>0</v>
      </c>
      <c r="CI30" s="61">
        <v>0</v>
      </c>
      <c r="CJ30" s="61">
        <v>0</v>
      </c>
      <c r="CK30" s="62">
        <v>0</v>
      </c>
      <c r="CL30" s="63">
        <v>0</v>
      </c>
      <c r="CM30" s="60">
        <v>14</v>
      </c>
      <c r="CN30" s="61">
        <v>17</v>
      </c>
      <c r="CO30" s="62">
        <v>31</v>
      </c>
      <c r="CP30" s="443">
        <v>0</v>
      </c>
      <c r="CQ30" s="61">
        <v>12</v>
      </c>
      <c r="CR30" s="61">
        <v>14</v>
      </c>
      <c r="CS30" s="61">
        <v>14</v>
      </c>
      <c r="CT30" s="61">
        <v>5</v>
      </c>
      <c r="CU30" s="61">
        <v>3</v>
      </c>
      <c r="CV30" s="62">
        <v>48</v>
      </c>
      <c r="CW30" s="63">
        <v>79</v>
      </c>
      <c r="CX30" s="113">
        <v>5</v>
      </c>
      <c r="CY30" s="72">
        <v>3</v>
      </c>
      <c r="CZ30" s="73">
        <v>8</v>
      </c>
      <c r="DA30" s="443">
        <v>0</v>
      </c>
      <c r="DB30" s="72">
        <v>10</v>
      </c>
      <c r="DC30" s="72">
        <v>3</v>
      </c>
      <c r="DD30" s="72">
        <v>5</v>
      </c>
      <c r="DE30" s="72">
        <v>1</v>
      </c>
      <c r="DF30" s="72">
        <v>1</v>
      </c>
      <c r="DG30" s="74">
        <v>20</v>
      </c>
      <c r="DH30" s="75">
        <v>28</v>
      </c>
      <c r="DI30" s="60">
        <v>1</v>
      </c>
      <c r="DJ30" s="61">
        <v>0</v>
      </c>
      <c r="DK30" s="62">
        <v>1</v>
      </c>
      <c r="DL30" s="443">
        <v>0</v>
      </c>
      <c r="DM30" s="61">
        <v>0</v>
      </c>
      <c r="DN30" s="61">
        <v>0</v>
      </c>
      <c r="DO30" s="61">
        <v>0</v>
      </c>
      <c r="DP30" s="61">
        <v>0</v>
      </c>
      <c r="DQ30" s="61">
        <v>0</v>
      </c>
      <c r="DR30" s="62">
        <v>0</v>
      </c>
      <c r="DS30" s="63">
        <v>1</v>
      </c>
      <c r="DT30" s="60">
        <v>0</v>
      </c>
      <c r="DU30" s="61">
        <v>0</v>
      </c>
      <c r="DV30" s="62">
        <v>0</v>
      </c>
      <c r="DW30" s="443">
        <v>0</v>
      </c>
      <c r="DX30" s="61">
        <v>0</v>
      </c>
      <c r="DY30" s="61">
        <v>0</v>
      </c>
      <c r="DZ30" s="61">
        <v>0</v>
      </c>
      <c r="EA30" s="61">
        <v>0</v>
      </c>
      <c r="EB30" s="61">
        <v>0</v>
      </c>
      <c r="EC30" s="62">
        <v>0</v>
      </c>
      <c r="ED30" s="63">
        <v>0</v>
      </c>
      <c r="EE30" s="60">
        <v>0</v>
      </c>
      <c r="EF30" s="61">
        <v>0</v>
      </c>
      <c r="EG30" s="62">
        <v>0</v>
      </c>
      <c r="EH30" s="443">
        <v>0</v>
      </c>
      <c r="EI30" s="61">
        <v>0</v>
      </c>
      <c r="EJ30" s="61">
        <v>1</v>
      </c>
      <c r="EK30" s="61">
        <v>0</v>
      </c>
      <c r="EL30" s="61">
        <v>0</v>
      </c>
      <c r="EM30" s="61">
        <v>0</v>
      </c>
      <c r="EN30" s="62">
        <v>1</v>
      </c>
      <c r="EO30" s="63">
        <v>1</v>
      </c>
      <c r="EP30" s="60">
        <v>4</v>
      </c>
      <c r="EQ30" s="61">
        <v>0</v>
      </c>
      <c r="ER30" s="62">
        <v>4</v>
      </c>
      <c r="ES30" s="443">
        <v>0</v>
      </c>
      <c r="ET30" s="61">
        <v>3</v>
      </c>
      <c r="EU30" s="61">
        <v>1</v>
      </c>
      <c r="EV30" s="61">
        <v>0</v>
      </c>
      <c r="EW30" s="61">
        <v>0</v>
      </c>
      <c r="EX30" s="61">
        <v>0</v>
      </c>
      <c r="EY30" s="62">
        <v>4</v>
      </c>
      <c r="EZ30" s="63">
        <v>8</v>
      </c>
      <c r="FA30" s="60">
        <v>0</v>
      </c>
      <c r="FB30" s="61">
        <v>1</v>
      </c>
      <c r="FC30" s="62">
        <v>1</v>
      </c>
      <c r="FD30" s="443">
        <v>0</v>
      </c>
      <c r="FE30" s="61">
        <v>3</v>
      </c>
      <c r="FF30" s="61">
        <v>0</v>
      </c>
      <c r="FG30" s="61">
        <v>1</v>
      </c>
      <c r="FH30" s="61">
        <v>1</v>
      </c>
      <c r="FI30" s="61">
        <v>0</v>
      </c>
      <c r="FJ30" s="62">
        <v>5</v>
      </c>
      <c r="FK30" s="63">
        <v>6</v>
      </c>
      <c r="FL30" s="60">
        <v>0</v>
      </c>
      <c r="FM30" s="61">
        <v>2</v>
      </c>
      <c r="FN30" s="62">
        <v>2</v>
      </c>
      <c r="FO30" s="443">
        <v>0</v>
      </c>
      <c r="FP30" s="61">
        <v>4</v>
      </c>
      <c r="FQ30" s="61">
        <v>1</v>
      </c>
      <c r="FR30" s="61">
        <v>4</v>
      </c>
      <c r="FS30" s="61">
        <v>0</v>
      </c>
      <c r="FT30" s="61">
        <v>1</v>
      </c>
      <c r="FU30" s="62">
        <v>10</v>
      </c>
      <c r="FV30" s="63">
        <v>12</v>
      </c>
      <c r="FW30" s="60">
        <v>0</v>
      </c>
      <c r="FX30" s="61">
        <v>0</v>
      </c>
      <c r="FY30" s="62">
        <v>0</v>
      </c>
      <c r="FZ30" s="443">
        <v>0</v>
      </c>
      <c r="GA30" s="61">
        <v>0</v>
      </c>
      <c r="GB30" s="61">
        <v>0</v>
      </c>
      <c r="GC30" s="61">
        <v>0</v>
      </c>
      <c r="GD30" s="61">
        <v>0</v>
      </c>
      <c r="GE30" s="61">
        <v>0</v>
      </c>
      <c r="GF30" s="62">
        <v>0</v>
      </c>
      <c r="GG30" s="63">
        <v>0</v>
      </c>
      <c r="GH30" s="60">
        <v>5</v>
      </c>
      <c r="GI30" s="61">
        <v>3</v>
      </c>
      <c r="GJ30" s="62">
        <v>8</v>
      </c>
      <c r="GK30" s="443">
        <v>0</v>
      </c>
      <c r="GL30" s="61">
        <v>10</v>
      </c>
      <c r="GM30" s="61">
        <v>3</v>
      </c>
      <c r="GN30" s="61">
        <v>5</v>
      </c>
      <c r="GO30" s="61">
        <v>1</v>
      </c>
      <c r="GP30" s="61">
        <v>1</v>
      </c>
      <c r="GQ30" s="62">
        <v>20</v>
      </c>
      <c r="GR30" s="63">
        <v>28</v>
      </c>
      <c r="GS30" s="113">
        <v>19</v>
      </c>
      <c r="GT30" s="72">
        <v>20</v>
      </c>
      <c r="GU30" s="73">
        <v>39</v>
      </c>
      <c r="GV30" s="443">
        <v>0</v>
      </c>
      <c r="GW30" s="72">
        <v>22</v>
      </c>
      <c r="GX30" s="72">
        <v>17</v>
      </c>
      <c r="GY30" s="72">
        <v>19</v>
      </c>
      <c r="GZ30" s="72">
        <v>6</v>
      </c>
      <c r="HA30" s="72">
        <v>4</v>
      </c>
      <c r="HB30" s="74">
        <v>68</v>
      </c>
      <c r="HC30" s="75">
        <v>107</v>
      </c>
      <c r="HD30" s="60">
        <v>1</v>
      </c>
      <c r="HE30" s="61">
        <v>2</v>
      </c>
      <c r="HF30" s="62">
        <v>3</v>
      </c>
      <c r="HG30" s="443">
        <v>0</v>
      </c>
      <c r="HH30" s="61">
        <v>0</v>
      </c>
      <c r="HI30" s="61">
        <v>0</v>
      </c>
      <c r="HJ30" s="61">
        <v>0</v>
      </c>
      <c r="HK30" s="61">
        <v>0</v>
      </c>
      <c r="HL30" s="61">
        <v>0</v>
      </c>
      <c r="HM30" s="62">
        <v>0</v>
      </c>
      <c r="HN30" s="63">
        <v>3</v>
      </c>
      <c r="HO30" s="60">
        <v>0</v>
      </c>
      <c r="HP30" s="61">
        <v>1</v>
      </c>
      <c r="HQ30" s="62">
        <v>1</v>
      </c>
      <c r="HR30" s="443">
        <v>0</v>
      </c>
      <c r="HS30" s="61">
        <v>0</v>
      </c>
      <c r="HT30" s="61">
        <v>2</v>
      </c>
      <c r="HU30" s="61">
        <v>1</v>
      </c>
      <c r="HV30" s="61">
        <v>0</v>
      </c>
      <c r="HW30" s="61">
        <v>1</v>
      </c>
      <c r="HX30" s="62">
        <v>4</v>
      </c>
      <c r="HY30" s="63">
        <v>5</v>
      </c>
      <c r="HZ30" s="60">
        <v>2</v>
      </c>
      <c r="IA30" s="61">
        <v>1</v>
      </c>
      <c r="IB30" s="62">
        <v>3</v>
      </c>
      <c r="IC30" s="443">
        <v>0</v>
      </c>
      <c r="ID30" s="61">
        <v>0</v>
      </c>
      <c r="IE30" s="61">
        <v>2</v>
      </c>
      <c r="IF30" s="61">
        <v>1</v>
      </c>
      <c r="IG30" s="61">
        <v>0</v>
      </c>
      <c r="IH30" s="61">
        <v>0</v>
      </c>
      <c r="II30" s="62">
        <v>3</v>
      </c>
      <c r="IJ30" s="63">
        <v>6</v>
      </c>
      <c r="IK30" s="60">
        <v>9</v>
      </c>
      <c r="IL30" s="61">
        <v>5</v>
      </c>
      <c r="IM30" s="62">
        <v>14</v>
      </c>
      <c r="IN30" s="443">
        <v>0</v>
      </c>
      <c r="IO30" s="61">
        <v>7</v>
      </c>
      <c r="IP30" s="61">
        <v>6</v>
      </c>
      <c r="IQ30" s="61">
        <v>4</v>
      </c>
      <c r="IR30" s="61">
        <v>1</v>
      </c>
      <c r="IS30" s="61">
        <v>1</v>
      </c>
      <c r="IT30" s="62">
        <v>19</v>
      </c>
      <c r="IU30" s="63">
        <v>33</v>
      </c>
      <c r="IV30" s="60">
        <v>5</v>
      </c>
      <c r="IW30" s="61">
        <v>7</v>
      </c>
      <c r="IX30" s="62">
        <v>12</v>
      </c>
      <c r="IY30" s="443">
        <v>0</v>
      </c>
      <c r="IZ30" s="61">
        <v>4</v>
      </c>
      <c r="JA30" s="61">
        <v>2</v>
      </c>
      <c r="JB30" s="61">
        <v>4</v>
      </c>
      <c r="JC30" s="61">
        <v>4</v>
      </c>
      <c r="JD30" s="61">
        <v>1</v>
      </c>
      <c r="JE30" s="62">
        <v>15</v>
      </c>
      <c r="JF30" s="63">
        <v>27</v>
      </c>
      <c r="JG30" s="60">
        <v>2</v>
      </c>
      <c r="JH30" s="61">
        <v>4</v>
      </c>
      <c r="JI30" s="62">
        <v>6</v>
      </c>
      <c r="JJ30" s="443">
        <v>0</v>
      </c>
      <c r="JK30" s="61">
        <v>11</v>
      </c>
      <c r="JL30" s="61">
        <v>5</v>
      </c>
      <c r="JM30" s="61">
        <v>9</v>
      </c>
      <c r="JN30" s="61">
        <v>1</v>
      </c>
      <c r="JO30" s="61">
        <v>1</v>
      </c>
      <c r="JP30" s="62">
        <v>27</v>
      </c>
      <c r="JQ30" s="63">
        <v>33</v>
      </c>
      <c r="JR30" s="60">
        <v>0</v>
      </c>
      <c r="JS30" s="61">
        <v>0</v>
      </c>
      <c r="JT30" s="62">
        <v>0</v>
      </c>
      <c r="JU30" s="443">
        <v>0</v>
      </c>
      <c r="JV30" s="61">
        <v>0</v>
      </c>
      <c r="JW30" s="61">
        <v>0</v>
      </c>
      <c r="JX30" s="61">
        <v>0</v>
      </c>
      <c r="JY30" s="61">
        <v>0</v>
      </c>
      <c r="JZ30" s="61">
        <v>0</v>
      </c>
      <c r="KA30" s="62">
        <v>0</v>
      </c>
      <c r="KB30" s="63">
        <v>0</v>
      </c>
      <c r="KC30" s="60">
        <v>19</v>
      </c>
      <c r="KD30" s="61">
        <v>20</v>
      </c>
      <c r="KE30" s="62">
        <v>39</v>
      </c>
      <c r="KF30" s="443">
        <v>0</v>
      </c>
      <c r="KG30" s="61">
        <v>22</v>
      </c>
      <c r="KH30" s="61">
        <v>17</v>
      </c>
      <c r="KI30" s="61">
        <v>19</v>
      </c>
      <c r="KJ30" s="61">
        <v>6</v>
      </c>
      <c r="KK30" s="61">
        <v>4</v>
      </c>
      <c r="KL30" s="62">
        <v>68</v>
      </c>
      <c r="KM30" s="63">
        <v>107</v>
      </c>
    </row>
    <row r="31" spans="2:299" ht="21" customHeight="1" x14ac:dyDescent="0.2">
      <c r="B31" s="437" t="s">
        <v>28</v>
      </c>
      <c r="C31" s="287">
        <v>0</v>
      </c>
      <c r="D31" s="72">
        <v>2</v>
      </c>
      <c r="E31" s="73">
        <v>2</v>
      </c>
      <c r="F31" s="443">
        <v>0</v>
      </c>
      <c r="G31" s="72">
        <v>6</v>
      </c>
      <c r="H31" s="72">
        <v>3</v>
      </c>
      <c r="I31" s="72">
        <v>4</v>
      </c>
      <c r="J31" s="72">
        <v>2</v>
      </c>
      <c r="K31" s="72">
        <v>1</v>
      </c>
      <c r="L31" s="74">
        <v>16</v>
      </c>
      <c r="M31" s="75">
        <v>18</v>
      </c>
      <c r="N31" s="60">
        <v>0</v>
      </c>
      <c r="O31" s="61">
        <v>1</v>
      </c>
      <c r="P31" s="62">
        <v>1</v>
      </c>
      <c r="Q31" s="443">
        <v>0</v>
      </c>
      <c r="R31" s="61">
        <v>0</v>
      </c>
      <c r="S31" s="61">
        <v>0</v>
      </c>
      <c r="T31" s="61">
        <v>1</v>
      </c>
      <c r="U31" s="61">
        <v>0</v>
      </c>
      <c r="V31" s="61">
        <v>0</v>
      </c>
      <c r="W31" s="62">
        <v>1</v>
      </c>
      <c r="X31" s="63">
        <v>2</v>
      </c>
      <c r="Y31" s="60">
        <v>0</v>
      </c>
      <c r="Z31" s="61">
        <v>1</v>
      </c>
      <c r="AA31" s="62">
        <v>1</v>
      </c>
      <c r="AB31" s="443">
        <v>0</v>
      </c>
      <c r="AC31" s="61">
        <v>2</v>
      </c>
      <c r="AD31" s="61">
        <v>0</v>
      </c>
      <c r="AE31" s="61">
        <v>0</v>
      </c>
      <c r="AF31" s="61">
        <v>0</v>
      </c>
      <c r="AG31" s="61">
        <v>0</v>
      </c>
      <c r="AH31" s="62">
        <v>2</v>
      </c>
      <c r="AI31" s="63">
        <v>3</v>
      </c>
      <c r="AJ31" s="60">
        <v>0</v>
      </c>
      <c r="AK31" s="61">
        <v>0</v>
      </c>
      <c r="AL31" s="62">
        <v>0</v>
      </c>
      <c r="AM31" s="443">
        <v>0</v>
      </c>
      <c r="AN31" s="61">
        <v>1</v>
      </c>
      <c r="AO31" s="61">
        <v>0</v>
      </c>
      <c r="AP31" s="61">
        <v>1</v>
      </c>
      <c r="AQ31" s="61">
        <v>0</v>
      </c>
      <c r="AR31" s="61">
        <v>0</v>
      </c>
      <c r="AS31" s="62">
        <v>2</v>
      </c>
      <c r="AT31" s="63">
        <v>2</v>
      </c>
      <c r="AU31" s="60">
        <v>0</v>
      </c>
      <c r="AV31" s="61">
        <v>0</v>
      </c>
      <c r="AW31" s="62">
        <v>0</v>
      </c>
      <c r="AX31" s="443">
        <v>0</v>
      </c>
      <c r="AY31" s="61">
        <v>2</v>
      </c>
      <c r="AZ31" s="61">
        <v>2</v>
      </c>
      <c r="BA31" s="61">
        <v>0</v>
      </c>
      <c r="BB31" s="61">
        <v>1</v>
      </c>
      <c r="BC31" s="61">
        <v>0</v>
      </c>
      <c r="BD31" s="62">
        <v>5</v>
      </c>
      <c r="BE31" s="63">
        <v>5</v>
      </c>
      <c r="BF31" s="60">
        <v>0</v>
      </c>
      <c r="BG31" s="61">
        <v>0</v>
      </c>
      <c r="BH31" s="62">
        <v>0</v>
      </c>
      <c r="BI31" s="443">
        <v>0</v>
      </c>
      <c r="BJ31" s="61">
        <v>1</v>
      </c>
      <c r="BK31" s="61">
        <v>1</v>
      </c>
      <c r="BL31" s="61">
        <v>1</v>
      </c>
      <c r="BM31" s="61">
        <v>0</v>
      </c>
      <c r="BN31" s="61">
        <v>0</v>
      </c>
      <c r="BO31" s="62">
        <v>3</v>
      </c>
      <c r="BP31" s="63">
        <v>3</v>
      </c>
      <c r="BQ31" s="60">
        <v>0</v>
      </c>
      <c r="BR31" s="61">
        <v>0</v>
      </c>
      <c r="BS31" s="62">
        <v>0</v>
      </c>
      <c r="BT31" s="443">
        <v>0</v>
      </c>
      <c r="BU31" s="61">
        <v>0</v>
      </c>
      <c r="BV31" s="61">
        <v>0</v>
      </c>
      <c r="BW31" s="61">
        <v>1</v>
      </c>
      <c r="BX31" s="61">
        <v>1</v>
      </c>
      <c r="BY31" s="61">
        <v>1</v>
      </c>
      <c r="BZ31" s="62">
        <v>3</v>
      </c>
      <c r="CA31" s="63">
        <v>3</v>
      </c>
      <c r="CB31" s="60">
        <v>0</v>
      </c>
      <c r="CC31" s="61">
        <v>0</v>
      </c>
      <c r="CD31" s="62">
        <v>0</v>
      </c>
      <c r="CE31" s="443">
        <v>0</v>
      </c>
      <c r="CF31" s="61">
        <v>0</v>
      </c>
      <c r="CG31" s="61">
        <v>0</v>
      </c>
      <c r="CH31" s="61">
        <v>0</v>
      </c>
      <c r="CI31" s="61">
        <v>0</v>
      </c>
      <c r="CJ31" s="61">
        <v>0</v>
      </c>
      <c r="CK31" s="62">
        <v>0</v>
      </c>
      <c r="CL31" s="63">
        <v>0</v>
      </c>
      <c r="CM31" s="60">
        <v>0</v>
      </c>
      <c r="CN31" s="61">
        <v>2</v>
      </c>
      <c r="CO31" s="62">
        <v>2</v>
      </c>
      <c r="CP31" s="443">
        <v>0</v>
      </c>
      <c r="CQ31" s="61">
        <v>6</v>
      </c>
      <c r="CR31" s="61">
        <v>3</v>
      </c>
      <c r="CS31" s="61">
        <v>4</v>
      </c>
      <c r="CT31" s="61">
        <v>2</v>
      </c>
      <c r="CU31" s="61">
        <v>1</v>
      </c>
      <c r="CV31" s="62">
        <v>16</v>
      </c>
      <c r="CW31" s="63">
        <v>18</v>
      </c>
      <c r="CX31" s="113">
        <v>0</v>
      </c>
      <c r="CY31" s="72">
        <v>1</v>
      </c>
      <c r="CZ31" s="73">
        <v>1</v>
      </c>
      <c r="DA31" s="443">
        <v>0</v>
      </c>
      <c r="DB31" s="72">
        <v>1</v>
      </c>
      <c r="DC31" s="72">
        <v>2</v>
      </c>
      <c r="DD31" s="72">
        <v>2</v>
      </c>
      <c r="DE31" s="72">
        <v>1</v>
      </c>
      <c r="DF31" s="72">
        <v>0</v>
      </c>
      <c r="DG31" s="74">
        <v>6</v>
      </c>
      <c r="DH31" s="75">
        <v>7</v>
      </c>
      <c r="DI31" s="60">
        <v>0</v>
      </c>
      <c r="DJ31" s="61">
        <v>0</v>
      </c>
      <c r="DK31" s="62">
        <v>0</v>
      </c>
      <c r="DL31" s="443">
        <v>0</v>
      </c>
      <c r="DM31" s="61">
        <v>0</v>
      </c>
      <c r="DN31" s="61">
        <v>0</v>
      </c>
      <c r="DO31" s="61">
        <v>0</v>
      </c>
      <c r="DP31" s="61">
        <v>0</v>
      </c>
      <c r="DQ31" s="61">
        <v>0</v>
      </c>
      <c r="DR31" s="62">
        <v>0</v>
      </c>
      <c r="DS31" s="63">
        <v>0</v>
      </c>
      <c r="DT31" s="60">
        <v>0</v>
      </c>
      <c r="DU31" s="61">
        <v>1</v>
      </c>
      <c r="DV31" s="62">
        <v>1</v>
      </c>
      <c r="DW31" s="443">
        <v>0</v>
      </c>
      <c r="DX31" s="61">
        <v>0</v>
      </c>
      <c r="DY31" s="61">
        <v>0</v>
      </c>
      <c r="DZ31" s="61">
        <v>1</v>
      </c>
      <c r="EA31" s="61">
        <v>0</v>
      </c>
      <c r="EB31" s="61">
        <v>0</v>
      </c>
      <c r="EC31" s="62">
        <v>1</v>
      </c>
      <c r="ED31" s="63">
        <v>2</v>
      </c>
      <c r="EE31" s="60">
        <v>0</v>
      </c>
      <c r="EF31" s="61">
        <v>0</v>
      </c>
      <c r="EG31" s="62">
        <v>0</v>
      </c>
      <c r="EH31" s="443">
        <v>0</v>
      </c>
      <c r="EI31" s="61">
        <v>0</v>
      </c>
      <c r="EJ31" s="61">
        <v>0</v>
      </c>
      <c r="EK31" s="61">
        <v>0</v>
      </c>
      <c r="EL31" s="61">
        <v>0</v>
      </c>
      <c r="EM31" s="61">
        <v>0</v>
      </c>
      <c r="EN31" s="62">
        <v>0</v>
      </c>
      <c r="EO31" s="63">
        <v>0</v>
      </c>
      <c r="EP31" s="60">
        <v>0</v>
      </c>
      <c r="EQ31" s="61">
        <v>0</v>
      </c>
      <c r="ER31" s="62">
        <v>0</v>
      </c>
      <c r="ES31" s="443">
        <v>0</v>
      </c>
      <c r="ET31" s="61">
        <v>0</v>
      </c>
      <c r="EU31" s="61">
        <v>1</v>
      </c>
      <c r="EV31" s="61">
        <v>0</v>
      </c>
      <c r="EW31" s="61">
        <v>0</v>
      </c>
      <c r="EX31" s="61">
        <v>0</v>
      </c>
      <c r="EY31" s="62">
        <v>1</v>
      </c>
      <c r="EZ31" s="63">
        <v>1</v>
      </c>
      <c r="FA31" s="60">
        <v>0</v>
      </c>
      <c r="FB31" s="61">
        <v>0</v>
      </c>
      <c r="FC31" s="62">
        <v>0</v>
      </c>
      <c r="FD31" s="443">
        <v>0</v>
      </c>
      <c r="FE31" s="61">
        <v>1</v>
      </c>
      <c r="FF31" s="61">
        <v>0</v>
      </c>
      <c r="FG31" s="61">
        <v>1</v>
      </c>
      <c r="FH31" s="61">
        <v>1</v>
      </c>
      <c r="FI31" s="61">
        <v>0</v>
      </c>
      <c r="FJ31" s="62">
        <v>3</v>
      </c>
      <c r="FK31" s="63">
        <v>3</v>
      </c>
      <c r="FL31" s="60">
        <v>0</v>
      </c>
      <c r="FM31" s="61">
        <v>0</v>
      </c>
      <c r="FN31" s="62">
        <v>0</v>
      </c>
      <c r="FO31" s="443">
        <v>0</v>
      </c>
      <c r="FP31" s="61">
        <v>0</v>
      </c>
      <c r="FQ31" s="61">
        <v>1</v>
      </c>
      <c r="FR31" s="61">
        <v>0</v>
      </c>
      <c r="FS31" s="61">
        <v>0</v>
      </c>
      <c r="FT31" s="61">
        <v>0</v>
      </c>
      <c r="FU31" s="62">
        <v>1</v>
      </c>
      <c r="FV31" s="63">
        <v>1</v>
      </c>
      <c r="FW31" s="60">
        <v>0</v>
      </c>
      <c r="FX31" s="61">
        <v>0</v>
      </c>
      <c r="FY31" s="62">
        <v>0</v>
      </c>
      <c r="FZ31" s="443">
        <v>0</v>
      </c>
      <c r="GA31" s="61">
        <v>0</v>
      </c>
      <c r="GB31" s="61">
        <v>0</v>
      </c>
      <c r="GC31" s="61">
        <v>0</v>
      </c>
      <c r="GD31" s="61">
        <v>0</v>
      </c>
      <c r="GE31" s="61">
        <v>0</v>
      </c>
      <c r="GF31" s="62">
        <v>0</v>
      </c>
      <c r="GG31" s="63">
        <v>0</v>
      </c>
      <c r="GH31" s="60">
        <v>0</v>
      </c>
      <c r="GI31" s="61">
        <v>1</v>
      </c>
      <c r="GJ31" s="62">
        <v>1</v>
      </c>
      <c r="GK31" s="443">
        <v>0</v>
      </c>
      <c r="GL31" s="61">
        <v>1</v>
      </c>
      <c r="GM31" s="61">
        <v>2</v>
      </c>
      <c r="GN31" s="61">
        <v>2</v>
      </c>
      <c r="GO31" s="61">
        <v>1</v>
      </c>
      <c r="GP31" s="61">
        <v>0</v>
      </c>
      <c r="GQ31" s="62">
        <v>6</v>
      </c>
      <c r="GR31" s="63">
        <v>7</v>
      </c>
      <c r="GS31" s="113">
        <v>0</v>
      </c>
      <c r="GT31" s="72">
        <v>3</v>
      </c>
      <c r="GU31" s="73">
        <v>3</v>
      </c>
      <c r="GV31" s="443">
        <v>0</v>
      </c>
      <c r="GW31" s="72">
        <v>7</v>
      </c>
      <c r="GX31" s="72">
        <v>5</v>
      </c>
      <c r="GY31" s="72">
        <v>6</v>
      </c>
      <c r="GZ31" s="72">
        <v>3</v>
      </c>
      <c r="HA31" s="72">
        <v>1</v>
      </c>
      <c r="HB31" s="74">
        <v>22</v>
      </c>
      <c r="HC31" s="75">
        <v>25</v>
      </c>
      <c r="HD31" s="60">
        <v>0</v>
      </c>
      <c r="HE31" s="61">
        <v>1</v>
      </c>
      <c r="HF31" s="62">
        <v>1</v>
      </c>
      <c r="HG31" s="443">
        <v>0</v>
      </c>
      <c r="HH31" s="61">
        <v>0</v>
      </c>
      <c r="HI31" s="61">
        <v>0</v>
      </c>
      <c r="HJ31" s="61">
        <v>1</v>
      </c>
      <c r="HK31" s="61">
        <v>0</v>
      </c>
      <c r="HL31" s="61">
        <v>0</v>
      </c>
      <c r="HM31" s="62">
        <v>1</v>
      </c>
      <c r="HN31" s="63">
        <v>2</v>
      </c>
      <c r="HO31" s="60">
        <v>0</v>
      </c>
      <c r="HP31" s="61">
        <v>2</v>
      </c>
      <c r="HQ31" s="62">
        <v>2</v>
      </c>
      <c r="HR31" s="443">
        <v>0</v>
      </c>
      <c r="HS31" s="61">
        <v>2</v>
      </c>
      <c r="HT31" s="61">
        <v>0</v>
      </c>
      <c r="HU31" s="61">
        <v>1</v>
      </c>
      <c r="HV31" s="61">
        <v>0</v>
      </c>
      <c r="HW31" s="61">
        <v>0</v>
      </c>
      <c r="HX31" s="62">
        <v>3</v>
      </c>
      <c r="HY31" s="63">
        <v>5</v>
      </c>
      <c r="HZ31" s="60">
        <v>0</v>
      </c>
      <c r="IA31" s="61">
        <v>0</v>
      </c>
      <c r="IB31" s="62">
        <v>0</v>
      </c>
      <c r="IC31" s="443">
        <v>0</v>
      </c>
      <c r="ID31" s="61">
        <v>1</v>
      </c>
      <c r="IE31" s="61">
        <v>0</v>
      </c>
      <c r="IF31" s="61">
        <v>1</v>
      </c>
      <c r="IG31" s="61">
        <v>0</v>
      </c>
      <c r="IH31" s="61">
        <v>0</v>
      </c>
      <c r="II31" s="62">
        <v>2</v>
      </c>
      <c r="IJ31" s="63">
        <v>2</v>
      </c>
      <c r="IK31" s="60">
        <v>0</v>
      </c>
      <c r="IL31" s="61">
        <v>0</v>
      </c>
      <c r="IM31" s="62">
        <v>0</v>
      </c>
      <c r="IN31" s="443">
        <v>0</v>
      </c>
      <c r="IO31" s="61">
        <v>2</v>
      </c>
      <c r="IP31" s="61">
        <v>3</v>
      </c>
      <c r="IQ31" s="61">
        <v>0</v>
      </c>
      <c r="IR31" s="61">
        <v>1</v>
      </c>
      <c r="IS31" s="61">
        <v>0</v>
      </c>
      <c r="IT31" s="62">
        <v>6</v>
      </c>
      <c r="IU31" s="63">
        <v>6</v>
      </c>
      <c r="IV31" s="60">
        <v>0</v>
      </c>
      <c r="IW31" s="61">
        <v>0</v>
      </c>
      <c r="IX31" s="62">
        <v>0</v>
      </c>
      <c r="IY31" s="443">
        <v>0</v>
      </c>
      <c r="IZ31" s="61">
        <v>2</v>
      </c>
      <c r="JA31" s="61">
        <v>1</v>
      </c>
      <c r="JB31" s="61">
        <v>2</v>
      </c>
      <c r="JC31" s="61">
        <v>1</v>
      </c>
      <c r="JD31" s="61">
        <v>0</v>
      </c>
      <c r="JE31" s="62">
        <v>6</v>
      </c>
      <c r="JF31" s="63">
        <v>6</v>
      </c>
      <c r="JG31" s="60">
        <v>0</v>
      </c>
      <c r="JH31" s="61">
        <v>0</v>
      </c>
      <c r="JI31" s="62">
        <v>0</v>
      </c>
      <c r="JJ31" s="443">
        <v>0</v>
      </c>
      <c r="JK31" s="61">
        <v>0</v>
      </c>
      <c r="JL31" s="61">
        <v>1</v>
      </c>
      <c r="JM31" s="61">
        <v>1</v>
      </c>
      <c r="JN31" s="61">
        <v>1</v>
      </c>
      <c r="JO31" s="61">
        <v>1</v>
      </c>
      <c r="JP31" s="62">
        <v>4</v>
      </c>
      <c r="JQ31" s="63">
        <v>4</v>
      </c>
      <c r="JR31" s="60">
        <v>0</v>
      </c>
      <c r="JS31" s="61">
        <v>0</v>
      </c>
      <c r="JT31" s="62">
        <v>0</v>
      </c>
      <c r="JU31" s="443">
        <v>0</v>
      </c>
      <c r="JV31" s="61">
        <v>0</v>
      </c>
      <c r="JW31" s="61">
        <v>0</v>
      </c>
      <c r="JX31" s="61">
        <v>0</v>
      </c>
      <c r="JY31" s="61">
        <v>0</v>
      </c>
      <c r="JZ31" s="61">
        <v>0</v>
      </c>
      <c r="KA31" s="62">
        <v>0</v>
      </c>
      <c r="KB31" s="63">
        <v>0</v>
      </c>
      <c r="KC31" s="60">
        <v>0</v>
      </c>
      <c r="KD31" s="61">
        <v>3</v>
      </c>
      <c r="KE31" s="62">
        <v>3</v>
      </c>
      <c r="KF31" s="443">
        <v>0</v>
      </c>
      <c r="KG31" s="61">
        <v>7</v>
      </c>
      <c r="KH31" s="61">
        <v>5</v>
      </c>
      <c r="KI31" s="61">
        <v>6</v>
      </c>
      <c r="KJ31" s="61">
        <v>3</v>
      </c>
      <c r="KK31" s="61">
        <v>1</v>
      </c>
      <c r="KL31" s="62">
        <v>22</v>
      </c>
      <c r="KM31" s="63">
        <v>25</v>
      </c>
    </row>
    <row r="32" spans="2:299" ht="21" customHeight="1" x14ac:dyDescent="0.2">
      <c r="B32" s="437" t="s">
        <v>29</v>
      </c>
      <c r="C32" s="287">
        <v>3</v>
      </c>
      <c r="D32" s="72">
        <v>5</v>
      </c>
      <c r="E32" s="73">
        <v>8</v>
      </c>
      <c r="F32" s="443">
        <v>0</v>
      </c>
      <c r="G32" s="72">
        <v>3</v>
      </c>
      <c r="H32" s="72">
        <v>4</v>
      </c>
      <c r="I32" s="72">
        <v>3</v>
      </c>
      <c r="J32" s="72">
        <v>4</v>
      </c>
      <c r="K32" s="72">
        <v>3</v>
      </c>
      <c r="L32" s="74">
        <v>17</v>
      </c>
      <c r="M32" s="75">
        <v>25</v>
      </c>
      <c r="N32" s="60">
        <v>0</v>
      </c>
      <c r="O32" s="61">
        <v>0</v>
      </c>
      <c r="P32" s="62">
        <v>0</v>
      </c>
      <c r="Q32" s="443">
        <v>0</v>
      </c>
      <c r="R32" s="61">
        <v>0</v>
      </c>
      <c r="S32" s="61">
        <v>0</v>
      </c>
      <c r="T32" s="61">
        <v>1</v>
      </c>
      <c r="U32" s="61">
        <v>0</v>
      </c>
      <c r="V32" s="61">
        <v>0</v>
      </c>
      <c r="W32" s="62">
        <v>1</v>
      </c>
      <c r="X32" s="63">
        <v>1</v>
      </c>
      <c r="Y32" s="60">
        <v>0</v>
      </c>
      <c r="Z32" s="61">
        <v>0</v>
      </c>
      <c r="AA32" s="62">
        <v>0</v>
      </c>
      <c r="AB32" s="443">
        <v>0</v>
      </c>
      <c r="AC32" s="61">
        <v>0</v>
      </c>
      <c r="AD32" s="61">
        <v>0</v>
      </c>
      <c r="AE32" s="61">
        <v>0</v>
      </c>
      <c r="AF32" s="61">
        <v>0</v>
      </c>
      <c r="AG32" s="61">
        <v>0</v>
      </c>
      <c r="AH32" s="62">
        <v>0</v>
      </c>
      <c r="AI32" s="63">
        <v>0</v>
      </c>
      <c r="AJ32" s="60">
        <v>0</v>
      </c>
      <c r="AK32" s="61">
        <v>0</v>
      </c>
      <c r="AL32" s="62">
        <v>0</v>
      </c>
      <c r="AM32" s="443">
        <v>0</v>
      </c>
      <c r="AN32" s="61">
        <v>1</v>
      </c>
      <c r="AO32" s="61">
        <v>0</v>
      </c>
      <c r="AP32" s="61">
        <v>0</v>
      </c>
      <c r="AQ32" s="61">
        <v>1</v>
      </c>
      <c r="AR32" s="61">
        <v>0</v>
      </c>
      <c r="AS32" s="62">
        <v>2</v>
      </c>
      <c r="AT32" s="63">
        <v>2</v>
      </c>
      <c r="AU32" s="60">
        <v>0</v>
      </c>
      <c r="AV32" s="61">
        <v>2</v>
      </c>
      <c r="AW32" s="62">
        <v>2</v>
      </c>
      <c r="AX32" s="443">
        <v>0</v>
      </c>
      <c r="AY32" s="61">
        <v>1</v>
      </c>
      <c r="AZ32" s="61">
        <v>0</v>
      </c>
      <c r="BA32" s="61">
        <v>1</v>
      </c>
      <c r="BB32" s="61">
        <v>2</v>
      </c>
      <c r="BC32" s="61">
        <v>0</v>
      </c>
      <c r="BD32" s="62">
        <v>4</v>
      </c>
      <c r="BE32" s="63">
        <v>6</v>
      </c>
      <c r="BF32" s="60">
        <v>2</v>
      </c>
      <c r="BG32" s="61">
        <v>2</v>
      </c>
      <c r="BH32" s="62">
        <v>4</v>
      </c>
      <c r="BI32" s="443">
        <v>0</v>
      </c>
      <c r="BJ32" s="61">
        <v>1</v>
      </c>
      <c r="BK32" s="61">
        <v>0</v>
      </c>
      <c r="BL32" s="61">
        <v>1</v>
      </c>
      <c r="BM32" s="61">
        <v>0</v>
      </c>
      <c r="BN32" s="61">
        <v>0</v>
      </c>
      <c r="BO32" s="62">
        <v>2</v>
      </c>
      <c r="BP32" s="63">
        <v>6</v>
      </c>
      <c r="BQ32" s="60">
        <v>1</v>
      </c>
      <c r="BR32" s="61">
        <v>1</v>
      </c>
      <c r="BS32" s="62">
        <v>2</v>
      </c>
      <c r="BT32" s="443">
        <v>0</v>
      </c>
      <c r="BU32" s="61">
        <v>0</v>
      </c>
      <c r="BV32" s="61">
        <v>4</v>
      </c>
      <c r="BW32" s="61">
        <v>0</v>
      </c>
      <c r="BX32" s="61">
        <v>1</v>
      </c>
      <c r="BY32" s="61">
        <v>3</v>
      </c>
      <c r="BZ32" s="62">
        <v>8</v>
      </c>
      <c r="CA32" s="63">
        <v>10</v>
      </c>
      <c r="CB32" s="60">
        <v>0</v>
      </c>
      <c r="CC32" s="61">
        <v>0</v>
      </c>
      <c r="CD32" s="62">
        <v>0</v>
      </c>
      <c r="CE32" s="443">
        <v>0</v>
      </c>
      <c r="CF32" s="61">
        <v>0</v>
      </c>
      <c r="CG32" s="61">
        <v>0</v>
      </c>
      <c r="CH32" s="61">
        <v>0</v>
      </c>
      <c r="CI32" s="61">
        <v>0</v>
      </c>
      <c r="CJ32" s="61">
        <v>0</v>
      </c>
      <c r="CK32" s="62">
        <v>0</v>
      </c>
      <c r="CL32" s="63">
        <v>0</v>
      </c>
      <c r="CM32" s="60">
        <v>3</v>
      </c>
      <c r="CN32" s="61">
        <v>5</v>
      </c>
      <c r="CO32" s="62">
        <v>8</v>
      </c>
      <c r="CP32" s="443">
        <v>0</v>
      </c>
      <c r="CQ32" s="61">
        <v>3</v>
      </c>
      <c r="CR32" s="61">
        <v>4</v>
      </c>
      <c r="CS32" s="61">
        <v>3</v>
      </c>
      <c r="CT32" s="61">
        <v>4</v>
      </c>
      <c r="CU32" s="61">
        <v>3</v>
      </c>
      <c r="CV32" s="62">
        <v>17</v>
      </c>
      <c r="CW32" s="63">
        <v>25</v>
      </c>
      <c r="CX32" s="113">
        <v>1</v>
      </c>
      <c r="CY32" s="72">
        <v>2</v>
      </c>
      <c r="CZ32" s="73">
        <v>3</v>
      </c>
      <c r="DA32" s="443">
        <v>0</v>
      </c>
      <c r="DB32" s="72">
        <v>6</v>
      </c>
      <c r="DC32" s="72">
        <v>2</v>
      </c>
      <c r="DD32" s="72">
        <v>0</v>
      </c>
      <c r="DE32" s="72">
        <v>2</v>
      </c>
      <c r="DF32" s="72">
        <v>0</v>
      </c>
      <c r="DG32" s="74">
        <v>10</v>
      </c>
      <c r="DH32" s="75">
        <v>13</v>
      </c>
      <c r="DI32" s="60">
        <v>0</v>
      </c>
      <c r="DJ32" s="61">
        <v>0</v>
      </c>
      <c r="DK32" s="62">
        <v>0</v>
      </c>
      <c r="DL32" s="443">
        <v>0</v>
      </c>
      <c r="DM32" s="61">
        <v>0</v>
      </c>
      <c r="DN32" s="61">
        <v>0</v>
      </c>
      <c r="DO32" s="61">
        <v>0</v>
      </c>
      <c r="DP32" s="61">
        <v>0</v>
      </c>
      <c r="DQ32" s="61">
        <v>0</v>
      </c>
      <c r="DR32" s="62">
        <v>0</v>
      </c>
      <c r="DS32" s="63">
        <v>0</v>
      </c>
      <c r="DT32" s="60">
        <v>0</v>
      </c>
      <c r="DU32" s="61">
        <v>0</v>
      </c>
      <c r="DV32" s="62">
        <v>0</v>
      </c>
      <c r="DW32" s="443">
        <v>0</v>
      </c>
      <c r="DX32" s="61">
        <v>0</v>
      </c>
      <c r="DY32" s="61">
        <v>1</v>
      </c>
      <c r="DZ32" s="61">
        <v>0</v>
      </c>
      <c r="EA32" s="61">
        <v>0</v>
      </c>
      <c r="EB32" s="61">
        <v>0</v>
      </c>
      <c r="EC32" s="62">
        <v>1</v>
      </c>
      <c r="ED32" s="63">
        <v>1</v>
      </c>
      <c r="EE32" s="60">
        <v>1</v>
      </c>
      <c r="EF32" s="61">
        <v>0</v>
      </c>
      <c r="EG32" s="62">
        <v>1</v>
      </c>
      <c r="EH32" s="443">
        <v>0</v>
      </c>
      <c r="EI32" s="61">
        <v>0</v>
      </c>
      <c r="EJ32" s="61">
        <v>0</v>
      </c>
      <c r="EK32" s="61">
        <v>0</v>
      </c>
      <c r="EL32" s="61">
        <v>0</v>
      </c>
      <c r="EM32" s="61">
        <v>0</v>
      </c>
      <c r="EN32" s="62">
        <v>0</v>
      </c>
      <c r="EO32" s="63">
        <v>1</v>
      </c>
      <c r="EP32" s="60">
        <v>0</v>
      </c>
      <c r="EQ32" s="61">
        <v>0</v>
      </c>
      <c r="ER32" s="62">
        <v>0</v>
      </c>
      <c r="ES32" s="443">
        <v>0</v>
      </c>
      <c r="ET32" s="61">
        <v>3</v>
      </c>
      <c r="EU32" s="61">
        <v>0</v>
      </c>
      <c r="EV32" s="61">
        <v>0</v>
      </c>
      <c r="EW32" s="61">
        <v>1</v>
      </c>
      <c r="EX32" s="61">
        <v>0</v>
      </c>
      <c r="EY32" s="62">
        <v>4</v>
      </c>
      <c r="EZ32" s="63">
        <v>4</v>
      </c>
      <c r="FA32" s="60">
        <v>0</v>
      </c>
      <c r="FB32" s="61">
        <v>1</v>
      </c>
      <c r="FC32" s="62">
        <v>1</v>
      </c>
      <c r="FD32" s="443">
        <v>0</v>
      </c>
      <c r="FE32" s="61">
        <v>1</v>
      </c>
      <c r="FF32" s="61">
        <v>0</v>
      </c>
      <c r="FG32" s="61">
        <v>0</v>
      </c>
      <c r="FH32" s="61">
        <v>0</v>
      </c>
      <c r="FI32" s="61">
        <v>0</v>
      </c>
      <c r="FJ32" s="62">
        <v>1</v>
      </c>
      <c r="FK32" s="63">
        <v>2</v>
      </c>
      <c r="FL32" s="60">
        <v>0</v>
      </c>
      <c r="FM32" s="61">
        <v>1</v>
      </c>
      <c r="FN32" s="62">
        <v>1</v>
      </c>
      <c r="FO32" s="443">
        <v>0</v>
      </c>
      <c r="FP32" s="61">
        <v>2</v>
      </c>
      <c r="FQ32" s="61">
        <v>1</v>
      </c>
      <c r="FR32" s="61">
        <v>0</v>
      </c>
      <c r="FS32" s="61">
        <v>1</v>
      </c>
      <c r="FT32" s="61">
        <v>0</v>
      </c>
      <c r="FU32" s="62">
        <v>4</v>
      </c>
      <c r="FV32" s="63">
        <v>5</v>
      </c>
      <c r="FW32" s="60">
        <v>0</v>
      </c>
      <c r="FX32" s="61">
        <v>0</v>
      </c>
      <c r="FY32" s="62">
        <v>0</v>
      </c>
      <c r="FZ32" s="443">
        <v>0</v>
      </c>
      <c r="GA32" s="61">
        <v>0</v>
      </c>
      <c r="GB32" s="61">
        <v>0</v>
      </c>
      <c r="GC32" s="61">
        <v>0</v>
      </c>
      <c r="GD32" s="61">
        <v>0</v>
      </c>
      <c r="GE32" s="61">
        <v>0</v>
      </c>
      <c r="GF32" s="62">
        <v>0</v>
      </c>
      <c r="GG32" s="63">
        <v>0</v>
      </c>
      <c r="GH32" s="60">
        <v>1</v>
      </c>
      <c r="GI32" s="61">
        <v>2</v>
      </c>
      <c r="GJ32" s="62">
        <v>3</v>
      </c>
      <c r="GK32" s="443">
        <v>0</v>
      </c>
      <c r="GL32" s="61">
        <v>6</v>
      </c>
      <c r="GM32" s="61">
        <v>2</v>
      </c>
      <c r="GN32" s="61">
        <v>0</v>
      </c>
      <c r="GO32" s="61">
        <v>2</v>
      </c>
      <c r="GP32" s="61">
        <v>0</v>
      </c>
      <c r="GQ32" s="62">
        <v>10</v>
      </c>
      <c r="GR32" s="63">
        <v>13</v>
      </c>
      <c r="GS32" s="113">
        <v>4</v>
      </c>
      <c r="GT32" s="72">
        <v>7</v>
      </c>
      <c r="GU32" s="73">
        <v>11</v>
      </c>
      <c r="GV32" s="443">
        <v>0</v>
      </c>
      <c r="GW32" s="72">
        <v>9</v>
      </c>
      <c r="GX32" s="72">
        <v>6</v>
      </c>
      <c r="GY32" s="72">
        <v>3</v>
      </c>
      <c r="GZ32" s="72">
        <v>6</v>
      </c>
      <c r="HA32" s="72">
        <v>3</v>
      </c>
      <c r="HB32" s="74">
        <v>27</v>
      </c>
      <c r="HC32" s="75">
        <v>38</v>
      </c>
      <c r="HD32" s="60">
        <v>0</v>
      </c>
      <c r="HE32" s="61">
        <v>0</v>
      </c>
      <c r="HF32" s="62">
        <v>0</v>
      </c>
      <c r="HG32" s="443">
        <v>0</v>
      </c>
      <c r="HH32" s="61">
        <v>0</v>
      </c>
      <c r="HI32" s="61">
        <v>0</v>
      </c>
      <c r="HJ32" s="61">
        <v>1</v>
      </c>
      <c r="HK32" s="61">
        <v>0</v>
      </c>
      <c r="HL32" s="61">
        <v>0</v>
      </c>
      <c r="HM32" s="62">
        <v>1</v>
      </c>
      <c r="HN32" s="63">
        <v>1</v>
      </c>
      <c r="HO32" s="60">
        <v>0</v>
      </c>
      <c r="HP32" s="61">
        <v>0</v>
      </c>
      <c r="HQ32" s="62">
        <v>0</v>
      </c>
      <c r="HR32" s="443">
        <v>0</v>
      </c>
      <c r="HS32" s="61">
        <v>0</v>
      </c>
      <c r="HT32" s="61">
        <v>1</v>
      </c>
      <c r="HU32" s="61">
        <v>0</v>
      </c>
      <c r="HV32" s="61">
        <v>0</v>
      </c>
      <c r="HW32" s="61">
        <v>0</v>
      </c>
      <c r="HX32" s="62">
        <v>1</v>
      </c>
      <c r="HY32" s="63">
        <v>1</v>
      </c>
      <c r="HZ32" s="60">
        <v>1</v>
      </c>
      <c r="IA32" s="61">
        <v>0</v>
      </c>
      <c r="IB32" s="62">
        <v>1</v>
      </c>
      <c r="IC32" s="443">
        <v>0</v>
      </c>
      <c r="ID32" s="61">
        <v>1</v>
      </c>
      <c r="IE32" s="61">
        <v>0</v>
      </c>
      <c r="IF32" s="61">
        <v>0</v>
      </c>
      <c r="IG32" s="61">
        <v>1</v>
      </c>
      <c r="IH32" s="61">
        <v>0</v>
      </c>
      <c r="II32" s="62">
        <v>2</v>
      </c>
      <c r="IJ32" s="63">
        <v>3</v>
      </c>
      <c r="IK32" s="60">
        <v>0</v>
      </c>
      <c r="IL32" s="61">
        <v>2</v>
      </c>
      <c r="IM32" s="62">
        <v>2</v>
      </c>
      <c r="IN32" s="443">
        <v>0</v>
      </c>
      <c r="IO32" s="61">
        <v>4</v>
      </c>
      <c r="IP32" s="61">
        <v>0</v>
      </c>
      <c r="IQ32" s="61">
        <v>1</v>
      </c>
      <c r="IR32" s="61">
        <v>3</v>
      </c>
      <c r="IS32" s="61">
        <v>0</v>
      </c>
      <c r="IT32" s="62">
        <v>8</v>
      </c>
      <c r="IU32" s="63">
        <v>10</v>
      </c>
      <c r="IV32" s="60">
        <v>2</v>
      </c>
      <c r="IW32" s="61">
        <v>3</v>
      </c>
      <c r="IX32" s="62">
        <v>5</v>
      </c>
      <c r="IY32" s="443">
        <v>0</v>
      </c>
      <c r="IZ32" s="61">
        <v>2</v>
      </c>
      <c r="JA32" s="61">
        <v>0</v>
      </c>
      <c r="JB32" s="61">
        <v>1</v>
      </c>
      <c r="JC32" s="61">
        <v>0</v>
      </c>
      <c r="JD32" s="61">
        <v>0</v>
      </c>
      <c r="JE32" s="62">
        <v>3</v>
      </c>
      <c r="JF32" s="63">
        <v>8</v>
      </c>
      <c r="JG32" s="60">
        <v>1</v>
      </c>
      <c r="JH32" s="61">
        <v>2</v>
      </c>
      <c r="JI32" s="62">
        <v>3</v>
      </c>
      <c r="JJ32" s="443">
        <v>0</v>
      </c>
      <c r="JK32" s="61">
        <v>2</v>
      </c>
      <c r="JL32" s="61">
        <v>5</v>
      </c>
      <c r="JM32" s="61">
        <v>0</v>
      </c>
      <c r="JN32" s="61">
        <v>2</v>
      </c>
      <c r="JO32" s="61">
        <v>3</v>
      </c>
      <c r="JP32" s="62">
        <v>12</v>
      </c>
      <c r="JQ32" s="63">
        <v>15</v>
      </c>
      <c r="JR32" s="60">
        <v>0</v>
      </c>
      <c r="JS32" s="61">
        <v>0</v>
      </c>
      <c r="JT32" s="62">
        <v>0</v>
      </c>
      <c r="JU32" s="443">
        <v>0</v>
      </c>
      <c r="JV32" s="61">
        <v>0</v>
      </c>
      <c r="JW32" s="61">
        <v>0</v>
      </c>
      <c r="JX32" s="61">
        <v>0</v>
      </c>
      <c r="JY32" s="61">
        <v>0</v>
      </c>
      <c r="JZ32" s="61">
        <v>0</v>
      </c>
      <c r="KA32" s="62">
        <v>0</v>
      </c>
      <c r="KB32" s="63">
        <v>0</v>
      </c>
      <c r="KC32" s="60">
        <v>4</v>
      </c>
      <c r="KD32" s="61">
        <v>7</v>
      </c>
      <c r="KE32" s="62">
        <v>11</v>
      </c>
      <c r="KF32" s="443">
        <v>0</v>
      </c>
      <c r="KG32" s="61">
        <v>9</v>
      </c>
      <c r="KH32" s="61">
        <v>6</v>
      </c>
      <c r="KI32" s="61">
        <v>3</v>
      </c>
      <c r="KJ32" s="61">
        <v>6</v>
      </c>
      <c r="KK32" s="61">
        <v>3</v>
      </c>
      <c r="KL32" s="62">
        <v>27</v>
      </c>
      <c r="KM32" s="63">
        <v>38</v>
      </c>
    </row>
    <row r="33" spans="2:299" ht="21" customHeight="1" x14ac:dyDescent="0.2">
      <c r="B33" s="437" t="s">
        <v>30</v>
      </c>
      <c r="C33" s="287">
        <v>2</v>
      </c>
      <c r="D33" s="72">
        <v>1</v>
      </c>
      <c r="E33" s="73">
        <v>3</v>
      </c>
      <c r="F33" s="443">
        <v>0</v>
      </c>
      <c r="G33" s="72">
        <v>6</v>
      </c>
      <c r="H33" s="72">
        <v>3</v>
      </c>
      <c r="I33" s="72">
        <v>4</v>
      </c>
      <c r="J33" s="72">
        <v>2</v>
      </c>
      <c r="K33" s="72">
        <v>2</v>
      </c>
      <c r="L33" s="74">
        <v>17</v>
      </c>
      <c r="M33" s="75">
        <v>20</v>
      </c>
      <c r="N33" s="60">
        <v>0</v>
      </c>
      <c r="O33" s="61">
        <v>0</v>
      </c>
      <c r="P33" s="62">
        <v>0</v>
      </c>
      <c r="Q33" s="443">
        <v>0</v>
      </c>
      <c r="R33" s="61">
        <v>0</v>
      </c>
      <c r="S33" s="61">
        <v>0</v>
      </c>
      <c r="T33" s="61">
        <v>0</v>
      </c>
      <c r="U33" s="61">
        <v>1</v>
      </c>
      <c r="V33" s="61">
        <v>0</v>
      </c>
      <c r="W33" s="62">
        <v>1</v>
      </c>
      <c r="X33" s="63">
        <v>1</v>
      </c>
      <c r="Y33" s="60">
        <v>0</v>
      </c>
      <c r="Z33" s="61">
        <v>0</v>
      </c>
      <c r="AA33" s="62">
        <v>0</v>
      </c>
      <c r="AB33" s="443">
        <v>0</v>
      </c>
      <c r="AC33" s="61">
        <v>0</v>
      </c>
      <c r="AD33" s="61">
        <v>0</v>
      </c>
      <c r="AE33" s="61">
        <v>1</v>
      </c>
      <c r="AF33" s="61">
        <v>0</v>
      </c>
      <c r="AG33" s="61">
        <v>0</v>
      </c>
      <c r="AH33" s="62">
        <v>1</v>
      </c>
      <c r="AI33" s="63">
        <v>1</v>
      </c>
      <c r="AJ33" s="60">
        <v>0</v>
      </c>
      <c r="AK33" s="61">
        <v>0</v>
      </c>
      <c r="AL33" s="62">
        <v>0</v>
      </c>
      <c r="AM33" s="443">
        <v>0</v>
      </c>
      <c r="AN33" s="61">
        <v>0</v>
      </c>
      <c r="AO33" s="61">
        <v>0</v>
      </c>
      <c r="AP33" s="61">
        <v>0</v>
      </c>
      <c r="AQ33" s="61">
        <v>0</v>
      </c>
      <c r="AR33" s="61">
        <v>0</v>
      </c>
      <c r="AS33" s="62">
        <v>0</v>
      </c>
      <c r="AT33" s="63">
        <v>0</v>
      </c>
      <c r="AU33" s="60">
        <v>0</v>
      </c>
      <c r="AV33" s="61">
        <v>0</v>
      </c>
      <c r="AW33" s="62">
        <v>0</v>
      </c>
      <c r="AX33" s="443">
        <v>0</v>
      </c>
      <c r="AY33" s="61">
        <v>3</v>
      </c>
      <c r="AZ33" s="61">
        <v>1</v>
      </c>
      <c r="BA33" s="61">
        <v>0</v>
      </c>
      <c r="BB33" s="61">
        <v>0</v>
      </c>
      <c r="BC33" s="61">
        <v>1</v>
      </c>
      <c r="BD33" s="62">
        <v>5</v>
      </c>
      <c r="BE33" s="63">
        <v>5</v>
      </c>
      <c r="BF33" s="60">
        <v>0</v>
      </c>
      <c r="BG33" s="61">
        <v>0</v>
      </c>
      <c r="BH33" s="62">
        <v>0</v>
      </c>
      <c r="BI33" s="443">
        <v>0</v>
      </c>
      <c r="BJ33" s="61">
        <v>1</v>
      </c>
      <c r="BK33" s="61">
        <v>1</v>
      </c>
      <c r="BL33" s="61">
        <v>3</v>
      </c>
      <c r="BM33" s="61">
        <v>0</v>
      </c>
      <c r="BN33" s="61">
        <v>0</v>
      </c>
      <c r="BO33" s="62">
        <v>5</v>
      </c>
      <c r="BP33" s="63">
        <v>5</v>
      </c>
      <c r="BQ33" s="60">
        <v>2</v>
      </c>
      <c r="BR33" s="61">
        <v>1</v>
      </c>
      <c r="BS33" s="62">
        <v>3</v>
      </c>
      <c r="BT33" s="443">
        <v>0</v>
      </c>
      <c r="BU33" s="61">
        <v>2</v>
      </c>
      <c r="BV33" s="61">
        <v>1</v>
      </c>
      <c r="BW33" s="61">
        <v>0</v>
      </c>
      <c r="BX33" s="61">
        <v>1</v>
      </c>
      <c r="BY33" s="61">
        <v>1</v>
      </c>
      <c r="BZ33" s="62">
        <v>5</v>
      </c>
      <c r="CA33" s="63">
        <v>8</v>
      </c>
      <c r="CB33" s="60">
        <v>0</v>
      </c>
      <c r="CC33" s="61">
        <v>0</v>
      </c>
      <c r="CD33" s="62">
        <v>0</v>
      </c>
      <c r="CE33" s="443">
        <v>0</v>
      </c>
      <c r="CF33" s="61">
        <v>0</v>
      </c>
      <c r="CG33" s="61">
        <v>0</v>
      </c>
      <c r="CH33" s="61">
        <v>0</v>
      </c>
      <c r="CI33" s="61">
        <v>0</v>
      </c>
      <c r="CJ33" s="61">
        <v>0</v>
      </c>
      <c r="CK33" s="62">
        <v>0</v>
      </c>
      <c r="CL33" s="63">
        <v>0</v>
      </c>
      <c r="CM33" s="60">
        <v>2</v>
      </c>
      <c r="CN33" s="61">
        <v>1</v>
      </c>
      <c r="CO33" s="62">
        <v>3</v>
      </c>
      <c r="CP33" s="443">
        <v>0</v>
      </c>
      <c r="CQ33" s="61">
        <v>6</v>
      </c>
      <c r="CR33" s="61">
        <v>3</v>
      </c>
      <c r="CS33" s="61">
        <v>4</v>
      </c>
      <c r="CT33" s="61">
        <v>2</v>
      </c>
      <c r="CU33" s="61">
        <v>2</v>
      </c>
      <c r="CV33" s="62">
        <v>17</v>
      </c>
      <c r="CW33" s="63">
        <v>20</v>
      </c>
      <c r="CX33" s="113">
        <v>0</v>
      </c>
      <c r="CY33" s="72">
        <v>2</v>
      </c>
      <c r="CZ33" s="73">
        <v>2</v>
      </c>
      <c r="DA33" s="443">
        <v>0</v>
      </c>
      <c r="DB33" s="72">
        <v>2</v>
      </c>
      <c r="DC33" s="72">
        <v>1</v>
      </c>
      <c r="DD33" s="72">
        <v>2</v>
      </c>
      <c r="DE33" s="72">
        <v>0</v>
      </c>
      <c r="DF33" s="72">
        <v>0</v>
      </c>
      <c r="DG33" s="74">
        <v>5</v>
      </c>
      <c r="DH33" s="75">
        <v>7</v>
      </c>
      <c r="DI33" s="60">
        <v>0</v>
      </c>
      <c r="DJ33" s="61">
        <v>0</v>
      </c>
      <c r="DK33" s="62">
        <v>0</v>
      </c>
      <c r="DL33" s="443">
        <v>0</v>
      </c>
      <c r="DM33" s="61">
        <v>0</v>
      </c>
      <c r="DN33" s="61">
        <v>0</v>
      </c>
      <c r="DO33" s="61">
        <v>0</v>
      </c>
      <c r="DP33" s="61">
        <v>0</v>
      </c>
      <c r="DQ33" s="61">
        <v>0</v>
      </c>
      <c r="DR33" s="62">
        <v>0</v>
      </c>
      <c r="DS33" s="63">
        <v>0</v>
      </c>
      <c r="DT33" s="60">
        <v>0</v>
      </c>
      <c r="DU33" s="61">
        <v>0</v>
      </c>
      <c r="DV33" s="62">
        <v>0</v>
      </c>
      <c r="DW33" s="443">
        <v>0</v>
      </c>
      <c r="DX33" s="61">
        <v>0</v>
      </c>
      <c r="DY33" s="61">
        <v>0</v>
      </c>
      <c r="DZ33" s="61">
        <v>1</v>
      </c>
      <c r="EA33" s="61">
        <v>0</v>
      </c>
      <c r="EB33" s="61">
        <v>0</v>
      </c>
      <c r="EC33" s="62">
        <v>1</v>
      </c>
      <c r="ED33" s="63">
        <v>1</v>
      </c>
      <c r="EE33" s="60">
        <v>0</v>
      </c>
      <c r="EF33" s="61">
        <v>0</v>
      </c>
      <c r="EG33" s="62">
        <v>0</v>
      </c>
      <c r="EH33" s="443">
        <v>0</v>
      </c>
      <c r="EI33" s="61">
        <v>0</v>
      </c>
      <c r="EJ33" s="61">
        <v>0</v>
      </c>
      <c r="EK33" s="61">
        <v>0</v>
      </c>
      <c r="EL33" s="61">
        <v>0</v>
      </c>
      <c r="EM33" s="61">
        <v>0</v>
      </c>
      <c r="EN33" s="62">
        <v>0</v>
      </c>
      <c r="EO33" s="63">
        <v>0</v>
      </c>
      <c r="EP33" s="60">
        <v>0</v>
      </c>
      <c r="EQ33" s="61">
        <v>1</v>
      </c>
      <c r="ER33" s="62">
        <v>1</v>
      </c>
      <c r="ES33" s="443">
        <v>0</v>
      </c>
      <c r="ET33" s="61">
        <v>0</v>
      </c>
      <c r="EU33" s="61">
        <v>0</v>
      </c>
      <c r="EV33" s="61">
        <v>0</v>
      </c>
      <c r="EW33" s="61">
        <v>0</v>
      </c>
      <c r="EX33" s="61">
        <v>0</v>
      </c>
      <c r="EY33" s="62">
        <v>0</v>
      </c>
      <c r="EZ33" s="63">
        <v>1</v>
      </c>
      <c r="FA33" s="60">
        <v>0</v>
      </c>
      <c r="FB33" s="61">
        <v>0</v>
      </c>
      <c r="FC33" s="62">
        <v>0</v>
      </c>
      <c r="FD33" s="443">
        <v>0</v>
      </c>
      <c r="FE33" s="61">
        <v>2</v>
      </c>
      <c r="FF33" s="61">
        <v>0</v>
      </c>
      <c r="FG33" s="61">
        <v>0</v>
      </c>
      <c r="FH33" s="61">
        <v>0</v>
      </c>
      <c r="FI33" s="61">
        <v>0</v>
      </c>
      <c r="FJ33" s="62">
        <v>2</v>
      </c>
      <c r="FK33" s="63">
        <v>2</v>
      </c>
      <c r="FL33" s="60">
        <v>0</v>
      </c>
      <c r="FM33" s="61">
        <v>1</v>
      </c>
      <c r="FN33" s="62">
        <v>1</v>
      </c>
      <c r="FO33" s="443">
        <v>0</v>
      </c>
      <c r="FP33" s="61">
        <v>0</v>
      </c>
      <c r="FQ33" s="61">
        <v>1</v>
      </c>
      <c r="FR33" s="61">
        <v>1</v>
      </c>
      <c r="FS33" s="61">
        <v>0</v>
      </c>
      <c r="FT33" s="61">
        <v>0</v>
      </c>
      <c r="FU33" s="62">
        <v>2</v>
      </c>
      <c r="FV33" s="63">
        <v>3</v>
      </c>
      <c r="FW33" s="60">
        <v>0</v>
      </c>
      <c r="FX33" s="61">
        <v>0</v>
      </c>
      <c r="FY33" s="62">
        <v>0</v>
      </c>
      <c r="FZ33" s="443">
        <v>0</v>
      </c>
      <c r="GA33" s="61">
        <v>0</v>
      </c>
      <c r="GB33" s="61">
        <v>0</v>
      </c>
      <c r="GC33" s="61">
        <v>0</v>
      </c>
      <c r="GD33" s="61">
        <v>0</v>
      </c>
      <c r="GE33" s="61">
        <v>0</v>
      </c>
      <c r="GF33" s="62">
        <v>0</v>
      </c>
      <c r="GG33" s="63">
        <v>0</v>
      </c>
      <c r="GH33" s="60">
        <v>0</v>
      </c>
      <c r="GI33" s="61">
        <v>2</v>
      </c>
      <c r="GJ33" s="62">
        <v>2</v>
      </c>
      <c r="GK33" s="443">
        <v>0</v>
      </c>
      <c r="GL33" s="61">
        <v>2</v>
      </c>
      <c r="GM33" s="61">
        <v>1</v>
      </c>
      <c r="GN33" s="61">
        <v>2</v>
      </c>
      <c r="GO33" s="61">
        <v>0</v>
      </c>
      <c r="GP33" s="61">
        <v>0</v>
      </c>
      <c r="GQ33" s="62">
        <v>5</v>
      </c>
      <c r="GR33" s="63">
        <v>7</v>
      </c>
      <c r="GS33" s="113">
        <v>2</v>
      </c>
      <c r="GT33" s="72">
        <v>3</v>
      </c>
      <c r="GU33" s="73">
        <v>5</v>
      </c>
      <c r="GV33" s="443">
        <v>0</v>
      </c>
      <c r="GW33" s="72">
        <v>8</v>
      </c>
      <c r="GX33" s="72">
        <v>4</v>
      </c>
      <c r="GY33" s="72">
        <v>6</v>
      </c>
      <c r="GZ33" s="72">
        <v>2</v>
      </c>
      <c r="HA33" s="72">
        <v>2</v>
      </c>
      <c r="HB33" s="74">
        <v>22</v>
      </c>
      <c r="HC33" s="75">
        <v>27</v>
      </c>
      <c r="HD33" s="60">
        <v>0</v>
      </c>
      <c r="HE33" s="61">
        <v>0</v>
      </c>
      <c r="HF33" s="62">
        <v>0</v>
      </c>
      <c r="HG33" s="443">
        <v>0</v>
      </c>
      <c r="HH33" s="61">
        <v>0</v>
      </c>
      <c r="HI33" s="61">
        <v>0</v>
      </c>
      <c r="HJ33" s="61">
        <v>0</v>
      </c>
      <c r="HK33" s="61">
        <v>1</v>
      </c>
      <c r="HL33" s="61">
        <v>0</v>
      </c>
      <c r="HM33" s="62">
        <v>1</v>
      </c>
      <c r="HN33" s="63">
        <v>1</v>
      </c>
      <c r="HO33" s="60">
        <v>0</v>
      </c>
      <c r="HP33" s="61">
        <v>0</v>
      </c>
      <c r="HQ33" s="62">
        <v>0</v>
      </c>
      <c r="HR33" s="443">
        <v>0</v>
      </c>
      <c r="HS33" s="61">
        <v>0</v>
      </c>
      <c r="HT33" s="61">
        <v>0</v>
      </c>
      <c r="HU33" s="61">
        <v>2</v>
      </c>
      <c r="HV33" s="61">
        <v>0</v>
      </c>
      <c r="HW33" s="61">
        <v>0</v>
      </c>
      <c r="HX33" s="62">
        <v>2</v>
      </c>
      <c r="HY33" s="63">
        <v>2</v>
      </c>
      <c r="HZ33" s="60">
        <v>0</v>
      </c>
      <c r="IA33" s="61">
        <v>0</v>
      </c>
      <c r="IB33" s="62">
        <v>0</v>
      </c>
      <c r="IC33" s="443">
        <v>0</v>
      </c>
      <c r="ID33" s="61">
        <v>0</v>
      </c>
      <c r="IE33" s="61">
        <v>0</v>
      </c>
      <c r="IF33" s="61">
        <v>0</v>
      </c>
      <c r="IG33" s="61">
        <v>0</v>
      </c>
      <c r="IH33" s="61">
        <v>0</v>
      </c>
      <c r="II33" s="62">
        <v>0</v>
      </c>
      <c r="IJ33" s="63">
        <v>0</v>
      </c>
      <c r="IK33" s="60">
        <v>0</v>
      </c>
      <c r="IL33" s="61">
        <v>1</v>
      </c>
      <c r="IM33" s="62">
        <v>1</v>
      </c>
      <c r="IN33" s="443">
        <v>0</v>
      </c>
      <c r="IO33" s="61">
        <v>3</v>
      </c>
      <c r="IP33" s="61">
        <v>1</v>
      </c>
      <c r="IQ33" s="61">
        <v>0</v>
      </c>
      <c r="IR33" s="61">
        <v>0</v>
      </c>
      <c r="IS33" s="61">
        <v>1</v>
      </c>
      <c r="IT33" s="62">
        <v>5</v>
      </c>
      <c r="IU33" s="63">
        <v>6</v>
      </c>
      <c r="IV33" s="60">
        <v>0</v>
      </c>
      <c r="IW33" s="61">
        <v>0</v>
      </c>
      <c r="IX33" s="62">
        <v>0</v>
      </c>
      <c r="IY33" s="443">
        <v>0</v>
      </c>
      <c r="IZ33" s="61">
        <v>3</v>
      </c>
      <c r="JA33" s="61">
        <v>1</v>
      </c>
      <c r="JB33" s="61">
        <v>3</v>
      </c>
      <c r="JC33" s="61">
        <v>0</v>
      </c>
      <c r="JD33" s="61">
        <v>0</v>
      </c>
      <c r="JE33" s="62">
        <v>7</v>
      </c>
      <c r="JF33" s="63">
        <v>7</v>
      </c>
      <c r="JG33" s="60">
        <v>2</v>
      </c>
      <c r="JH33" s="61">
        <v>2</v>
      </c>
      <c r="JI33" s="62">
        <v>4</v>
      </c>
      <c r="JJ33" s="443">
        <v>0</v>
      </c>
      <c r="JK33" s="61">
        <v>2</v>
      </c>
      <c r="JL33" s="61">
        <v>2</v>
      </c>
      <c r="JM33" s="61">
        <v>1</v>
      </c>
      <c r="JN33" s="61">
        <v>1</v>
      </c>
      <c r="JO33" s="61">
        <v>1</v>
      </c>
      <c r="JP33" s="62">
        <v>7</v>
      </c>
      <c r="JQ33" s="63">
        <v>11</v>
      </c>
      <c r="JR33" s="60">
        <v>0</v>
      </c>
      <c r="JS33" s="61">
        <v>0</v>
      </c>
      <c r="JT33" s="62">
        <v>0</v>
      </c>
      <c r="JU33" s="443">
        <v>0</v>
      </c>
      <c r="JV33" s="61">
        <v>0</v>
      </c>
      <c r="JW33" s="61">
        <v>0</v>
      </c>
      <c r="JX33" s="61">
        <v>0</v>
      </c>
      <c r="JY33" s="61">
        <v>0</v>
      </c>
      <c r="JZ33" s="61">
        <v>0</v>
      </c>
      <c r="KA33" s="62">
        <v>0</v>
      </c>
      <c r="KB33" s="63">
        <v>0</v>
      </c>
      <c r="KC33" s="60">
        <v>2</v>
      </c>
      <c r="KD33" s="61">
        <v>3</v>
      </c>
      <c r="KE33" s="62">
        <v>5</v>
      </c>
      <c r="KF33" s="443">
        <v>0</v>
      </c>
      <c r="KG33" s="61">
        <v>8</v>
      </c>
      <c r="KH33" s="61">
        <v>4</v>
      </c>
      <c r="KI33" s="61">
        <v>6</v>
      </c>
      <c r="KJ33" s="61">
        <v>2</v>
      </c>
      <c r="KK33" s="61">
        <v>2</v>
      </c>
      <c r="KL33" s="62">
        <v>22</v>
      </c>
      <c r="KM33" s="63">
        <v>27</v>
      </c>
    </row>
    <row r="34" spans="2:299" ht="21" customHeight="1" x14ac:dyDescent="0.2">
      <c r="B34" s="437" t="s">
        <v>31</v>
      </c>
      <c r="C34" s="287">
        <v>3</v>
      </c>
      <c r="D34" s="72">
        <v>5</v>
      </c>
      <c r="E34" s="73">
        <v>8</v>
      </c>
      <c r="F34" s="443">
        <v>0</v>
      </c>
      <c r="G34" s="72">
        <v>7</v>
      </c>
      <c r="H34" s="72">
        <v>6</v>
      </c>
      <c r="I34" s="72">
        <v>8</v>
      </c>
      <c r="J34" s="72">
        <v>1</v>
      </c>
      <c r="K34" s="72">
        <v>4</v>
      </c>
      <c r="L34" s="74">
        <v>26</v>
      </c>
      <c r="M34" s="75">
        <v>34</v>
      </c>
      <c r="N34" s="60">
        <v>0</v>
      </c>
      <c r="O34" s="61">
        <v>0</v>
      </c>
      <c r="P34" s="62">
        <v>0</v>
      </c>
      <c r="Q34" s="443">
        <v>0</v>
      </c>
      <c r="R34" s="61">
        <v>0</v>
      </c>
      <c r="S34" s="61">
        <v>3</v>
      </c>
      <c r="T34" s="61">
        <v>0</v>
      </c>
      <c r="U34" s="61">
        <v>0</v>
      </c>
      <c r="V34" s="61">
        <v>0</v>
      </c>
      <c r="W34" s="62">
        <v>3</v>
      </c>
      <c r="X34" s="63">
        <v>3</v>
      </c>
      <c r="Y34" s="60">
        <v>1</v>
      </c>
      <c r="Z34" s="61">
        <v>0</v>
      </c>
      <c r="AA34" s="62">
        <v>1</v>
      </c>
      <c r="AB34" s="443">
        <v>0</v>
      </c>
      <c r="AC34" s="61">
        <v>2</v>
      </c>
      <c r="AD34" s="61">
        <v>0</v>
      </c>
      <c r="AE34" s="61">
        <v>2</v>
      </c>
      <c r="AF34" s="61">
        <v>1</v>
      </c>
      <c r="AG34" s="61">
        <v>2</v>
      </c>
      <c r="AH34" s="62">
        <v>7</v>
      </c>
      <c r="AI34" s="63">
        <v>8</v>
      </c>
      <c r="AJ34" s="60">
        <v>0</v>
      </c>
      <c r="AK34" s="61">
        <v>1</v>
      </c>
      <c r="AL34" s="62">
        <v>1</v>
      </c>
      <c r="AM34" s="443">
        <v>0</v>
      </c>
      <c r="AN34" s="61">
        <v>1</v>
      </c>
      <c r="AO34" s="61">
        <v>1</v>
      </c>
      <c r="AP34" s="61">
        <v>1</v>
      </c>
      <c r="AQ34" s="61">
        <v>0</v>
      </c>
      <c r="AR34" s="61">
        <v>0</v>
      </c>
      <c r="AS34" s="62">
        <v>3</v>
      </c>
      <c r="AT34" s="63">
        <v>4</v>
      </c>
      <c r="AU34" s="60">
        <v>1</v>
      </c>
      <c r="AV34" s="61">
        <v>1</v>
      </c>
      <c r="AW34" s="62">
        <v>2</v>
      </c>
      <c r="AX34" s="443">
        <v>0</v>
      </c>
      <c r="AY34" s="61">
        <v>0</v>
      </c>
      <c r="AZ34" s="61">
        <v>0</v>
      </c>
      <c r="BA34" s="61">
        <v>0</v>
      </c>
      <c r="BB34" s="61">
        <v>0</v>
      </c>
      <c r="BC34" s="61">
        <v>0</v>
      </c>
      <c r="BD34" s="62">
        <v>0</v>
      </c>
      <c r="BE34" s="63">
        <v>2</v>
      </c>
      <c r="BF34" s="60">
        <v>0</v>
      </c>
      <c r="BG34" s="61">
        <v>2</v>
      </c>
      <c r="BH34" s="62">
        <v>2</v>
      </c>
      <c r="BI34" s="443">
        <v>0</v>
      </c>
      <c r="BJ34" s="61">
        <v>2</v>
      </c>
      <c r="BK34" s="61">
        <v>0</v>
      </c>
      <c r="BL34" s="61">
        <v>2</v>
      </c>
      <c r="BM34" s="61">
        <v>0</v>
      </c>
      <c r="BN34" s="61">
        <v>1</v>
      </c>
      <c r="BO34" s="62">
        <v>5</v>
      </c>
      <c r="BP34" s="63">
        <v>7</v>
      </c>
      <c r="BQ34" s="60">
        <v>1</v>
      </c>
      <c r="BR34" s="61">
        <v>1</v>
      </c>
      <c r="BS34" s="62">
        <v>2</v>
      </c>
      <c r="BT34" s="443">
        <v>0</v>
      </c>
      <c r="BU34" s="61">
        <v>2</v>
      </c>
      <c r="BV34" s="61">
        <v>2</v>
      </c>
      <c r="BW34" s="61">
        <v>3</v>
      </c>
      <c r="BX34" s="61">
        <v>0</v>
      </c>
      <c r="BY34" s="61">
        <v>1</v>
      </c>
      <c r="BZ34" s="62">
        <v>8</v>
      </c>
      <c r="CA34" s="63">
        <v>10</v>
      </c>
      <c r="CB34" s="60">
        <v>0</v>
      </c>
      <c r="CC34" s="61">
        <v>0</v>
      </c>
      <c r="CD34" s="62">
        <v>0</v>
      </c>
      <c r="CE34" s="443">
        <v>0</v>
      </c>
      <c r="CF34" s="61">
        <v>0</v>
      </c>
      <c r="CG34" s="61">
        <v>0</v>
      </c>
      <c r="CH34" s="61">
        <v>0</v>
      </c>
      <c r="CI34" s="61">
        <v>0</v>
      </c>
      <c r="CJ34" s="61">
        <v>0</v>
      </c>
      <c r="CK34" s="62">
        <v>0</v>
      </c>
      <c r="CL34" s="63">
        <v>0</v>
      </c>
      <c r="CM34" s="60">
        <v>3</v>
      </c>
      <c r="CN34" s="61">
        <v>5</v>
      </c>
      <c r="CO34" s="62">
        <v>8</v>
      </c>
      <c r="CP34" s="443">
        <v>0</v>
      </c>
      <c r="CQ34" s="61">
        <v>7</v>
      </c>
      <c r="CR34" s="61">
        <v>6</v>
      </c>
      <c r="CS34" s="61">
        <v>8</v>
      </c>
      <c r="CT34" s="61">
        <v>1</v>
      </c>
      <c r="CU34" s="61">
        <v>4</v>
      </c>
      <c r="CV34" s="62">
        <v>26</v>
      </c>
      <c r="CW34" s="63">
        <v>34</v>
      </c>
      <c r="CX34" s="113">
        <v>1</v>
      </c>
      <c r="CY34" s="72">
        <v>1</v>
      </c>
      <c r="CZ34" s="73">
        <v>2</v>
      </c>
      <c r="DA34" s="443">
        <v>0</v>
      </c>
      <c r="DB34" s="72">
        <v>1</v>
      </c>
      <c r="DC34" s="72">
        <v>2</v>
      </c>
      <c r="DD34" s="72">
        <v>2</v>
      </c>
      <c r="DE34" s="72">
        <v>1</v>
      </c>
      <c r="DF34" s="72">
        <v>0</v>
      </c>
      <c r="DG34" s="74">
        <v>6</v>
      </c>
      <c r="DH34" s="75">
        <v>8</v>
      </c>
      <c r="DI34" s="60">
        <v>0</v>
      </c>
      <c r="DJ34" s="61">
        <v>0</v>
      </c>
      <c r="DK34" s="62">
        <v>0</v>
      </c>
      <c r="DL34" s="443">
        <v>0</v>
      </c>
      <c r="DM34" s="61">
        <v>0</v>
      </c>
      <c r="DN34" s="61">
        <v>0</v>
      </c>
      <c r="DO34" s="61">
        <v>0</v>
      </c>
      <c r="DP34" s="61">
        <v>0</v>
      </c>
      <c r="DQ34" s="61">
        <v>0</v>
      </c>
      <c r="DR34" s="62">
        <v>0</v>
      </c>
      <c r="DS34" s="63">
        <v>0</v>
      </c>
      <c r="DT34" s="60">
        <v>0</v>
      </c>
      <c r="DU34" s="61">
        <v>0</v>
      </c>
      <c r="DV34" s="62">
        <v>0</v>
      </c>
      <c r="DW34" s="443">
        <v>0</v>
      </c>
      <c r="DX34" s="61">
        <v>0</v>
      </c>
      <c r="DY34" s="61">
        <v>0</v>
      </c>
      <c r="DZ34" s="61">
        <v>0</v>
      </c>
      <c r="EA34" s="61">
        <v>0</v>
      </c>
      <c r="EB34" s="61">
        <v>0</v>
      </c>
      <c r="EC34" s="62">
        <v>0</v>
      </c>
      <c r="ED34" s="63">
        <v>0</v>
      </c>
      <c r="EE34" s="60">
        <v>0</v>
      </c>
      <c r="EF34" s="61">
        <v>0</v>
      </c>
      <c r="EG34" s="62">
        <v>0</v>
      </c>
      <c r="EH34" s="443">
        <v>0</v>
      </c>
      <c r="EI34" s="61">
        <v>0</v>
      </c>
      <c r="EJ34" s="61">
        <v>0</v>
      </c>
      <c r="EK34" s="61">
        <v>0</v>
      </c>
      <c r="EL34" s="61">
        <v>1</v>
      </c>
      <c r="EM34" s="61">
        <v>0</v>
      </c>
      <c r="EN34" s="62">
        <v>1</v>
      </c>
      <c r="EO34" s="63">
        <v>1</v>
      </c>
      <c r="EP34" s="60">
        <v>0</v>
      </c>
      <c r="EQ34" s="61">
        <v>0</v>
      </c>
      <c r="ER34" s="62">
        <v>0</v>
      </c>
      <c r="ES34" s="443">
        <v>0</v>
      </c>
      <c r="ET34" s="61">
        <v>1</v>
      </c>
      <c r="EU34" s="61">
        <v>0</v>
      </c>
      <c r="EV34" s="61">
        <v>1</v>
      </c>
      <c r="EW34" s="61">
        <v>0</v>
      </c>
      <c r="EX34" s="61">
        <v>0</v>
      </c>
      <c r="EY34" s="62">
        <v>2</v>
      </c>
      <c r="EZ34" s="63">
        <v>2</v>
      </c>
      <c r="FA34" s="60">
        <v>1</v>
      </c>
      <c r="FB34" s="61">
        <v>1</v>
      </c>
      <c r="FC34" s="62">
        <v>2</v>
      </c>
      <c r="FD34" s="443">
        <v>0</v>
      </c>
      <c r="FE34" s="61">
        <v>0</v>
      </c>
      <c r="FF34" s="61">
        <v>0</v>
      </c>
      <c r="FG34" s="61">
        <v>0</v>
      </c>
      <c r="FH34" s="61">
        <v>0</v>
      </c>
      <c r="FI34" s="61">
        <v>0</v>
      </c>
      <c r="FJ34" s="62">
        <v>0</v>
      </c>
      <c r="FK34" s="63">
        <v>2</v>
      </c>
      <c r="FL34" s="60">
        <v>0</v>
      </c>
      <c r="FM34" s="61">
        <v>0</v>
      </c>
      <c r="FN34" s="62">
        <v>0</v>
      </c>
      <c r="FO34" s="443">
        <v>0</v>
      </c>
      <c r="FP34" s="61">
        <v>0</v>
      </c>
      <c r="FQ34" s="61">
        <v>2</v>
      </c>
      <c r="FR34" s="61">
        <v>1</v>
      </c>
      <c r="FS34" s="61">
        <v>0</v>
      </c>
      <c r="FT34" s="61">
        <v>0</v>
      </c>
      <c r="FU34" s="62">
        <v>3</v>
      </c>
      <c r="FV34" s="63">
        <v>3</v>
      </c>
      <c r="FW34" s="60">
        <v>0</v>
      </c>
      <c r="FX34" s="61">
        <v>0</v>
      </c>
      <c r="FY34" s="62">
        <v>0</v>
      </c>
      <c r="FZ34" s="443">
        <v>0</v>
      </c>
      <c r="GA34" s="61">
        <v>0</v>
      </c>
      <c r="GB34" s="61">
        <v>0</v>
      </c>
      <c r="GC34" s="61">
        <v>0</v>
      </c>
      <c r="GD34" s="61">
        <v>0</v>
      </c>
      <c r="GE34" s="61">
        <v>0</v>
      </c>
      <c r="GF34" s="62">
        <v>0</v>
      </c>
      <c r="GG34" s="63">
        <v>0</v>
      </c>
      <c r="GH34" s="60">
        <v>1</v>
      </c>
      <c r="GI34" s="61">
        <v>1</v>
      </c>
      <c r="GJ34" s="62">
        <v>2</v>
      </c>
      <c r="GK34" s="443">
        <v>0</v>
      </c>
      <c r="GL34" s="61">
        <v>1</v>
      </c>
      <c r="GM34" s="61">
        <v>2</v>
      </c>
      <c r="GN34" s="61">
        <v>2</v>
      </c>
      <c r="GO34" s="61">
        <v>1</v>
      </c>
      <c r="GP34" s="61">
        <v>0</v>
      </c>
      <c r="GQ34" s="62">
        <v>6</v>
      </c>
      <c r="GR34" s="63">
        <v>8</v>
      </c>
      <c r="GS34" s="113">
        <v>4</v>
      </c>
      <c r="GT34" s="72">
        <v>6</v>
      </c>
      <c r="GU34" s="73">
        <v>10</v>
      </c>
      <c r="GV34" s="443">
        <v>0</v>
      </c>
      <c r="GW34" s="72">
        <v>8</v>
      </c>
      <c r="GX34" s="72">
        <v>8</v>
      </c>
      <c r="GY34" s="72">
        <v>10</v>
      </c>
      <c r="GZ34" s="72">
        <v>2</v>
      </c>
      <c r="HA34" s="72">
        <v>4</v>
      </c>
      <c r="HB34" s="74">
        <v>32</v>
      </c>
      <c r="HC34" s="75">
        <v>42</v>
      </c>
      <c r="HD34" s="60">
        <v>0</v>
      </c>
      <c r="HE34" s="61">
        <v>0</v>
      </c>
      <c r="HF34" s="62">
        <v>0</v>
      </c>
      <c r="HG34" s="443">
        <v>0</v>
      </c>
      <c r="HH34" s="61">
        <v>0</v>
      </c>
      <c r="HI34" s="61">
        <v>3</v>
      </c>
      <c r="HJ34" s="61">
        <v>0</v>
      </c>
      <c r="HK34" s="61">
        <v>0</v>
      </c>
      <c r="HL34" s="61">
        <v>0</v>
      </c>
      <c r="HM34" s="62">
        <v>3</v>
      </c>
      <c r="HN34" s="63">
        <v>3</v>
      </c>
      <c r="HO34" s="60">
        <v>1</v>
      </c>
      <c r="HP34" s="61">
        <v>0</v>
      </c>
      <c r="HQ34" s="62">
        <v>1</v>
      </c>
      <c r="HR34" s="443">
        <v>0</v>
      </c>
      <c r="HS34" s="61">
        <v>2</v>
      </c>
      <c r="HT34" s="61">
        <v>0</v>
      </c>
      <c r="HU34" s="61">
        <v>2</v>
      </c>
      <c r="HV34" s="61">
        <v>1</v>
      </c>
      <c r="HW34" s="61">
        <v>2</v>
      </c>
      <c r="HX34" s="62">
        <v>7</v>
      </c>
      <c r="HY34" s="63">
        <v>8</v>
      </c>
      <c r="HZ34" s="60">
        <v>0</v>
      </c>
      <c r="IA34" s="61">
        <v>1</v>
      </c>
      <c r="IB34" s="62">
        <v>1</v>
      </c>
      <c r="IC34" s="443">
        <v>0</v>
      </c>
      <c r="ID34" s="61">
        <v>1</v>
      </c>
      <c r="IE34" s="61">
        <v>1</v>
      </c>
      <c r="IF34" s="61">
        <v>1</v>
      </c>
      <c r="IG34" s="61">
        <v>1</v>
      </c>
      <c r="IH34" s="61">
        <v>0</v>
      </c>
      <c r="II34" s="62">
        <v>4</v>
      </c>
      <c r="IJ34" s="63">
        <v>5</v>
      </c>
      <c r="IK34" s="60">
        <v>1</v>
      </c>
      <c r="IL34" s="61">
        <v>1</v>
      </c>
      <c r="IM34" s="62">
        <v>2</v>
      </c>
      <c r="IN34" s="443">
        <v>0</v>
      </c>
      <c r="IO34" s="61">
        <v>1</v>
      </c>
      <c r="IP34" s="61">
        <v>0</v>
      </c>
      <c r="IQ34" s="61">
        <v>1</v>
      </c>
      <c r="IR34" s="61">
        <v>0</v>
      </c>
      <c r="IS34" s="61">
        <v>0</v>
      </c>
      <c r="IT34" s="62">
        <v>2</v>
      </c>
      <c r="IU34" s="63">
        <v>4</v>
      </c>
      <c r="IV34" s="60">
        <v>1</v>
      </c>
      <c r="IW34" s="61">
        <v>3</v>
      </c>
      <c r="IX34" s="62">
        <v>4</v>
      </c>
      <c r="IY34" s="443">
        <v>0</v>
      </c>
      <c r="IZ34" s="61">
        <v>2</v>
      </c>
      <c r="JA34" s="61">
        <v>0</v>
      </c>
      <c r="JB34" s="61">
        <v>2</v>
      </c>
      <c r="JC34" s="61">
        <v>0</v>
      </c>
      <c r="JD34" s="61">
        <v>1</v>
      </c>
      <c r="JE34" s="62">
        <v>5</v>
      </c>
      <c r="JF34" s="63">
        <v>9</v>
      </c>
      <c r="JG34" s="60">
        <v>1</v>
      </c>
      <c r="JH34" s="61">
        <v>1</v>
      </c>
      <c r="JI34" s="62">
        <v>2</v>
      </c>
      <c r="JJ34" s="443">
        <v>0</v>
      </c>
      <c r="JK34" s="61">
        <v>2</v>
      </c>
      <c r="JL34" s="61">
        <v>4</v>
      </c>
      <c r="JM34" s="61">
        <v>4</v>
      </c>
      <c r="JN34" s="61">
        <v>0</v>
      </c>
      <c r="JO34" s="61">
        <v>1</v>
      </c>
      <c r="JP34" s="62">
        <v>11</v>
      </c>
      <c r="JQ34" s="63">
        <v>13</v>
      </c>
      <c r="JR34" s="60">
        <v>0</v>
      </c>
      <c r="JS34" s="61">
        <v>0</v>
      </c>
      <c r="JT34" s="62">
        <v>0</v>
      </c>
      <c r="JU34" s="443">
        <v>0</v>
      </c>
      <c r="JV34" s="61">
        <v>0</v>
      </c>
      <c r="JW34" s="61">
        <v>0</v>
      </c>
      <c r="JX34" s="61">
        <v>0</v>
      </c>
      <c r="JY34" s="61">
        <v>0</v>
      </c>
      <c r="JZ34" s="61">
        <v>0</v>
      </c>
      <c r="KA34" s="62">
        <v>0</v>
      </c>
      <c r="KB34" s="63">
        <v>0</v>
      </c>
      <c r="KC34" s="60">
        <v>4</v>
      </c>
      <c r="KD34" s="61">
        <v>6</v>
      </c>
      <c r="KE34" s="62">
        <v>10</v>
      </c>
      <c r="KF34" s="443">
        <v>0</v>
      </c>
      <c r="KG34" s="61">
        <v>8</v>
      </c>
      <c r="KH34" s="61">
        <v>8</v>
      </c>
      <c r="KI34" s="61">
        <v>10</v>
      </c>
      <c r="KJ34" s="61">
        <v>2</v>
      </c>
      <c r="KK34" s="61">
        <v>4</v>
      </c>
      <c r="KL34" s="62">
        <v>32</v>
      </c>
      <c r="KM34" s="63">
        <v>42</v>
      </c>
    </row>
    <row r="35" spans="2:299" ht="21" customHeight="1" x14ac:dyDescent="0.2">
      <c r="B35" s="437" t="s">
        <v>32</v>
      </c>
      <c r="C35" s="287">
        <v>3</v>
      </c>
      <c r="D35" s="72">
        <v>4</v>
      </c>
      <c r="E35" s="73">
        <v>7</v>
      </c>
      <c r="F35" s="443">
        <v>0</v>
      </c>
      <c r="G35" s="72">
        <v>12</v>
      </c>
      <c r="H35" s="72">
        <v>4</v>
      </c>
      <c r="I35" s="72">
        <v>5</v>
      </c>
      <c r="J35" s="72">
        <v>3</v>
      </c>
      <c r="K35" s="72">
        <v>5</v>
      </c>
      <c r="L35" s="74">
        <v>29</v>
      </c>
      <c r="M35" s="75">
        <v>36</v>
      </c>
      <c r="N35" s="60">
        <v>0</v>
      </c>
      <c r="O35" s="61">
        <v>0</v>
      </c>
      <c r="P35" s="62">
        <v>0</v>
      </c>
      <c r="Q35" s="443">
        <v>0</v>
      </c>
      <c r="R35" s="61">
        <v>0</v>
      </c>
      <c r="S35" s="61">
        <v>0</v>
      </c>
      <c r="T35" s="61">
        <v>0</v>
      </c>
      <c r="U35" s="61">
        <v>0</v>
      </c>
      <c r="V35" s="61">
        <v>0</v>
      </c>
      <c r="W35" s="62">
        <v>0</v>
      </c>
      <c r="X35" s="63">
        <v>0</v>
      </c>
      <c r="Y35" s="60">
        <v>0</v>
      </c>
      <c r="Z35" s="61">
        <v>0</v>
      </c>
      <c r="AA35" s="62">
        <v>0</v>
      </c>
      <c r="AB35" s="443">
        <v>0</v>
      </c>
      <c r="AC35" s="61">
        <v>1</v>
      </c>
      <c r="AD35" s="61">
        <v>1</v>
      </c>
      <c r="AE35" s="61">
        <v>0</v>
      </c>
      <c r="AF35" s="61">
        <v>1</v>
      </c>
      <c r="AG35" s="61">
        <v>2</v>
      </c>
      <c r="AH35" s="62">
        <v>5</v>
      </c>
      <c r="AI35" s="63">
        <v>5</v>
      </c>
      <c r="AJ35" s="60">
        <v>2</v>
      </c>
      <c r="AK35" s="61">
        <v>0</v>
      </c>
      <c r="AL35" s="62">
        <v>2</v>
      </c>
      <c r="AM35" s="443">
        <v>0</v>
      </c>
      <c r="AN35" s="61">
        <v>1</v>
      </c>
      <c r="AO35" s="61">
        <v>0</v>
      </c>
      <c r="AP35" s="61">
        <v>0</v>
      </c>
      <c r="AQ35" s="61">
        <v>0</v>
      </c>
      <c r="AR35" s="61">
        <v>2</v>
      </c>
      <c r="AS35" s="62">
        <v>3</v>
      </c>
      <c r="AT35" s="63">
        <v>5</v>
      </c>
      <c r="AU35" s="60">
        <v>1</v>
      </c>
      <c r="AV35" s="61">
        <v>2</v>
      </c>
      <c r="AW35" s="62">
        <v>3</v>
      </c>
      <c r="AX35" s="443">
        <v>0</v>
      </c>
      <c r="AY35" s="61">
        <v>6</v>
      </c>
      <c r="AZ35" s="61">
        <v>0</v>
      </c>
      <c r="BA35" s="61">
        <v>0</v>
      </c>
      <c r="BB35" s="61">
        <v>0</v>
      </c>
      <c r="BC35" s="61">
        <v>1</v>
      </c>
      <c r="BD35" s="62">
        <v>7</v>
      </c>
      <c r="BE35" s="63">
        <v>10</v>
      </c>
      <c r="BF35" s="60">
        <v>0</v>
      </c>
      <c r="BG35" s="61">
        <v>1</v>
      </c>
      <c r="BH35" s="62">
        <v>1</v>
      </c>
      <c r="BI35" s="443">
        <v>0</v>
      </c>
      <c r="BJ35" s="61">
        <v>2</v>
      </c>
      <c r="BK35" s="61">
        <v>1</v>
      </c>
      <c r="BL35" s="61">
        <v>4</v>
      </c>
      <c r="BM35" s="61">
        <v>1</v>
      </c>
      <c r="BN35" s="61">
        <v>0</v>
      </c>
      <c r="BO35" s="62">
        <v>8</v>
      </c>
      <c r="BP35" s="63">
        <v>9</v>
      </c>
      <c r="BQ35" s="60">
        <v>0</v>
      </c>
      <c r="BR35" s="61">
        <v>1</v>
      </c>
      <c r="BS35" s="62">
        <v>1</v>
      </c>
      <c r="BT35" s="443">
        <v>0</v>
      </c>
      <c r="BU35" s="61">
        <v>2</v>
      </c>
      <c r="BV35" s="61">
        <v>2</v>
      </c>
      <c r="BW35" s="61">
        <v>1</v>
      </c>
      <c r="BX35" s="61">
        <v>1</v>
      </c>
      <c r="BY35" s="61">
        <v>0</v>
      </c>
      <c r="BZ35" s="62">
        <v>6</v>
      </c>
      <c r="CA35" s="63">
        <v>7</v>
      </c>
      <c r="CB35" s="60">
        <v>0</v>
      </c>
      <c r="CC35" s="61">
        <v>0</v>
      </c>
      <c r="CD35" s="62">
        <v>0</v>
      </c>
      <c r="CE35" s="443">
        <v>0</v>
      </c>
      <c r="CF35" s="61">
        <v>0</v>
      </c>
      <c r="CG35" s="61">
        <v>0</v>
      </c>
      <c r="CH35" s="61">
        <v>0</v>
      </c>
      <c r="CI35" s="61">
        <v>0</v>
      </c>
      <c r="CJ35" s="61">
        <v>0</v>
      </c>
      <c r="CK35" s="62">
        <v>0</v>
      </c>
      <c r="CL35" s="63">
        <v>0</v>
      </c>
      <c r="CM35" s="60">
        <v>3</v>
      </c>
      <c r="CN35" s="61">
        <v>4</v>
      </c>
      <c r="CO35" s="62">
        <v>7</v>
      </c>
      <c r="CP35" s="443">
        <v>0</v>
      </c>
      <c r="CQ35" s="61">
        <v>12</v>
      </c>
      <c r="CR35" s="61">
        <v>4</v>
      </c>
      <c r="CS35" s="61">
        <v>5</v>
      </c>
      <c r="CT35" s="61">
        <v>3</v>
      </c>
      <c r="CU35" s="61">
        <v>5</v>
      </c>
      <c r="CV35" s="62">
        <v>29</v>
      </c>
      <c r="CW35" s="63">
        <v>36</v>
      </c>
      <c r="CX35" s="113">
        <v>2</v>
      </c>
      <c r="CY35" s="72">
        <v>0</v>
      </c>
      <c r="CZ35" s="73">
        <v>2</v>
      </c>
      <c r="DA35" s="443">
        <v>0</v>
      </c>
      <c r="DB35" s="72">
        <v>3</v>
      </c>
      <c r="DC35" s="72">
        <v>3</v>
      </c>
      <c r="DD35" s="72">
        <v>0</v>
      </c>
      <c r="DE35" s="72">
        <v>3</v>
      </c>
      <c r="DF35" s="72">
        <v>0</v>
      </c>
      <c r="DG35" s="74">
        <v>9</v>
      </c>
      <c r="DH35" s="75">
        <v>11</v>
      </c>
      <c r="DI35" s="60">
        <v>0</v>
      </c>
      <c r="DJ35" s="61">
        <v>0</v>
      </c>
      <c r="DK35" s="62">
        <v>0</v>
      </c>
      <c r="DL35" s="443">
        <v>0</v>
      </c>
      <c r="DM35" s="61">
        <v>0</v>
      </c>
      <c r="DN35" s="61">
        <v>0</v>
      </c>
      <c r="DO35" s="61">
        <v>0</v>
      </c>
      <c r="DP35" s="61">
        <v>0</v>
      </c>
      <c r="DQ35" s="61">
        <v>0</v>
      </c>
      <c r="DR35" s="62">
        <v>0</v>
      </c>
      <c r="DS35" s="63">
        <v>0</v>
      </c>
      <c r="DT35" s="60">
        <v>0</v>
      </c>
      <c r="DU35" s="61">
        <v>0</v>
      </c>
      <c r="DV35" s="62">
        <v>0</v>
      </c>
      <c r="DW35" s="443">
        <v>0</v>
      </c>
      <c r="DX35" s="61">
        <v>1</v>
      </c>
      <c r="DY35" s="61">
        <v>0</v>
      </c>
      <c r="DZ35" s="61">
        <v>0</v>
      </c>
      <c r="EA35" s="61">
        <v>0</v>
      </c>
      <c r="EB35" s="61">
        <v>0</v>
      </c>
      <c r="EC35" s="62">
        <v>1</v>
      </c>
      <c r="ED35" s="63">
        <v>1</v>
      </c>
      <c r="EE35" s="60">
        <v>0</v>
      </c>
      <c r="EF35" s="61">
        <v>0</v>
      </c>
      <c r="EG35" s="62">
        <v>0</v>
      </c>
      <c r="EH35" s="443">
        <v>0</v>
      </c>
      <c r="EI35" s="61">
        <v>0</v>
      </c>
      <c r="EJ35" s="61">
        <v>0</v>
      </c>
      <c r="EK35" s="61">
        <v>0</v>
      </c>
      <c r="EL35" s="61">
        <v>0</v>
      </c>
      <c r="EM35" s="61">
        <v>0</v>
      </c>
      <c r="EN35" s="62">
        <v>0</v>
      </c>
      <c r="EO35" s="63">
        <v>0</v>
      </c>
      <c r="EP35" s="60">
        <v>1</v>
      </c>
      <c r="EQ35" s="61">
        <v>0</v>
      </c>
      <c r="ER35" s="62">
        <v>1</v>
      </c>
      <c r="ES35" s="443">
        <v>0</v>
      </c>
      <c r="ET35" s="61">
        <v>0</v>
      </c>
      <c r="EU35" s="61">
        <v>0</v>
      </c>
      <c r="EV35" s="61">
        <v>0</v>
      </c>
      <c r="EW35" s="61">
        <v>1</v>
      </c>
      <c r="EX35" s="61">
        <v>0</v>
      </c>
      <c r="EY35" s="62">
        <v>1</v>
      </c>
      <c r="EZ35" s="63">
        <v>2</v>
      </c>
      <c r="FA35" s="60">
        <v>1</v>
      </c>
      <c r="FB35" s="61">
        <v>0</v>
      </c>
      <c r="FC35" s="62">
        <v>1</v>
      </c>
      <c r="FD35" s="443">
        <v>0</v>
      </c>
      <c r="FE35" s="61">
        <v>0</v>
      </c>
      <c r="FF35" s="61">
        <v>2</v>
      </c>
      <c r="FG35" s="61">
        <v>0</v>
      </c>
      <c r="FH35" s="61">
        <v>0</v>
      </c>
      <c r="FI35" s="61">
        <v>0</v>
      </c>
      <c r="FJ35" s="62">
        <v>2</v>
      </c>
      <c r="FK35" s="63">
        <v>3</v>
      </c>
      <c r="FL35" s="60">
        <v>0</v>
      </c>
      <c r="FM35" s="61">
        <v>0</v>
      </c>
      <c r="FN35" s="62">
        <v>0</v>
      </c>
      <c r="FO35" s="443">
        <v>0</v>
      </c>
      <c r="FP35" s="61">
        <v>2</v>
      </c>
      <c r="FQ35" s="61">
        <v>1</v>
      </c>
      <c r="FR35" s="61">
        <v>0</v>
      </c>
      <c r="FS35" s="61">
        <v>2</v>
      </c>
      <c r="FT35" s="61">
        <v>0</v>
      </c>
      <c r="FU35" s="62">
        <v>5</v>
      </c>
      <c r="FV35" s="63">
        <v>5</v>
      </c>
      <c r="FW35" s="60">
        <v>0</v>
      </c>
      <c r="FX35" s="61">
        <v>0</v>
      </c>
      <c r="FY35" s="62">
        <v>0</v>
      </c>
      <c r="FZ35" s="443">
        <v>0</v>
      </c>
      <c r="GA35" s="61">
        <v>0</v>
      </c>
      <c r="GB35" s="61">
        <v>0</v>
      </c>
      <c r="GC35" s="61">
        <v>0</v>
      </c>
      <c r="GD35" s="61">
        <v>0</v>
      </c>
      <c r="GE35" s="61">
        <v>0</v>
      </c>
      <c r="GF35" s="62">
        <v>0</v>
      </c>
      <c r="GG35" s="63">
        <v>0</v>
      </c>
      <c r="GH35" s="60">
        <v>2</v>
      </c>
      <c r="GI35" s="61">
        <v>0</v>
      </c>
      <c r="GJ35" s="62">
        <v>2</v>
      </c>
      <c r="GK35" s="443">
        <v>0</v>
      </c>
      <c r="GL35" s="61">
        <v>3</v>
      </c>
      <c r="GM35" s="61">
        <v>3</v>
      </c>
      <c r="GN35" s="61">
        <v>0</v>
      </c>
      <c r="GO35" s="61">
        <v>3</v>
      </c>
      <c r="GP35" s="61">
        <v>0</v>
      </c>
      <c r="GQ35" s="62">
        <v>9</v>
      </c>
      <c r="GR35" s="63">
        <v>11</v>
      </c>
      <c r="GS35" s="113">
        <v>5</v>
      </c>
      <c r="GT35" s="72">
        <v>4</v>
      </c>
      <c r="GU35" s="73">
        <v>9</v>
      </c>
      <c r="GV35" s="443">
        <v>0</v>
      </c>
      <c r="GW35" s="72">
        <v>15</v>
      </c>
      <c r="GX35" s="72">
        <v>7</v>
      </c>
      <c r="GY35" s="72">
        <v>5</v>
      </c>
      <c r="GZ35" s="72">
        <v>6</v>
      </c>
      <c r="HA35" s="72">
        <v>5</v>
      </c>
      <c r="HB35" s="74">
        <v>38</v>
      </c>
      <c r="HC35" s="75">
        <v>47</v>
      </c>
      <c r="HD35" s="60">
        <v>0</v>
      </c>
      <c r="HE35" s="61">
        <v>0</v>
      </c>
      <c r="HF35" s="62">
        <v>0</v>
      </c>
      <c r="HG35" s="443">
        <v>0</v>
      </c>
      <c r="HH35" s="61">
        <v>0</v>
      </c>
      <c r="HI35" s="61">
        <v>0</v>
      </c>
      <c r="HJ35" s="61">
        <v>0</v>
      </c>
      <c r="HK35" s="61">
        <v>0</v>
      </c>
      <c r="HL35" s="61">
        <v>0</v>
      </c>
      <c r="HM35" s="62">
        <v>0</v>
      </c>
      <c r="HN35" s="63">
        <v>0</v>
      </c>
      <c r="HO35" s="60">
        <v>0</v>
      </c>
      <c r="HP35" s="61">
        <v>0</v>
      </c>
      <c r="HQ35" s="62">
        <v>0</v>
      </c>
      <c r="HR35" s="443">
        <v>0</v>
      </c>
      <c r="HS35" s="61">
        <v>2</v>
      </c>
      <c r="HT35" s="61">
        <v>1</v>
      </c>
      <c r="HU35" s="61">
        <v>0</v>
      </c>
      <c r="HV35" s="61">
        <v>1</v>
      </c>
      <c r="HW35" s="61">
        <v>2</v>
      </c>
      <c r="HX35" s="62">
        <v>6</v>
      </c>
      <c r="HY35" s="63">
        <v>6</v>
      </c>
      <c r="HZ35" s="60">
        <v>2</v>
      </c>
      <c r="IA35" s="61">
        <v>0</v>
      </c>
      <c r="IB35" s="62">
        <v>2</v>
      </c>
      <c r="IC35" s="443">
        <v>0</v>
      </c>
      <c r="ID35" s="61">
        <v>1</v>
      </c>
      <c r="IE35" s="61">
        <v>0</v>
      </c>
      <c r="IF35" s="61">
        <v>0</v>
      </c>
      <c r="IG35" s="61">
        <v>0</v>
      </c>
      <c r="IH35" s="61">
        <v>2</v>
      </c>
      <c r="II35" s="62">
        <v>3</v>
      </c>
      <c r="IJ35" s="63">
        <v>5</v>
      </c>
      <c r="IK35" s="60">
        <v>2</v>
      </c>
      <c r="IL35" s="61">
        <v>2</v>
      </c>
      <c r="IM35" s="62">
        <v>4</v>
      </c>
      <c r="IN35" s="443">
        <v>0</v>
      </c>
      <c r="IO35" s="61">
        <v>6</v>
      </c>
      <c r="IP35" s="61">
        <v>0</v>
      </c>
      <c r="IQ35" s="61">
        <v>0</v>
      </c>
      <c r="IR35" s="61">
        <v>1</v>
      </c>
      <c r="IS35" s="61">
        <v>1</v>
      </c>
      <c r="IT35" s="62">
        <v>8</v>
      </c>
      <c r="IU35" s="63">
        <v>12</v>
      </c>
      <c r="IV35" s="60">
        <v>1</v>
      </c>
      <c r="IW35" s="61">
        <v>1</v>
      </c>
      <c r="IX35" s="62">
        <v>2</v>
      </c>
      <c r="IY35" s="443">
        <v>0</v>
      </c>
      <c r="IZ35" s="61">
        <v>2</v>
      </c>
      <c r="JA35" s="61">
        <v>3</v>
      </c>
      <c r="JB35" s="61">
        <v>4</v>
      </c>
      <c r="JC35" s="61">
        <v>1</v>
      </c>
      <c r="JD35" s="61">
        <v>0</v>
      </c>
      <c r="JE35" s="62">
        <v>10</v>
      </c>
      <c r="JF35" s="63">
        <v>12</v>
      </c>
      <c r="JG35" s="60">
        <v>0</v>
      </c>
      <c r="JH35" s="61">
        <v>1</v>
      </c>
      <c r="JI35" s="62">
        <v>1</v>
      </c>
      <c r="JJ35" s="443">
        <v>0</v>
      </c>
      <c r="JK35" s="61">
        <v>4</v>
      </c>
      <c r="JL35" s="61">
        <v>3</v>
      </c>
      <c r="JM35" s="61">
        <v>1</v>
      </c>
      <c r="JN35" s="61">
        <v>3</v>
      </c>
      <c r="JO35" s="61">
        <v>0</v>
      </c>
      <c r="JP35" s="62">
        <v>11</v>
      </c>
      <c r="JQ35" s="63">
        <v>12</v>
      </c>
      <c r="JR35" s="60">
        <v>0</v>
      </c>
      <c r="JS35" s="61">
        <v>0</v>
      </c>
      <c r="JT35" s="62">
        <v>0</v>
      </c>
      <c r="JU35" s="443">
        <v>0</v>
      </c>
      <c r="JV35" s="61">
        <v>0</v>
      </c>
      <c r="JW35" s="61">
        <v>0</v>
      </c>
      <c r="JX35" s="61">
        <v>0</v>
      </c>
      <c r="JY35" s="61">
        <v>0</v>
      </c>
      <c r="JZ35" s="61">
        <v>0</v>
      </c>
      <c r="KA35" s="62">
        <v>0</v>
      </c>
      <c r="KB35" s="63">
        <v>0</v>
      </c>
      <c r="KC35" s="60">
        <v>5</v>
      </c>
      <c r="KD35" s="61">
        <v>4</v>
      </c>
      <c r="KE35" s="62">
        <v>9</v>
      </c>
      <c r="KF35" s="443">
        <v>0</v>
      </c>
      <c r="KG35" s="61">
        <v>15</v>
      </c>
      <c r="KH35" s="61">
        <v>7</v>
      </c>
      <c r="KI35" s="61">
        <v>5</v>
      </c>
      <c r="KJ35" s="61">
        <v>6</v>
      </c>
      <c r="KK35" s="61">
        <v>5</v>
      </c>
      <c r="KL35" s="62">
        <v>38</v>
      </c>
      <c r="KM35" s="63">
        <v>47</v>
      </c>
    </row>
    <row r="36" spans="2:299" ht="21" customHeight="1" x14ac:dyDescent="0.2">
      <c r="B36" s="437" t="s">
        <v>33</v>
      </c>
      <c r="C36" s="287">
        <v>1</v>
      </c>
      <c r="D36" s="72">
        <v>3</v>
      </c>
      <c r="E36" s="73">
        <v>4</v>
      </c>
      <c r="F36" s="443">
        <v>0</v>
      </c>
      <c r="G36" s="72">
        <v>9</v>
      </c>
      <c r="H36" s="72">
        <v>3</v>
      </c>
      <c r="I36" s="72">
        <v>3</v>
      </c>
      <c r="J36" s="72">
        <v>2</v>
      </c>
      <c r="K36" s="72">
        <v>4</v>
      </c>
      <c r="L36" s="74">
        <v>21</v>
      </c>
      <c r="M36" s="75">
        <v>25</v>
      </c>
      <c r="N36" s="60">
        <v>0</v>
      </c>
      <c r="O36" s="61">
        <v>0</v>
      </c>
      <c r="P36" s="62">
        <v>0</v>
      </c>
      <c r="Q36" s="443">
        <v>0</v>
      </c>
      <c r="R36" s="61">
        <v>2</v>
      </c>
      <c r="S36" s="61">
        <v>0</v>
      </c>
      <c r="T36" s="61">
        <v>0</v>
      </c>
      <c r="U36" s="61">
        <v>1</v>
      </c>
      <c r="V36" s="61">
        <v>0</v>
      </c>
      <c r="W36" s="62">
        <v>3</v>
      </c>
      <c r="X36" s="63">
        <v>3</v>
      </c>
      <c r="Y36" s="60">
        <v>0</v>
      </c>
      <c r="Z36" s="61">
        <v>0</v>
      </c>
      <c r="AA36" s="62">
        <v>0</v>
      </c>
      <c r="AB36" s="443">
        <v>0</v>
      </c>
      <c r="AC36" s="61">
        <v>1</v>
      </c>
      <c r="AD36" s="61">
        <v>0</v>
      </c>
      <c r="AE36" s="61">
        <v>1</v>
      </c>
      <c r="AF36" s="61">
        <v>0</v>
      </c>
      <c r="AG36" s="61">
        <v>1</v>
      </c>
      <c r="AH36" s="62">
        <v>3</v>
      </c>
      <c r="AI36" s="63">
        <v>3</v>
      </c>
      <c r="AJ36" s="60">
        <v>1</v>
      </c>
      <c r="AK36" s="61">
        <v>0</v>
      </c>
      <c r="AL36" s="62">
        <v>1</v>
      </c>
      <c r="AM36" s="443">
        <v>0</v>
      </c>
      <c r="AN36" s="61">
        <v>2</v>
      </c>
      <c r="AO36" s="61">
        <v>1</v>
      </c>
      <c r="AP36" s="61">
        <v>1</v>
      </c>
      <c r="AQ36" s="61">
        <v>0</v>
      </c>
      <c r="AR36" s="61">
        <v>1</v>
      </c>
      <c r="AS36" s="62">
        <v>5</v>
      </c>
      <c r="AT36" s="63">
        <v>6</v>
      </c>
      <c r="AU36" s="60">
        <v>0</v>
      </c>
      <c r="AV36" s="61">
        <v>2</v>
      </c>
      <c r="AW36" s="62">
        <v>2</v>
      </c>
      <c r="AX36" s="443">
        <v>0</v>
      </c>
      <c r="AY36" s="61">
        <v>0</v>
      </c>
      <c r="AZ36" s="61">
        <v>1</v>
      </c>
      <c r="BA36" s="61">
        <v>0</v>
      </c>
      <c r="BB36" s="61">
        <v>0</v>
      </c>
      <c r="BC36" s="61">
        <v>1</v>
      </c>
      <c r="BD36" s="62">
        <v>2</v>
      </c>
      <c r="BE36" s="63">
        <v>4</v>
      </c>
      <c r="BF36" s="60">
        <v>0</v>
      </c>
      <c r="BG36" s="61">
        <v>1</v>
      </c>
      <c r="BH36" s="62">
        <v>1</v>
      </c>
      <c r="BI36" s="443">
        <v>0</v>
      </c>
      <c r="BJ36" s="61">
        <v>1</v>
      </c>
      <c r="BK36" s="61">
        <v>1</v>
      </c>
      <c r="BL36" s="61">
        <v>0</v>
      </c>
      <c r="BM36" s="61">
        <v>0</v>
      </c>
      <c r="BN36" s="61">
        <v>1</v>
      </c>
      <c r="BO36" s="62">
        <v>3</v>
      </c>
      <c r="BP36" s="63">
        <v>4</v>
      </c>
      <c r="BQ36" s="60">
        <v>0</v>
      </c>
      <c r="BR36" s="61">
        <v>0</v>
      </c>
      <c r="BS36" s="62">
        <v>0</v>
      </c>
      <c r="BT36" s="443">
        <v>0</v>
      </c>
      <c r="BU36" s="61">
        <v>3</v>
      </c>
      <c r="BV36" s="61">
        <v>0</v>
      </c>
      <c r="BW36" s="61">
        <v>1</v>
      </c>
      <c r="BX36" s="61">
        <v>1</v>
      </c>
      <c r="BY36" s="61">
        <v>0</v>
      </c>
      <c r="BZ36" s="62">
        <v>5</v>
      </c>
      <c r="CA36" s="63">
        <v>5</v>
      </c>
      <c r="CB36" s="60">
        <v>0</v>
      </c>
      <c r="CC36" s="61">
        <v>0</v>
      </c>
      <c r="CD36" s="62">
        <v>0</v>
      </c>
      <c r="CE36" s="443">
        <v>0</v>
      </c>
      <c r="CF36" s="61">
        <v>0</v>
      </c>
      <c r="CG36" s="61">
        <v>0</v>
      </c>
      <c r="CH36" s="61">
        <v>0</v>
      </c>
      <c r="CI36" s="61">
        <v>0</v>
      </c>
      <c r="CJ36" s="61">
        <v>0</v>
      </c>
      <c r="CK36" s="62">
        <v>0</v>
      </c>
      <c r="CL36" s="63">
        <v>0</v>
      </c>
      <c r="CM36" s="60">
        <v>1</v>
      </c>
      <c r="CN36" s="61">
        <v>3</v>
      </c>
      <c r="CO36" s="62">
        <v>4</v>
      </c>
      <c r="CP36" s="443">
        <v>0</v>
      </c>
      <c r="CQ36" s="61">
        <v>9</v>
      </c>
      <c r="CR36" s="61">
        <v>3</v>
      </c>
      <c r="CS36" s="61">
        <v>3</v>
      </c>
      <c r="CT36" s="61">
        <v>2</v>
      </c>
      <c r="CU36" s="61">
        <v>4</v>
      </c>
      <c r="CV36" s="62">
        <v>21</v>
      </c>
      <c r="CW36" s="63">
        <v>25</v>
      </c>
      <c r="CX36" s="113">
        <v>0</v>
      </c>
      <c r="CY36" s="72">
        <v>3</v>
      </c>
      <c r="CZ36" s="73">
        <v>3</v>
      </c>
      <c r="DA36" s="443">
        <v>0</v>
      </c>
      <c r="DB36" s="72">
        <v>4</v>
      </c>
      <c r="DC36" s="72">
        <v>1</v>
      </c>
      <c r="DD36" s="72">
        <v>4</v>
      </c>
      <c r="DE36" s="72">
        <v>2</v>
      </c>
      <c r="DF36" s="72">
        <v>3</v>
      </c>
      <c r="DG36" s="74">
        <v>14</v>
      </c>
      <c r="DH36" s="75">
        <v>17</v>
      </c>
      <c r="DI36" s="60">
        <v>0</v>
      </c>
      <c r="DJ36" s="61">
        <v>0</v>
      </c>
      <c r="DK36" s="62">
        <v>0</v>
      </c>
      <c r="DL36" s="443">
        <v>0</v>
      </c>
      <c r="DM36" s="61">
        <v>0</v>
      </c>
      <c r="DN36" s="61">
        <v>0</v>
      </c>
      <c r="DO36" s="61">
        <v>0</v>
      </c>
      <c r="DP36" s="61">
        <v>0</v>
      </c>
      <c r="DQ36" s="61">
        <v>0</v>
      </c>
      <c r="DR36" s="62">
        <v>0</v>
      </c>
      <c r="DS36" s="63">
        <v>0</v>
      </c>
      <c r="DT36" s="60">
        <v>0</v>
      </c>
      <c r="DU36" s="61">
        <v>0</v>
      </c>
      <c r="DV36" s="62">
        <v>0</v>
      </c>
      <c r="DW36" s="443">
        <v>0</v>
      </c>
      <c r="DX36" s="61">
        <v>0</v>
      </c>
      <c r="DY36" s="61">
        <v>0</v>
      </c>
      <c r="DZ36" s="61">
        <v>0</v>
      </c>
      <c r="EA36" s="61">
        <v>0</v>
      </c>
      <c r="EB36" s="61">
        <v>0</v>
      </c>
      <c r="EC36" s="62">
        <v>0</v>
      </c>
      <c r="ED36" s="63">
        <v>0</v>
      </c>
      <c r="EE36" s="60">
        <v>0</v>
      </c>
      <c r="EF36" s="61">
        <v>1</v>
      </c>
      <c r="EG36" s="62">
        <v>1</v>
      </c>
      <c r="EH36" s="443">
        <v>0</v>
      </c>
      <c r="EI36" s="61">
        <v>0</v>
      </c>
      <c r="EJ36" s="61">
        <v>0</v>
      </c>
      <c r="EK36" s="61">
        <v>0</v>
      </c>
      <c r="EL36" s="61">
        <v>0</v>
      </c>
      <c r="EM36" s="61">
        <v>0</v>
      </c>
      <c r="EN36" s="62">
        <v>0</v>
      </c>
      <c r="EO36" s="63">
        <v>1</v>
      </c>
      <c r="EP36" s="60">
        <v>0</v>
      </c>
      <c r="EQ36" s="61">
        <v>1</v>
      </c>
      <c r="ER36" s="62">
        <v>1</v>
      </c>
      <c r="ES36" s="443">
        <v>0</v>
      </c>
      <c r="ET36" s="61">
        <v>0</v>
      </c>
      <c r="EU36" s="61">
        <v>0</v>
      </c>
      <c r="EV36" s="61">
        <v>0</v>
      </c>
      <c r="EW36" s="61">
        <v>0</v>
      </c>
      <c r="EX36" s="61">
        <v>0</v>
      </c>
      <c r="EY36" s="62">
        <v>0</v>
      </c>
      <c r="EZ36" s="63">
        <v>1</v>
      </c>
      <c r="FA36" s="60">
        <v>0</v>
      </c>
      <c r="FB36" s="61">
        <v>0</v>
      </c>
      <c r="FC36" s="62">
        <v>0</v>
      </c>
      <c r="FD36" s="443">
        <v>0</v>
      </c>
      <c r="FE36" s="61">
        <v>1</v>
      </c>
      <c r="FF36" s="61">
        <v>1</v>
      </c>
      <c r="FG36" s="61">
        <v>1</v>
      </c>
      <c r="FH36" s="61">
        <v>0</v>
      </c>
      <c r="FI36" s="61">
        <v>0</v>
      </c>
      <c r="FJ36" s="62">
        <v>3</v>
      </c>
      <c r="FK36" s="63">
        <v>3</v>
      </c>
      <c r="FL36" s="60">
        <v>0</v>
      </c>
      <c r="FM36" s="61">
        <v>1</v>
      </c>
      <c r="FN36" s="62">
        <v>1</v>
      </c>
      <c r="FO36" s="443">
        <v>0</v>
      </c>
      <c r="FP36" s="61">
        <v>3</v>
      </c>
      <c r="FQ36" s="61">
        <v>0</v>
      </c>
      <c r="FR36" s="61">
        <v>3</v>
      </c>
      <c r="FS36" s="61">
        <v>2</v>
      </c>
      <c r="FT36" s="61">
        <v>3</v>
      </c>
      <c r="FU36" s="62">
        <v>11</v>
      </c>
      <c r="FV36" s="63">
        <v>12</v>
      </c>
      <c r="FW36" s="60">
        <v>0</v>
      </c>
      <c r="FX36" s="61">
        <v>0</v>
      </c>
      <c r="FY36" s="62">
        <v>0</v>
      </c>
      <c r="FZ36" s="443">
        <v>0</v>
      </c>
      <c r="GA36" s="61">
        <v>0</v>
      </c>
      <c r="GB36" s="61">
        <v>0</v>
      </c>
      <c r="GC36" s="61">
        <v>0</v>
      </c>
      <c r="GD36" s="61">
        <v>0</v>
      </c>
      <c r="GE36" s="61">
        <v>0</v>
      </c>
      <c r="GF36" s="62">
        <v>0</v>
      </c>
      <c r="GG36" s="63">
        <v>0</v>
      </c>
      <c r="GH36" s="60">
        <v>0</v>
      </c>
      <c r="GI36" s="61">
        <v>3</v>
      </c>
      <c r="GJ36" s="62">
        <v>3</v>
      </c>
      <c r="GK36" s="443">
        <v>0</v>
      </c>
      <c r="GL36" s="61">
        <v>4</v>
      </c>
      <c r="GM36" s="61">
        <v>1</v>
      </c>
      <c r="GN36" s="61">
        <v>4</v>
      </c>
      <c r="GO36" s="61">
        <v>2</v>
      </c>
      <c r="GP36" s="61">
        <v>3</v>
      </c>
      <c r="GQ36" s="62">
        <v>14</v>
      </c>
      <c r="GR36" s="63">
        <v>17</v>
      </c>
      <c r="GS36" s="113">
        <v>1</v>
      </c>
      <c r="GT36" s="72">
        <v>6</v>
      </c>
      <c r="GU36" s="73">
        <v>7</v>
      </c>
      <c r="GV36" s="443">
        <v>0</v>
      </c>
      <c r="GW36" s="72">
        <v>13</v>
      </c>
      <c r="GX36" s="72">
        <v>4</v>
      </c>
      <c r="GY36" s="72">
        <v>7</v>
      </c>
      <c r="GZ36" s="72">
        <v>4</v>
      </c>
      <c r="HA36" s="72">
        <v>7</v>
      </c>
      <c r="HB36" s="74">
        <v>35</v>
      </c>
      <c r="HC36" s="75">
        <v>42</v>
      </c>
      <c r="HD36" s="60">
        <v>0</v>
      </c>
      <c r="HE36" s="61">
        <v>0</v>
      </c>
      <c r="HF36" s="62">
        <v>0</v>
      </c>
      <c r="HG36" s="443">
        <v>0</v>
      </c>
      <c r="HH36" s="61">
        <v>2</v>
      </c>
      <c r="HI36" s="61">
        <v>0</v>
      </c>
      <c r="HJ36" s="61">
        <v>0</v>
      </c>
      <c r="HK36" s="61">
        <v>1</v>
      </c>
      <c r="HL36" s="61">
        <v>0</v>
      </c>
      <c r="HM36" s="62">
        <v>3</v>
      </c>
      <c r="HN36" s="63">
        <v>3</v>
      </c>
      <c r="HO36" s="60">
        <v>0</v>
      </c>
      <c r="HP36" s="61">
        <v>0</v>
      </c>
      <c r="HQ36" s="62">
        <v>0</v>
      </c>
      <c r="HR36" s="443">
        <v>0</v>
      </c>
      <c r="HS36" s="61">
        <v>1</v>
      </c>
      <c r="HT36" s="61">
        <v>0</v>
      </c>
      <c r="HU36" s="61">
        <v>1</v>
      </c>
      <c r="HV36" s="61">
        <v>0</v>
      </c>
      <c r="HW36" s="61">
        <v>1</v>
      </c>
      <c r="HX36" s="62">
        <v>3</v>
      </c>
      <c r="HY36" s="63">
        <v>3</v>
      </c>
      <c r="HZ36" s="60">
        <v>1</v>
      </c>
      <c r="IA36" s="61">
        <v>1</v>
      </c>
      <c r="IB36" s="62">
        <v>2</v>
      </c>
      <c r="IC36" s="443">
        <v>0</v>
      </c>
      <c r="ID36" s="61">
        <v>2</v>
      </c>
      <c r="IE36" s="61">
        <v>1</v>
      </c>
      <c r="IF36" s="61">
        <v>1</v>
      </c>
      <c r="IG36" s="61">
        <v>0</v>
      </c>
      <c r="IH36" s="61">
        <v>1</v>
      </c>
      <c r="II36" s="62">
        <v>5</v>
      </c>
      <c r="IJ36" s="63">
        <v>7</v>
      </c>
      <c r="IK36" s="60">
        <v>0</v>
      </c>
      <c r="IL36" s="61">
        <v>3</v>
      </c>
      <c r="IM36" s="62">
        <v>3</v>
      </c>
      <c r="IN36" s="443">
        <v>0</v>
      </c>
      <c r="IO36" s="61">
        <v>0</v>
      </c>
      <c r="IP36" s="61">
        <v>1</v>
      </c>
      <c r="IQ36" s="61">
        <v>0</v>
      </c>
      <c r="IR36" s="61">
        <v>0</v>
      </c>
      <c r="IS36" s="61">
        <v>1</v>
      </c>
      <c r="IT36" s="62">
        <v>2</v>
      </c>
      <c r="IU36" s="63">
        <v>5</v>
      </c>
      <c r="IV36" s="60">
        <v>0</v>
      </c>
      <c r="IW36" s="61">
        <v>1</v>
      </c>
      <c r="IX36" s="62">
        <v>1</v>
      </c>
      <c r="IY36" s="443">
        <v>0</v>
      </c>
      <c r="IZ36" s="61">
        <v>2</v>
      </c>
      <c r="JA36" s="61">
        <v>2</v>
      </c>
      <c r="JB36" s="61">
        <v>1</v>
      </c>
      <c r="JC36" s="61">
        <v>0</v>
      </c>
      <c r="JD36" s="61">
        <v>1</v>
      </c>
      <c r="JE36" s="62">
        <v>6</v>
      </c>
      <c r="JF36" s="63">
        <v>7</v>
      </c>
      <c r="JG36" s="60">
        <v>0</v>
      </c>
      <c r="JH36" s="61">
        <v>1</v>
      </c>
      <c r="JI36" s="62">
        <v>1</v>
      </c>
      <c r="JJ36" s="443">
        <v>0</v>
      </c>
      <c r="JK36" s="61">
        <v>6</v>
      </c>
      <c r="JL36" s="61">
        <v>0</v>
      </c>
      <c r="JM36" s="61">
        <v>4</v>
      </c>
      <c r="JN36" s="61">
        <v>3</v>
      </c>
      <c r="JO36" s="61">
        <v>3</v>
      </c>
      <c r="JP36" s="62">
        <v>16</v>
      </c>
      <c r="JQ36" s="63">
        <v>17</v>
      </c>
      <c r="JR36" s="60">
        <v>0</v>
      </c>
      <c r="JS36" s="61">
        <v>0</v>
      </c>
      <c r="JT36" s="62">
        <v>0</v>
      </c>
      <c r="JU36" s="443">
        <v>0</v>
      </c>
      <c r="JV36" s="61">
        <v>0</v>
      </c>
      <c r="JW36" s="61">
        <v>0</v>
      </c>
      <c r="JX36" s="61">
        <v>0</v>
      </c>
      <c r="JY36" s="61">
        <v>0</v>
      </c>
      <c r="JZ36" s="61">
        <v>0</v>
      </c>
      <c r="KA36" s="62">
        <v>0</v>
      </c>
      <c r="KB36" s="63">
        <v>0</v>
      </c>
      <c r="KC36" s="60">
        <v>1</v>
      </c>
      <c r="KD36" s="61">
        <v>6</v>
      </c>
      <c r="KE36" s="62">
        <v>7</v>
      </c>
      <c r="KF36" s="443">
        <v>0</v>
      </c>
      <c r="KG36" s="61">
        <v>13</v>
      </c>
      <c r="KH36" s="61">
        <v>4</v>
      </c>
      <c r="KI36" s="61">
        <v>7</v>
      </c>
      <c r="KJ36" s="61">
        <v>4</v>
      </c>
      <c r="KK36" s="61">
        <v>7</v>
      </c>
      <c r="KL36" s="62">
        <v>35</v>
      </c>
      <c r="KM36" s="63">
        <v>42</v>
      </c>
    </row>
    <row r="37" spans="2:299" ht="21" customHeight="1" x14ac:dyDescent="0.2">
      <c r="B37" s="437" t="s">
        <v>34</v>
      </c>
      <c r="C37" s="287">
        <v>2</v>
      </c>
      <c r="D37" s="72">
        <v>1</v>
      </c>
      <c r="E37" s="73">
        <v>3</v>
      </c>
      <c r="F37" s="443">
        <v>0</v>
      </c>
      <c r="G37" s="72">
        <v>1</v>
      </c>
      <c r="H37" s="72">
        <v>1</v>
      </c>
      <c r="I37" s="72">
        <v>3</v>
      </c>
      <c r="J37" s="72">
        <v>1</v>
      </c>
      <c r="K37" s="72">
        <v>0</v>
      </c>
      <c r="L37" s="74">
        <v>6</v>
      </c>
      <c r="M37" s="75">
        <v>9</v>
      </c>
      <c r="N37" s="60">
        <v>0</v>
      </c>
      <c r="O37" s="61">
        <v>0</v>
      </c>
      <c r="P37" s="62">
        <v>0</v>
      </c>
      <c r="Q37" s="443">
        <v>0</v>
      </c>
      <c r="R37" s="61">
        <v>0</v>
      </c>
      <c r="S37" s="61">
        <v>0</v>
      </c>
      <c r="T37" s="61">
        <v>0</v>
      </c>
      <c r="U37" s="61">
        <v>0</v>
      </c>
      <c r="V37" s="61">
        <v>0</v>
      </c>
      <c r="W37" s="62">
        <v>0</v>
      </c>
      <c r="X37" s="63">
        <v>0</v>
      </c>
      <c r="Y37" s="60">
        <v>0</v>
      </c>
      <c r="Z37" s="61">
        <v>0</v>
      </c>
      <c r="AA37" s="62">
        <v>0</v>
      </c>
      <c r="AB37" s="443">
        <v>0</v>
      </c>
      <c r="AC37" s="61">
        <v>0</v>
      </c>
      <c r="AD37" s="61">
        <v>1</v>
      </c>
      <c r="AE37" s="61">
        <v>0</v>
      </c>
      <c r="AF37" s="61">
        <v>0</v>
      </c>
      <c r="AG37" s="61">
        <v>0</v>
      </c>
      <c r="AH37" s="62">
        <v>1</v>
      </c>
      <c r="AI37" s="63">
        <v>1</v>
      </c>
      <c r="AJ37" s="60">
        <v>1</v>
      </c>
      <c r="AK37" s="61">
        <v>0</v>
      </c>
      <c r="AL37" s="62">
        <v>1</v>
      </c>
      <c r="AM37" s="443">
        <v>0</v>
      </c>
      <c r="AN37" s="61">
        <v>0</v>
      </c>
      <c r="AO37" s="61">
        <v>0</v>
      </c>
      <c r="AP37" s="61">
        <v>0</v>
      </c>
      <c r="AQ37" s="61">
        <v>0</v>
      </c>
      <c r="AR37" s="61">
        <v>0</v>
      </c>
      <c r="AS37" s="62">
        <v>0</v>
      </c>
      <c r="AT37" s="63">
        <v>1</v>
      </c>
      <c r="AU37" s="60">
        <v>1</v>
      </c>
      <c r="AV37" s="61">
        <v>1</v>
      </c>
      <c r="AW37" s="62">
        <v>2</v>
      </c>
      <c r="AX37" s="443">
        <v>0</v>
      </c>
      <c r="AY37" s="61">
        <v>0</v>
      </c>
      <c r="AZ37" s="61">
        <v>0</v>
      </c>
      <c r="BA37" s="61">
        <v>0</v>
      </c>
      <c r="BB37" s="61">
        <v>1</v>
      </c>
      <c r="BC37" s="61">
        <v>0</v>
      </c>
      <c r="BD37" s="62">
        <v>1</v>
      </c>
      <c r="BE37" s="63">
        <v>3</v>
      </c>
      <c r="BF37" s="60">
        <v>0</v>
      </c>
      <c r="BG37" s="61">
        <v>0</v>
      </c>
      <c r="BH37" s="62">
        <v>0</v>
      </c>
      <c r="BI37" s="443">
        <v>0</v>
      </c>
      <c r="BJ37" s="61">
        <v>1</v>
      </c>
      <c r="BK37" s="61">
        <v>0</v>
      </c>
      <c r="BL37" s="61">
        <v>0</v>
      </c>
      <c r="BM37" s="61">
        <v>0</v>
      </c>
      <c r="BN37" s="61">
        <v>0</v>
      </c>
      <c r="BO37" s="62">
        <v>1</v>
      </c>
      <c r="BP37" s="63">
        <v>1</v>
      </c>
      <c r="BQ37" s="60">
        <v>0</v>
      </c>
      <c r="BR37" s="61">
        <v>0</v>
      </c>
      <c r="BS37" s="62">
        <v>0</v>
      </c>
      <c r="BT37" s="443">
        <v>0</v>
      </c>
      <c r="BU37" s="61">
        <v>0</v>
      </c>
      <c r="BV37" s="61">
        <v>0</v>
      </c>
      <c r="BW37" s="61">
        <v>3</v>
      </c>
      <c r="BX37" s="61">
        <v>0</v>
      </c>
      <c r="BY37" s="61">
        <v>0</v>
      </c>
      <c r="BZ37" s="62">
        <v>3</v>
      </c>
      <c r="CA37" s="63">
        <v>3</v>
      </c>
      <c r="CB37" s="60">
        <v>0</v>
      </c>
      <c r="CC37" s="61">
        <v>0</v>
      </c>
      <c r="CD37" s="62">
        <v>0</v>
      </c>
      <c r="CE37" s="443">
        <v>0</v>
      </c>
      <c r="CF37" s="61">
        <v>0</v>
      </c>
      <c r="CG37" s="61">
        <v>0</v>
      </c>
      <c r="CH37" s="61">
        <v>0</v>
      </c>
      <c r="CI37" s="61">
        <v>0</v>
      </c>
      <c r="CJ37" s="61">
        <v>0</v>
      </c>
      <c r="CK37" s="62">
        <v>0</v>
      </c>
      <c r="CL37" s="63">
        <v>0</v>
      </c>
      <c r="CM37" s="60">
        <v>2</v>
      </c>
      <c r="CN37" s="61">
        <v>1</v>
      </c>
      <c r="CO37" s="62">
        <v>3</v>
      </c>
      <c r="CP37" s="443">
        <v>0</v>
      </c>
      <c r="CQ37" s="61">
        <v>1</v>
      </c>
      <c r="CR37" s="61">
        <v>1</v>
      </c>
      <c r="CS37" s="61">
        <v>3</v>
      </c>
      <c r="CT37" s="61">
        <v>1</v>
      </c>
      <c r="CU37" s="61">
        <v>0</v>
      </c>
      <c r="CV37" s="62">
        <v>6</v>
      </c>
      <c r="CW37" s="63">
        <v>9</v>
      </c>
      <c r="CX37" s="113">
        <v>1</v>
      </c>
      <c r="CY37" s="72">
        <v>3</v>
      </c>
      <c r="CZ37" s="73">
        <v>4</v>
      </c>
      <c r="DA37" s="443">
        <v>0</v>
      </c>
      <c r="DB37" s="72">
        <v>1</v>
      </c>
      <c r="DC37" s="72">
        <v>1</v>
      </c>
      <c r="DD37" s="72">
        <v>1</v>
      </c>
      <c r="DE37" s="72">
        <v>0</v>
      </c>
      <c r="DF37" s="72">
        <v>0</v>
      </c>
      <c r="DG37" s="74">
        <v>3</v>
      </c>
      <c r="DH37" s="75">
        <v>7</v>
      </c>
      <c r="DI37" s="60">
        <v>0</v>
      </c>
      <c r="DJ37" s="61">
        <v>0</v>
      </c>
      <c r="DK37" s="62">
        <v>0</v>
      </c>
      <c r="DL37" s="443">
        <v>0</v>
      </c>
      <c r="DM37" s="61">
        <v>0</v>
      </c>
      <c r="DN37" s="61">
        <v>0</v>
      </c>
      <c r="DO37" s="61">
        <v>0</v>
      </c>
      <c r="DP37" s="61">
        <v>0</v>
      </c>
      <c r="DQ37" s="61">
        <v>0</v>
      </c>
      <c r="DR37" s="62">
        <v>0</v>
      </c>
      <c r="DS37" s="63">
        <v>0</v>
      </c>
      <c r="DT37" s="60">
        <v>0</v>
      </c>
      <c r="DU37" s="61">
        <v>0</v>
      </c>
      <c r="DV37" s="62">
        <v>0</v>
      </c>
      <c r="DW37" s="443">
        <v>0</v>
      </c>
      <c r="DX37" s="61">
        <v>0</v>
      </c>
      <c r="DY37" s="61">
        <v>0</v>
      </c>
      <c r="DZ37" s="61">
        <v>0</v>
      </c>
      <c r="EA37" s="61">
        <v>0</v>
      </c>
      <c r="EB37" s="61">
        <v>0</v>
      </c>
      <c r="EC37" s="62">
        <v>0</v>
      </c>
      <c r="ED37" s="63">
        <v>0</v>
      </c>
      <c r="EE37" s="60">
        <v>1</v>
      </c>
      <c r="EF37" s="61">
        <v>1</v>
      </c>
      <c r="EG37" s="62">
        <v>2</v>
      </c>
      <c r="EH37" s="443">
        <v>0</v>
      </c>
      <c r="EI37" s="61">
        <v>0</v>
      </c>
      <c r="EJ37" s="61">
        <v>0</v>
      </c>
      <c r="EK37" s="61">
        <v>1</v>
      </c>
      <c r="EL37" s="61">
        <v>0</v>
      </c>
      <c r="EM37" s="61">
        <v>0</v>
      </c>
      <c r="EN37" s="62">
        <v>1</v>
      </c>
      <c r="EO37" s="63">
        <v>3</v>
      </c>
      <c r="EP37" s="60">
        <v>0</v>
      </c>
      <c r="EQ37" s="61">
        <v>1</v>
      </c>
      <c r="ER37" s="62">
        <v>1</v>
      </c>
      <c r="ES37" s="443">
        <v>0</v>
      </c>
      <c r="ET37" s="61">
        <v>0</v>
      </c>
      <c r="EU37" s="61">
        <v>0</v>
      </c>
      <c r="EV37" s="61">
        <v>0</v>
      </c>
      <c r="EW37" s="61">
        <v>0</v>
      </c>
      <c r="EX37" s="61">
        <v>0</v>
      </c>
      <c r="EY37" s="62">
        <v>0</v>
      </c>
      <c r="EZ37" s="63">
        <v>1</v>
      </c>
      <c r="FA37" s="60">
        <v>0</v>
      </c>
      <c r="FB37" s="61">
        <v>1</v>
      </c>
      <c r="FC37" s="62">
        <v>1</v>
      </c>
      <c r="FD37" s="443">
        <v>0</v>
      </c>
      <c r="FE37" s="61">
        <v>1</v>
      </c>
      <c r="FF37" s="61">
        <v>1</v>
      </c>
      <c r="FG37" s="61">
        <v>0</v>
      </c>
      <c r="FH37" s="61">
        <v>0</v>
      </c>
      <c r="FI37" s="61">
        <v>0</v>
      </c>
      <c r="FJ37" s="62">
        <v>2</v>
      </c>
      <c r="FK37" s="63">
        <v>3</v>
      </c>
      <c r="FL37" s="60">
        <v>0</v>
      </c>
      <c r="FM37" s="61">
        <v>0</v>
      </c>
      <c r="FN37" s="62">
        <v>0</v>
      </c>
      <c r="FO37" s="443">
        <v>0</v>
      </c>
      <c r="FP37" s="61">
        <v>0</v>
      </c>
      <c r="FQ37" s="61">
        <v>0</v>
      </c>
      <c r="FR37" s="61">
        <v>0</v>
      </c>
      <c r="FS37" s="61">
        <v>0</v>
      </c>
      <c r="FT37" s="61">
        <v>0</v>
      </c>
      <c r="FU37" s="62">
        <v>0</v>
      </c>
      <c r="FV37" s="63">
        <v>0</v>
      </c>
      <c r="FW37" s="60">
        <v>0</v>
      </c>
      <c r="FX37" s="61">
        <v>0</v>
      </c>
      <c r="FY37" s="62">
        <v>0</v>
      </c>
      <c r="FZ37" s="443">
        <v>0</v>
      </c>
      <c r="GA37" s="61">
        <v>0</v>
      </c>
      <c r="GB37" s="61">
        <v>0</v>
      </c>
      <c r="GC37" s="61">
        <v>0</v>
      </c>
      <c r="GD37" s="61">
        <v>0</v>
      </c>
      <c r="GE37" s="61">
        <v>0</v>
      </c>
      <c r="GF37" s="62">
        <v>0</v>
      </c>
      <c r="GG37" s="63">
        <v>0</v>
      </c>
      <c r="GH37" s="60">
        <v>1</v>
      </c>
      <c r="GI37" s="61">
        <v>3</v>
      </c>
      <c r="GJ37" s="62">
        <v>4</v>
      </c>
      <c r="GK37" s="443">
        <v>0</v>
      </c>
      <c r="GL37" s="61">
        <v>1</v>
      </c>
      <c r="GM37" s="61">
        <v>1</v>
      </c>
      <c r="GN37" s="61">
        <v>1</v>
      </c>
      <c r="GO37" s="61">
        <v>0</v>
      </c>
      <c r="GP37" s="61">
        <v>0</v>
      </c>
      <c r="GQ37" s="62">
        <v>3</v>
      </c>
      <c r="GR37" s="63">
        <v>7</v>
      </c>
      <c r="GS37" s="113">
        <v>3</v>
      </c>
      <c r="GT37" s="72">
        <v>4</v>
      </c>
      <c r="GU37" s="73">
        <v>7</v>
      </c>
      <c r="GV37" s="443">
        <v>0</v>
      </c>
      <c r="GW37" s="72">
        <v>2</v>
      </c>
      <c r="GX37" s="72">
        <v>2</v>
      </c>
      <c r="GY37" s="72">
        <v>4</v>
      </c>
      <c r="GZ37" s="72">
        <v>1</v>
      </c>
      <c r="HA37" s="72">
        <v>0</v>
      </c>
      <c r="HB37" s="74">
        <v>9</v>
      </c>
      <c r="HC37" s="75">
        <v>16</v>
      </c>
      <c r="HD37" s="60">
        <v>0</v>
      </c>
      <c r="HE37" s="61">
        <v>0</v>
      </c>
      <c r="HF37" s="62">
        <v>0</v>
      </c>
      <c r="HG37" s="443">
        <v>0</v>
      </c>
      <c r="HH37" s="61">
        <v>0</v>
      </c>
      <c r="HI37" s="61">
        <v>0</v>
      </c>
      <c r="HJ37" s="61">
        <v>0</v>
      </c>
      <c r="HK37" s="61">
        <v>0</v>
      </c>
      <c r="HL37" s="61">
        <v>0</v>
      </c>
      <c r="HM37" s="62">
        <v>0</v>
      </c>
      <c r="HN37" s="63">
        <v>0</v>
      </c>
      <c r="HO37" s="60">
        <v>0</v>
      </c>
      <c r="HP37" s="61">
        <v>0</v>
      </c>
      <c r="HQ37" s="62">
        <v>0</v>
      </c>
      <c r="HR37" s="443">
        <v>0</v>
      </c>
      <c r="HS37" s="61">
        <v>0</v>
      </c>
      <c r="HT37" s="61">
        <v>1</v>
      </c>
      <c r="HU37" s="61">
        <v>0</v>
      </c>
      <c r="HV37" s="61">
        <v>0</v>
      </c>
      <c r="HW37" s="61">
        <v>0</v>
      </c>
      <c r="HX37" s="62">
        <v>1</v>
      </c>
      <c r="HY37" s="63">
        <v>1</v>
      </c>
      <c r="HZ37" s="60">
        <v>2</v>
      </c>
      <c r="IA37" s="61">
        <v>1</v>
      </c>
      <c r="IB37" s="62">
        <v>3</v>
      </c>
      <c r="IC37" s="443">
        <v>0</v>
      </c>
      <c r="ID37" s="61">
        <v>0</v>
      </c>
      <c r="IE37" s="61">
        <v>0</v>
      </c>
      <c r="IF37" s="61">
        <v>1</v>
      </c>
      <c r="IG37" s="61">
        <v>0</v>
      </c>
      <c r="IH37" s="61">
        <v>0</v>
      </c>
      <c r="II37" s="62">
        <v>1</v>
      </c>
      <c r="IJ37" s="63">
        <v>4</v>
      </c>
      <c r="IK37" s="60">
        <v>1</v>
      </c>
      <c r="IL37" s="61">
        <v>2</v>
      </c>
      <c r="IM37" s="62">
        <v>3</v>
      </c>
      <c r="IN37" s="443">
        <v>0</v>
      </c>
      <c r="IO37" s="61">
        <v>0</v>
      </c>
      <c r="IP37" s="61">
        <v>0</v>
      </c>
      <c r="IQ37" s="61">
        <v>0</v>
      </c>
      <c r="IR37" s="61">
        <v>1</v>
      </c>
      <c r="IS37" s="61">
        <v>0</v>
      </c>
      <c r="IT37" s="62">
        <v>1</v>
      </c>
      <c r="IU37" s="63">
        <v>4</v>
      </c>
      <c r="IV37" s="60">
        <v>0</v>
      </c>
      <c r="IW37" s="61">
        <v>1</v>
      </c>
      <c r="IX37" s="62">
        <v>1</v>
      </c>
      <c r="IY37" s="443">
        <v>0</v>
      </c>
      <c r="IZ37" s="61">
        <v>2</v>
      </c>
      <c r="JA37" s="61">
        <v>1</v>
      </c>
      <c r="JB37" s="61">
        <v>0</v>
      </c>
      <c r="JC37" s="61">
        <v>0</v>
      </c>
      <c r="JD37" s="61">
        <v>0</v>
      </c>
      <c r="JE37" s="62">
        <v>3</v>
      </c>
      <c r="JF37" s="63">
        <v>4</v>
      </c>
      <c r="JG37" s="60">
        <v>0</v>
      </c>
      <c r="JH37" s="61">
        <v>0</v>
      </c>
      <c r="JI37" s="62">
        <v>0</v>
      </c>
      <c r="JJ37" s="443">
        <v>0</v>
      </c>
      <c r="JK37" s="61">
        <v>0</v>
      </c>
      <c r="JL37" s="61">
        <v>0</v>
      </c>
      <c r="JM37" s="61">
        <v>3</v>
      </c>
      <c r="JN37" s="61">
        <v>0</v>
      </c>
      <c r="JO37" s="61">
        <v>0</v>
      </c>
      <c r="JP37" s="62">
        <v>3</v>
      </c>
      <c r="JQ37" s="63">
        <v>3</v>
      </c>
      <c r="JR37" s="60">
        <v>0</v>
      </c>
      <c r="JS37" s="61">
        <v>0</v>
      </c>
      <c r="JT37" s="62">
        <v>0</v>
      </c>
      <c r="JU37" s="443">
        <v>0</v>
      </c>
      <c r="JV37" s="61">
        <v>0</v>
      </c>
      <c r="JW37" s="61">
        <v>0</v>
      </c>
      <c r="JX37" s="61">
        <v>0</v>
      </c>
      <c r="JY37" s="61">
        <v>0</v>
      </c>
      <c r="JZ37" s="61">
        <v>0</v>
      </c>
      <c r="KA37" s="62">
        <v>0</v>
      </c>
      <c r="KB37" s="63">
        <v>0</v>
      </c>
      <c r="KC37" s="60">
        <v>3</v>
      </c>
      <c r="KD37" s="61">
        <v>4</v>
      </c>
      <c r="KE37" s="62">
        <v>7</v>
      </c>
      <c r="KF37" s="443">
        <v>0</v>
      </c>
      <c r="KG37" s="61">
        <v>2</v>
      </c>
      <c r="KH37" s="61">
        <v>2</v>
      </c>
      <c r="KI37" s="61">
        <v>4</v>
      </c>
      <c r="KJ37" s="61">
        <v>1</v>
      </c>
      <c r="KK37" s="61">
        <v>0</v>
      </c>
      <c r="KL37" s="62">
        <v>9</v>
      </c>
      <c r="KM37" s="63">
        <v>16</v>
      </c>
    </row>
    <row r="38" spans="2:299" ht="21" customHeight="1" x14ac:dyDescent="0.2">
      <c r="B38" s="437" t="s">
        <v>35</v>
      </c>
      <c r="C38" s="287">
        <v>9</v>
      </c>
      <c r="D38" s="72">
        <v>12</v>
      </c>
      <c r="E38" s="73">
        <v>21</v>
      </c>
      <c r="F38" s="443">
        <v>0</v>
      </c>
      <c r="G38" s="72">
        <v>14</v>
      </c>
      <c r="H38" s="72">
        <v>7</v>
      </c>
      <c r="I38" s="72">
        <v>6</v>
      </c>
      <c r="J38" s="72">
        <v>2</v>
      </c>
      <c r="K38" s="72">
        <v>0</v>
      </c>
      <c r="L38" s="74">
        <v>29</v>
      </c>
      <c r="M38" s="75">
        <v>50</v>
      </c>
      <c r="N38" s="60">
        <v>1</v>
      </c>
      <c r="O38" s="61">
        <v>0</v>
      </c>
      <c r="P38" s="62">
        <v>1</v>
      </c>
      <c r="Q38" s="443">
        <v>0</v>
      </c>
      <c r="R38" s="61">
        <v>0</v>
      </c>
      <c r="S38" s="61">
        <v>0</v>
      </c>
      <c r="T38" s="61">
        <v>0</v>
      </c>
      <c r="U38" s="61">
        <v>1</v>
      </c>
      <c r="V38" s="61">
        <v>0</v>
      </c>
      <c r="W38" s="62">
        <v>1</v>
      </c>
      <c r="X38" s="63">
        <v>2</v>
      </c>
      <c r="Y38" s="60">
        <v>1</v>
      </c>
      <c r="Z38" s="61">
        <v>0</v>
      </c>
      <c r="AA38" s="62">
        <v>1</v>
      </c>
      <c r="AB38" s="443">
        <v>0</v>
      </c>
      <c r="AC38" s="61">
        <v>1</v>
      </c>
      <c r="AD38" s="61">
        <v>0</v>
      </c>
      <c r="AE38" s="61">
        <v>1</v>
      </c>
      <c r="AF38" s="61">
        <v>0</v>
      </c>
      <c r="AG38" s="61">
        <v>0</v>
      </c>
      <c r="AH38" s="62">
        <v>2</v>
      </c>
      <c r="AI38" s="63">
        <v>3</v>
      </c>
      <c r="AJ38" s="60">
        <v>0</v>
      </c>
      <c r="AK38" s="61">
        <v>1</v>
      </c>
      <c r="AL38" s="62">
        <v>1</v>
      </c>
      <c r="AM38" s="443">
        <v>0</v>
      </c>
      <c r="AN38" s="61">
        <v>5</v>
      </c>
      <c r="AO38" s="61">
        <v>0</v>
      </c>
      <c r="AP38" s="61">
        <v>3</v>
      </c>
      <c r="AQ38" s="61">
        <v>0</v>
      </c>
      <c r="AR38" s="61">
        <v>0</v>
      </c>
      <c r="AS38" s="62">
        <v>8</v>
      </c>
      <c r="AT38" s="63">
        <v>9</v>
      </c>
      <c r="AU38" s="60">
        <v>2</v>
      </c>
      <c r="AV38" s="61">
        <v>4</v>
      </c>
      <c r="AW38" s="62">
        <v>6</v>
      </c>
      <c r="AX38" s="443">
        <v>0</v>
      </c>
      <c r="AY38" s="61">
        <v>4</v>
      </c>
      <c r="AZ38" s="61">
        <v>3</v>
      </c>
      <c r="BA38" s="61">
        <v>1</v>
      </c>
      <c r="BB38" s="61">
        <v>0</v>
      </c>
      <c r="BC38" s="61">
        <v>0</v>
      </c>
      <c r="BD38" s="62">
        <v>8</v>
      </c>
      <c r="BE38" s="63">
        <v>14</v>
      </c>
      <c r="BF38" s="60">
        <v>1</v>
      </c>
      <c r="BG38" s="61">
        <v>5</v>
      </c>
      <c r="BH38" s="62">
        <v>6</v>
      </c>
      <c r="BI38" s="443">
        <v>0</v>
      </c>
      <c r="BJ38" s="61">
        <v>4</v>
      </c>
      <c r="BK38" s="61">
        <v>1</v>
      </c>
      <c r="BL38" s="61">
        <v>1</v>
      </c>
      <c r="BM38" s="61">
        <v>0</v>
      </c>
      <c r="BN38" s="61">
        <v>0</v>
      </c>
      <c r="BO38" s="62">
        <v>6</v>
      </c>
      <c r="BP38" s="63">
        <v>12</v>
      </c>
      <c r="BQ38" s="60">
        <v>4</v>
      </c>
      <c r="BR38" s="61">
        <v>2</v>
      </c>
      <c r="BS38" s="62">
        <v>6</v>
      </c>
      <c r="BT38" s="443">
        <v>0</v>
      </c>
      <c r="BU38" s="61">
        <v>0</v>
      </c>
      <c r="BV38" s="61">
        <v>3</v>
      </c>
      <c r="BW38" s="61">
        <v>0</v>
      </c>
      <c r="BX38" s="61">
        <v>1</v>
      </c>
      <c r="BY38" s="61">
        <v>0</v>
      </c>
      <c r="BZ38" s="62">
        <v>4</v>
      </c>
      <c r="CA38" s="63">
        <v>10</v>
      </c>
      <c r="CB38" s="60">
        <v>0</v>
      </c>
      <c r="CC38" s="61">
        <v>0</v>
      </c>
      <c r="CD38" s="62">
        <v>0</v>
      </c>
      <c r="CE38" s="443">
        <v>0</v>
      </c>
      <c r="CF38" s="61">
        <v>0</v>
      </c>
      <c r="CG38" s="61">
        <v>0</v>
      </c>
      <c r="CH38" s="61">
        <v>0</v>
      </c>
      <c r="CI38" s="61">
        <v>0</v>
      </c>
      <c r="CJ38" s="61">
        <v>0</v>
      </c>
      <c r="CK38" s="62">
        <v>0</v>
      </c>
      <c r="CL38" s="63">
        <v>0</v>
      </c>
      <c r="CM38" s="60">
        <v>9</v>
      </c>
      <c r="CN38" s="61">
        <v>12</v>
      </c>
      <c r="CO38" s="62">
        <v>21</v>
      </c>
      <c r="CP38" s="443">
        <v>0</v>
      </c>
      <c r="CQ38" s="61">
        <v>14</v>
      </c>
      <c r="CR38" s="61">
        <v>7</v>
      </c>
      <c r="CS38" s="61">
        <v>6</v>
      </c>
      <c r="CT38" s="61">
        <v>2</v>
      </c>
      <c r="CU38" s="61">
        <v>0</v>
      </c>
      <c r="CV38" s="62">
        <v>29</v>
      </c>
      <c r="CW38" s="63">
        <v>50</v>
      </c>
      <c r="CX38" s="113">
        <v>3</v>
      </c>
      <c r="CY38" s="72">
        <v>3</v>
      </c>
      <c r="CZ38" s="73">
        <v>6</v>
      </c>
      <c r="DA38" s="443">
        <v>0</v>
      </c>
      <c r="DB38" s="72">
        <v>6</v>
      </c>
      <c r="DC38" s="72">
        <v>1</v>
      </c>
      <c r="DD38" s="72">
        <v>2</v>
      </c>
      <c r="DE38" s="72">
        <v>2</v>
      </c>
      <c r="DF38" s="72">
        <v>2</v>
      </c>
      <c r="DG38" s="74">
        <v>13</v>
      </c>
      <c r="DH38" s="75">
        <v>19</v>
      </c>
      <c r="DI38" s="60">
        <v>0</v>
      </c>
      <c r="DJ38" s="61">
        <v>0</v>
      </c>
      <c r="DK38" s="62">
        <v>0</v>
      </c>
      <c r="DL38" s="443">
        <v>0</v>
      </c>
      <c r="DM38" s="61">
        <v>0</v>
      </c>
      <c r="DN38" s="61">
        <v>0</v>
      </c>
      <c r="DO38" s="61">
        <v>0</v>
      </c>
      <c r="DP38" s="61">
        <v>0</v>
      </c>
      <c r="DQ38" s="61">
        <v>0</v>
      </c>
      <c r="DR38" s="62">
        <v>0</v>
      </c>
      <c r="DS38" s="63">
        <v>0</v>
      </c>
      <c r="DT38" s="60">
        <v>1</v>
      </c>
      <c r="DU38" s="61">
        <v>0</v>
      </c>
      <c r="DV38" s="62">
        <v>1</v>
      </c>
      <c r="DW38" s="443">
        <v>0</v>
      </c>
      <c r="DX38" s="61">
        <v>1</v>
      </c>
      <c r="DY38" s="61">
        <v>0</v>
      </c>
      <c r="DZ38" s="61">
        <v>0</v>
      </c>
      <c r="EA38" s="61">
        <v>0</v>
      </c>
      <c r="EB38" s="61">
        <v>0</v>
      </c>
      <c r="EC38" s="62">
        <v>1</v>
      </c>
      <c r="ED38" s="63">
        <v>2</v>
      </c>
      <c r="EE38" s="60">
        <v>1</v>
      </c>
      <c r="EF38" s="61">
        <v>0</v>
      </c>
      <c r="EG38" s="62">
        <v>1</v>
      </c>
      <c r="EH38" s="443">
        <v>0</v>
      </c>
      <c r="EI38" s="61">
        <v>0</v>
      </c>
      <c r="EJ38" s="61">
        <v>1</v>
      </c>
      <c r="EK38" s="61">
        <v>0</v>
      </c>
      <c r="EL38" s="61">
        <v>0</v>
      </c>
      <c r="EM38" s="61">
        <v>0</v>
      </c>
      <c r="EN38" s="62">
        <v>1</v>
      </c>
      <c r="EO38" s="63">
        <v>2</v>
      </c>
      <c r="EP38" s="60">
        <v>0</v>
      </c>
      <c r="EQ38" s="61">
        <v>0</v>
      </c>
      <c r="ER38" s="62">
        <v>0</v>
      </c>
      <c r="ES38" s="443">
        <v>0</v>
      </c>
      <c r="ET38" s="61">
        <v>1</v>
      </c>
      <c r="EU38" s="61">
        <v>0</v>
      </c>
      <c r="EV38" s="61">
        <v>0</v>
      </c>
      <c r="EW38" s="61">
        <v>1</v>
      </c>
      <c r="EX38" s="61">
        <v>0</v>
      </c>
      <c r="EY38" s="62">
        <v>2</v>
      </c>
      <c r="EZ38" s="63">
        <v>2</v>
      </c>
      <c r="FA38" s="60">
        <v>0</v>
      </c>
      <c r="FB38" s="61">
        <v>1</v>
      </c>
      <c r="FC38" s="62">
        <v>1</v>
      </c>
      <c r="FD38" s="443">
        <v>0</v>
      </c>
      <c r="FE38" s="61">
        <v>2</v>
      </c>
      <c r="FF38" s="61">
        <v>0</v>
      </c>
      <c r="FG38" s="61">
        <v>0</v>
      </c>
      <c r="FH38" s="61">
        <v>0</v>
      </c>
      <c r="FI38" s="61">
        <v>1</v>
      </c>
      <c r="FJ38" s="62">
        <v>3</v>
      </c>
      <c r="FK38" s="63">
        <v>4</v>
      </c>
      <c r="FL38" s="60">
        <v>1</v>
      </c>
      <c r="FM38" s="61">
        <v>2</v>
      </c>
      <c r="FN38" s="62">
        <v>3</v>
      </c>
      <c r="FO38" s="443">
        <v>0</v>
      </c>
      <c r="FP38" s="61">
        <v>2</v>
      </c>
      <c r="FQ38" s="61">
        <v>0</v>
      </c>
      <c r="FR38" s="61">
        <v>2</v>
      </c>
      <c r="FS38" s="61">
        <v>1</v>
      </c>
      <c r="FT38" s="61">
        <v>1</v>
      </c>
      <c r="FU38" s="62">
        <v>6</v>
      </c>
      <c r="FV38" s="63">
        <v>9</v>
      </c>
      <c r="FW38" s="60">
        <v>0</v>
      </c>
      <c r="FX38" s="61">
        <v>0</v>
      </c>
      <c r="FY38" s="62">
        <v>0</v>
      </c>
      <c r="FZ38" s="443">
        <v>0</v>
      </c>
      <c r="GA38" s="61">
        <v>0</v>
      </c>
      <c r="GB38" s="61">
        <v>0</v>
      </c>
      <c r="GC38" s="61">
        <v>0</v>
      </c>
      <c r="GD38" s="61">
        <v>0</v>
      </c>
      <c r="GE38" s="61">
        <v>0</v>
      </c>
      <c r="GF38" s="62">
        <v>0</v>
      </c>
      <c r="GG38" s="63">
        <v>0</v>
      </c>
      <c r="GH38" s="60">
        <v>3</v>
      </c>
      <c r="GI38" s="61">
        <v>3</v>
      </c>
      <c r="GJ38" s="62">
        <v>6</v>
      </c>
      <c r="GK38" s="443">
        <v>0</v>
      </c>
      <c r="GL38" s="61">
        <v>6</v>
      </c>
      <c r="GM38" s="61">
        <v>1</v>
      </c>
      <c r="GN38" s="61">
        <v>2</v>
      </c>
      <c r="GO38" s="61">
        <v>2</v>
      </c>
      <c r="GP38" s="61">
        <v>2</v>
      </c>
      <c r="GQ38" s="62">
        <v>13</v>
      </c>
      <c r="GR38" s="63">
        <v>19</v>
      </c>
      <c r="GS38" s="113">
        <v>12</v>
      </c>
      <c r="GT38" s="72">
        <v>15</v>
      </c>
      <c r="GU38" s="73">
        <v>27</v>
      </c>
      <c r="GV38" s="443">
        <v>0</v>
      </c>
      <c r="GW38" s="72">
        <v>20</v>
      </c>
      <c r="GX38" s="72">
        <v>8</v>
      </c>
      <c r="GY38" s="72">
        <v>8</v>
      </c>
      <c r="GZ38" s="72">
        <v>4</v>
      </c>
      <c r="HA38" s="72">
        <v>2</v>
      </c>
      <c r="HB38" s="74">
        <v>42</v>
      </c>
      <c r="HC38" s="75">
        <v>69</v>
      </c>
      <c r="HD38" s="60">
        <v>1</v>
      </c>
      <c r="HE38" s="61">
        <v>0</v>
      </c>
      <c r="HF38" s="62">
        <v>1</v>
      </c>
      <c r="HG38" s="443">
        <v>0</v>
      </c>
      <c r="HH38" s="61">
        <v>0</v>
      </c>
      <c r="HI38" s="61">
        <v>0</v>
      </c>
      <c r="HJ38" s="61">
        <v>0</v>
      </c>
      <c r="HK38" s="61">
        <v>1</v>
      </c>
      <c r="HL38" s="61">
        <v>0</v>
      </c>
      <c r="HM38" s="62">
        <v>1</v>
      </c>
      <c r="HN38" s="63">
        <v>2</v>
      </c>
      <c r="HO38" s="60">
        <v>2</v>
      </c>
      <c r="HP38" s="61">
        <v>0</v>
      </c>
      <c r="HQ38" s="62">
        <v>2</v>
      </c>
      <c r="HR38" s="443">
        <v>0</v>
      </c>
      <c r="HS38" s="61">
        <v>2</v>
      </c>
      <c r="HT38" s="61">
        <v>0</v>
      </c>
      <c r="HU38" s="61">
        <v>1</v>
      </c>
      <c r="HV38" s="61">
        <v>0</v>
      </c>
      <c r="HW38" s="61">
        <v>0</v>
      </c>
      <c r="HX38" s="62">
        <v>3</v>
      </c>
      <c r="HY38" s="63">
        <v>5</v>
      </c>
      <c r="HZ38" s="60">
        <v>1</v>
      </c>
      <c r="IA38" s="61">
        <v>1</v>
      </c>
      <c r="IB38" s="62">
        <v>2</v>
      </c>
      <c r="IC38" s="443">
        <v>0</v>
      </c>
      <c r="ID38" s="61">
        <v>5</v>
      </c>
      <c r="IE38" s="61">
        <v>1</v>
      </c>
      <c r="IF38" s="61">
        <v>3</v>
      </c>
      <c r="IG38" s="61">
        <v>0</v>
      </c>
      <c r="IH38" s="61">
        <v>0</v>
      </c>
      <c r="II38" s="62">
        <v>9</v>
      </c>
      <c r="IJ38" s="63">
        <v>11</v>
      </c>
      <c r="IK38" s="60">
        <v>2</v>
      </c>
      <c r="IL38" s="61">
        <v>4</v>
      </c>
      <c r="IM38" s="62">
        <v>6</v>
      </c>
      <c r="IN38" s="443">
        <v>0</v>
      </c>
      <c r="IO38" s="61">
        <v>5</v>
      </c>
      <c r="IP38" s="61">
        <v>3</v>
      </c>
      <c r="IQ38" s="61">
        <v>1</v>
      </c>
      <c r="IR38" s="61">
        <v>1</v>
      </c>
      <c r="IS38" s="61">
        <v>0</v>
      </c>
      <c r="IT38" s="62">
        <v>10</v>
      </c>
      <c r="IU38" s="63">
        <v>16</v>
      </c>
      <c r="IV38" s="60">
        <v>1</v>
      </c>
      <c r="IW38" s="61">
        <v>6</v>
      </c>
      <c r="IX38" s="62">
        <v>7</v>
      </c>
      <c r="IY38" s="443">
        <v>0</v>
      </c>
      <c r="IZ38" s="61">
        <v>6</v>
      </c>
      <c r="JA38" s="61">
        <v>1</v>
      </c>
      <c r="JB38" s="61">
        <v>1</v>
      </c>
      <c r="JC38" s="61">
        <v>0</v>
      </c>
      <c r="JD38" s="61">
        <v>1</v>
      </c>
      <c r="JE38" s="62">
        <v>9</v>
      </c>
      <c r="JF38" s="63">
        <v>16</v>
      </c>
      <c r="JG38" s="60">
        <v>5</v>
      </c>
      <c r="JH38" s="61">
        <v>4</v>
      </c>
      <c r="JI38" s="62">
        <v>9</v>
      </c>
      <c r="JJ38" s="443">
        <v>0</v>
      </c>
      <c r="JK38" s="61">
        <v>2</v>
      </c>
      <c r="JL38" s="61">
        <v>3</v>
      </c>
      <c r="JM38" s="61">
        <v>2</v>
      </c>
      <c r="JN38" s="61">
        <v>2</v>
      </c>
      <c r="JO38" s="61">
        <v>1</v>
      </c>
      <c r="JP38" s="62">
        <v>10</v>
      </c>
      <c r="JQ38" s="63">
        <v>19</v>
      </c>
      <c r="JR38" s="60">
        <v>0</v>
      </c>
      <c r="JS38" s="61">
        <v>0</v>
      </c>
      <c r="JT38" s="62">
        <v>0</v>
      </c>
      <c r="JU38" s="443">
        <v>0</v>
      </c>
      <c r="JV38" s="61">
        <v>0</v>
      </c>
      <c r="JW38" s="61">
        <v>0</v>
      </c>
      <c r="JX38" s="61">
        <v>0</v>
      </c>
      <c r="JY38" s="61">
        <v>0</v>
      </c>
      <c r="JZ38" s="61">
        <v>0</v>
      </c>
      <c r="KA38" s="62">
        <v>0</v>
      </c>
      <c r="KB38" s="63">
        <v>0</v>
      </c>
      <c r="KC38" s="60">
        <v>12</v>
      </c>
      <c r="KD38" s="61">
        <v>15</v>
      </c>
      <c r="KE38" s="62">
        <v>27</v>
      </c>
      <c r="KF38" s="443">
        <v>0</v>
      </c>
      <c r="KG38" s="61">
        <v>20</v>
      </c>
      <c r="KH38" s="61">
        <v>8</v>
      </c>
      <c r="KI38" s="61">
        <v>8</v>
      </c>
      <c r="KJ38" s="61">
        <v>4</v>
      </c>
      <c r="KK38" s="61">
        <v>2</v>
      </c>
      <c r="KL38" s="62">
        <v>42</v>
      </c>
      <c r="KM38" s="63">
        <v>69</v>
      </c>
    </row>
    <row r="39" spans="2:299" ht="21" customHeight="1" x14ac:dyDescent="0.2">
      <c r="B39" s="437" t="s">
        <v>36</v>
      </c>
      <c r="C39" s="287">
        <v>5</v>
      </c>
      <c r="D39" s="72">
        <v>5</v>
      </c>
      <c r="E39" s="73">
        <v>10</v>
      </c>
      <c r="F39" s="443">
        <v>0</v>
      </c>
      <c r="G39" s="72">
        <v>10</v>
      </c>
      <c r="H39" s="72">
        <v>12</v>
      </c>
      <c r="I39" s="72">
        <v>8</v>
      </c>
      <c r="J39" s="72">
        <v>3</v>
      </c>
      <c r="K39" s="72">
        <v>2</v>
      </c>
      <c r="L39" s="74">
        <v>35</v>
      </c>
      <c r="M39" s="75">
        <v>45</v>
      </c>
      <c r="N39" s="60">
        <v>0</v>
      </c>
      <c r="O39" s="61">
        <v>0</v>
      </c>
      <c r="P39" s="62">
        <v>0</v>
      </c>
      <c r="Q39" s="443">
        <v>0</v>
      </c>
      <c r="R39" s="61">
        <v>0</v>
      </c>
      <c r="S39" s="61">
        <v>1</v>
      </c>
      <c r="T39" s="61">
        <v>0</v>
      </c>
      <c r="U39" s="61">
        <v>0</v>
      </c>
      <c r="V39" s="61">
        <v>0</v>
      </c>
      <c r="W39" s="62">
        <v>1</v>
      </c>
      <c r="X39" s="63">
        <v>1</v>
      </c>
      <c r="Y39" s="60">
        <v>0</v>
      </c>
      <c r="Z39" s="61">
        <v>1</v>
      </c>
      <c r="AA39" s="62">
        <v>1</v>
      </c>
      <c r="AB39" s="443">
        <v>0</v>
      </c>
      <c r="AC39" s="61">
        <v>0</v>
      </c>
      <c r="AD39" s="61">
        <v>3</v>
      </c>
      <c r="AE39" s="61">
        <v>0</v>
      </c>
      <c r="AF39" s="61">
        <v>0</v>
      </c>
      <c r="AG39" s="61">
        <v>0</v>
      </c>
      <c r="AH39" s="62">
        <v>3</v>
      </c>
      <c r="AI39" s="63">
        <v>4</v>
      </c>
      <c r="AJ39" s="60">
        <v>1</v>
      </c>
      <c r="AK39" s="61">
        <v>0</v>
      </c>
      <c r="AL39" s="62">
        <v>1</v>
      </c>
      <c r="AM39" s="443">
        <v>0</v>
      </c>
      <c r="AN39" s="61">
        <v>1</v>
      </c>
      <c r="AO39" s="61">
        <v>2</v>
      </c>
      <c r="AP39" s="61">
        <v>1</v>
      </c>
      <c r="AQ39" s="61">
        <v>0</v>
      </c>
      <c r="AR39" s="61">
        <v>0</v>
      </c>
      <c r="AS39" s="62">
        <v>4</v>
      </c>
      <c r="AT39" s="63">
        <v>5</v>
      </c>
      <c r="AU39" s="60">
        <v>3</v>
      </c>
      <c r="AV39" s="61">
        <v>0</v>
      </c>
      <c r="AW39" s="62">
        <v>3</v>
      </c>
      <c r="AX39" s="443">
        <v>0</v>
      </c>
      <c r="AY39" s="61">
        <v>5</v>
      </c>
      <c r="AZ39" s="61">
        <v>2</v>
      </c>
      <c r="BA39" s="61">
        <v>1</v>
      </c>
      <c r="BB39" s="61">
        <v>1</v>
      </c>
      <c r="BC39" s="61">
        <v>1</v>
      </c>
      <c r="BD39" s="62">
        <v>10</v>
      </c>
      <c r="BE39" s="63">
        <v>13</v>
      </c>
      <c r="BF39" s="60">
        <v>1</v>
      </c>
      <c r="BG39" s="61">
        <v>2</v>
      </c>
      <c r="BH39" s="62">
        <v>3</v>
      </c>
      <c r="BI39" s="443">
        <v>0</v>
      </c>
      <c r="BJ39" s="61">
        <v>4</v>
      </c>
      <c r="BK39" s="61">
        <v>3</v>
      </c>
      <c r="BL39" s="61">
        <v>3</v>
      </c>
      <c r="BM39" s="61">
        <v>1</v>
      </c>
      <c r="BN39" s="61">
        <v>0</v>
      </c>
      <c r="BO39" s="62">
        <v>11</v>
      </c>
      <c r="BP39" s="63">
        <v>14</v>
      </c>
      <c r="BQ39" s="60">
        <v>0</v>
      </c>
      <c r="BR39" s="61">
        <v>2</v>
      </c>
      <c r="BS39" s="62">
        <v>2</v>
      </c>
      <c r="BT39" s="443">
        <v>0</v>
      </c>
      <c r="BU39" s="61">
        <v>0</v>
      </c>
      <c r="BV39" s="61">
        <v>1</v>
      </c>
      <c r="BW39" s="61">
        <v>3</v>
      </c>
      <c r="BX39" s="61">
        <v>1</v>
      </c>
      <c r="BY39" s="61">
        <v>1</v>
      </c>
      <c r="BZ39" s="62">
        <v>6</v>
      </c>
      <c r="CA39" s="63">
        <v>8</v>
      </c>
      <c r="CB39" s="60">
        <v>0</v>
      </c>
      <c r="CC39" s="61">
        <v>0</v>
      </c>
      <c r="CD39" s="62">
        <v>0</v>
      </c>
      <c r="CE39" s="443">
        <v>0</v>
      </c>
      <c r="CF39" s="61">
        <v>0</v>
      </c>
      <c r="CG39" s="61">
        <v>0</v>
      </c>
      <c r="CH39" s="61">
        <v>0</v>
      </c>
      <c r="CI39" s="61">
        <v>0</v>
      </c>
      <c r="CJ39" s="61">
        <v>0</v>
      </c>
      <c r="CK39" s="62">
        <v>0</v>
      </c>
      <c r="CL39" s="63">
        <v>0</v>
      </c>
      <c r="CM39" s="60">
        <v>5</v>
      </c>
      <c r="CN39" s="61">
        <v>5</v>
      </c>
      <c r="CO39" s="62">
        <v>10</v>
      </c>
      <c r="CP39" s="443">
        <v>0</v>
      </c>
      <c r="CQ39" s="61">
        <v>10</v>
      </c>
      <c r="CR39" s="61">
        <v>12</v>
      </c>
      <c r="CS39" s="61">
        <v>8</v>
      </c>
      <c r="CT39" s="61">
        <v>3</v>
      </c>
      <c r="CU39" s="61">
        <v>2</v>
      </c>
      <c r="CV39" s="62">
        <v>35</v>
      </c>
      <c r="CW39" s="63">
        <v>45</v>
      </c>
      <c r="CX39" s="113">
        <v>1</v>
      </c>
      <c r="CY39" s="72">
        <v>6</v>
      </c>
      <c r="CZ39" s="73">
        <v>7</v>
      </c>
      <c r="DA39" s="443">
        <v>0</v>
      </c>
      <c r="DB39" s="72">
        <v>2</v>
      </c>
      <c r="DC39" s="72">
        <v>8</v>
      </c>
      <c r="DD39" s="72">
        <v>2</v>
      </c>
      <c r="DE39" s="72">
        <v>2</v>
      </c>
      <c r="DF39" s="72">
        <v>2</v>
      </c>
      <c r="DG39" s="74">
        <v>16</v>
      </c>
      <c r="DH39" s="75">
        <v>23</v>
      </c>
      <c r="DI39" s="60">
        <v>0</v>
      </c>
      <c r="DJ39" s="61">
        <v>0</v>
      </c>
      <c r="DK39" s="62">
        <v>0</v>
      </c>
      <c r="DL39" s="443">
        <v>0</v>
      </c>
      <c r="DM39" s="61">
        <v>0</v>
      </c>
      <c r="DN39" s="61">
        <v>0</v>
      </c>
      <c r="DO39" s="61">
        <v>0</v>
      </c>
      <c r="DP39" s="61">
        <v>0</v>
      </c>
      <c r="DQ39" s="61">
        <v>0</v>
      </c>
      <c r="DR39" s="62">
        <v>0</v>
      </c>
      <c r="DS39" s="63">
        <v>0</v>
      </c>
      <c r="DT39" s="60">
        <v>0</v>
      </c>
      <c r="DU39" s="61">
        <v>0</v>
      </c>
      <c r="DV39" s="62">
        <v>0</v>
      </c>
      <c r="DW39" s="443">
        <v>0</v>
      </c>
      <c r="DX39" s="61">
        <v>0</v>
      </c>
      <c r="DY39" s="61">
        <v>0</v>
      </c>
      <c r="DZ39" s="61">
        <v>0</v>
      </c>
      <c r="EA39" s="61">
        <v>0</v>
      </c>
      <c r="EB39" s="61">
        <v>0</v>
      </c>
      <c r="EC39" s="62">
        <v>0</v>
      </c>
      <c r="ED39" s="63">
        <v>0</v>
      </c>
      <c r="EE39" s="60">
        <v>0</v>
      </c>
      <c r="EF39" s="61">
        <v>0</v>
      </c>
      <c r="EG39" s="62">
        <v>0</v>
      </c>
      <c r="EH39" s="443">
        <v>0</v>
      </c>
      <c r="EI39" s="61">
        <v>0</v>
      </c>
      <c r="EJ39" s="61">
        <v>0</v>
      </c>
      <c r="EK39" s="61">
        <v>0</v>
      </c>
      <c r="EL39" s="61">
        <v>0</v>
      </c>
      <c r="EM39" s="61">
        <v>0</v>
      </c>
      <c r="EN39" s="62">
        <v>0</v>
      </c>
      <c r="EO39" s="63">
        <v>0</v>
      </c>
      <c r="EP39" s="60">
        <v>0</v>
      </c>
      <c r="EQ39" s="61">
        <v>0</v>
      </c>
      <c r="ER39" s="62">
        <v>0</v>
      </c>
      <c r="ES39" s="443">
        <v>0</v>
      </c>
      <c r="ET39" s="61">
        <v>0</v>
      </c>
      <c r="EU39" s="61">
        <v>0</v>
      </c>
      <c r="EV39" s="61">
        <v>0</v>
      </c>
      <c r="EW39" s="61">
        <v>0</v>
      </c>
      <c r="EX39" s="61">
        <v>0</v>
      </c>
      <c r="EY39" s="62">
        <v>0</v>
      </c>
      <c r="EZ39" s="63">
        <v>0</v>
      </c>
      <c r="FA39" s="60">
        <v>0</v>
      </c>
      <c r="FB39" s="61">
        <v>4</v>
      </c>
      <c r="FC39" s="62">
        <v>4</v>
      </c>
      <c r="FD39" s="443">
        <v>0</v>
      </c>
      <c r="FE39" s="61">
        <v>1</v>
      </c>
      <c r="FF39" s="61">
        <v>4</v>
      </c>
      <c r="FG39" s="61">
        <v>2</v>
      </c>
      <c r="FH39" s="61">
        <v>2</v>
      </c>
      <c r="FI39" s="61">
        <v>0</v>
      </c>
      <c r="FJ39" s="62">
        <v>9</v>
      </c>
      <c r="FK39" s="63">
        <v>13</v>
      </c>
      <c r="FL39" s="60">
        <v>1</v>
      </c>
      <c r="FM39" s="61">
        <v>2</v>
      </c>
      <c r="FN39" s="62">
        <v>3</v>
      </c>
      <c r="FO39" s="443">
        <v>0</v>
      </c>
      <c r="FP39" s="61">
        <v>1</v>
      </c>
      <c r="FQ39" s="61">
        <v>4</v>
      </c>
      <c r="FR39" s="61">
        <v>0</v>
      </c>
      <c r="FS39" s="61">
        <v>0</v>
      </c>
      <c r="FT39" s="61">
        <v>2</v>
      </c>
      <c r="FU39" s="62">
        <v>7</v>
      </c>
      <c r="FV39" s="63">
        <v>10</v>
      </c>
      <c r="FW39" s="60">
        <v>0</v>
      </c>
      <c r="FX39" s="61">
        <v>0</v>
      </c>
      <c r="FY39" s="62">
        <v>0</v>
      </c>
      <c r="FZ39" s="443">
        <v>0</v>
      </c>
      <c r="GA39" s="61">
        <v>0</v>
      </c>
      <c r="GB39" s="61">
        <v>0</v>
      </c>
      <c r="GC39" s="61">
        <v>0</v>
      </c>
      <c r="GD39" s="61">
        <v>0</v>
      </c>
      <c r="GE39" s="61">
        <v>0</v>
      </c>
      <c r="GF39" s="62">
        <v>0</v>
      </c>
      <c r="GG39" s="63">
        <v>0</v>
      </c>
      <c r="GH39" s="60">
        <v>1</v>
      </c>
      <c r="GI39" s="61">
        <v>6</v>
      </c>
      <c r="GJ39" s="62">
        <v>7</v>
      </c>
      <c r="GK39" s="443">
        <v>0</v>
      </c>
      <c r="GL39" s="61">
        <v>2</v>
      </c>
      <c r="GM39" s="61">
        <v>8</v>
      </c>
      <c r="GN39" s="61">
        <v>2</v>
      </c>
      <c r="GO39" s="61">
        <v>2</v>
      </c>
      <c r="GP39" s="61">
        <v>2</v>
      </c>
      <c r="GQ39" s="62">
        <v>16</v>
      </c>
      <c r="GR39" s="63">
        <v>23</v>
      </c>
      <c r="GS39" s="113">
        <v>6</v>
      </c>
      <c r="GT39" s="72">
        <v>11</v>
      </c>
      <c r="GU39" s="73">
        <v>17</v>
      </c>
      <c r="GV39" s="443">
        <v>0</v>
      </c>
      <c r="GW39" s="72">
        <v>12</v>
      </c>
      <c r="GX39" s="72">
        <v>20</v>
      </c>
      <c r="GY39" s="72">
        <v>10</v>
      </c>
      <c r="GZ39" s="72">
        <v>5</v>
      </c>
      <c r="HA39" s="72">
        <v>4</v>
      </c>
      <c r="HB39" s="74">
        <v>51</v>
      </c>
      <c r="HC39" s="75">
        <v>68</v>
      </c>
      <c r="HD39" s="60">
        <v>0</v>
      </c>
      <c r="HE39" s="61">
        <v>0</v>
      </c>
      <c r="HF39" s="62">
        <v>0</v>
      </c>
      <c r="HG39" s="443">
        <v>0</v>
      </c>
      <c r="HH39" s="61">
        <v>0</v>
      </c>
      <c r="HI39" s="61">
        <v>1</v>
      </c>
      <c r="HJ39" s="61">
        <v>0</v>
      </c>
      <c r="HK39" s="61">
        <v>0</v>
      </c>
      <c r="HL39" s="61">
        <v>0</v>
      </c>
      <c r="HM39" s="62">
        <v>1</v>
      </c>
      <c r="HN39" s="63">
        <v>1</v>
      </c>
      <c r="HO39" s="60">
        <v>0</v>
      </c>
      <c r="HP39" s="61">
        <v>1</v>
      </c>
      <c r="HQ39" s="62">
        <v>1</v>
      </c>
      <c r="HR39" s="443">
        <v>0</v>
      </c>
      <c r="HS39" s="61">
        <v>0</v>
      </c>
      <c r="HT39" s="61">
        <v>3</v>
      </c>
      <c r="HU39" s="61">
        <v>0</v>
      </c>
      <c r="HV39" s="61">
        <v>0</v>
      </c>
      <c r="HW39" s="61">
        <v>0</v>
      </c>
      <c r="HX39" s="62">
        <v>3</v>
      </c>
      <c r="HY39" s="63">
        <v>4</v>
      </c>
      <c r="HZ39" s="60">
        <v>1</v>
      </c>
      <c r="IA39" s="61">
        <v>0</v>
      </c>
      <c r="IB39" s="62">
        <v>1</v>
      </c>
      <c r="IC39" s="443">
        <v>0</v>
      </c>
      <c r="ID39" s="61">
        <v>1</v>
      </c>
      <c r="IE39" s="61">
        <v>2</v>
      </c>
      <c r="IF39" s="61">
        <v>1</v>
      </c>
      <c r="IG39" s="61">
        <v>0</v>
      </c>
      <c r="IH39" s="61">
        <v>0</v>
      </c>
      <c r="II39" s="62">
        <v>4</v>
      </c>
      <c r="IJ39" s="63">
        <v>5</v>
      </c>
      <c r="IK39" s="60">
        <v>3</v>
      </c>
      <c r="IL39" s="61">
        <v>0</v>
      </c>
      <c r="IM39" s="62">
        <v>3</v>
      </c>
      <c r="IN39" s="443">
        <v>0</v>
      </c>
      <c r="IO39" s="61">
        <v>5</v>
      </c>
      <c r="IP39" s="61">
        <v>2</v>
      </c>
      <c r="IQ39" s="61">
        <v>1</v>
      </c>
      <c r="IR39" s="61">
        <v>1</v>
      </c>
      <c r="IS39" s="61">
        <v>1</v>
      </c>
      <c r="IT39" s="62">
        <v>10</v>
      </c>
      <c r="IU39" s="63">
        <v>13</v>
      </c>
      <c r="IV39" s="60">
        <v>1</v>
      </c>
      <c r="IW39" s="61">
        <v>6</v>
      </c>
      <c r="IX39" s="62">
        <v>7</v>
      </c>
      <c r="IY39" s="443">
        <v>0</v>
      </c>
      <c r="IZ39" s="61">
        <v>5</v>
      </c>
      <c r="JA39" s="61">
        <v>7</v>
      </c>
      <c r="JB39" s="61">
        <v>5</v>
      </c>
      <c r="JC39" s="61">
        <v>3</v>
      </c>
      <c r="JD39" s="61">
        <v>0</v>
      </c>
      <c r="JE39" s="62">
        <v>20</v>
      </c>
      <c r="JF39" s="63">
        <v>27</v>
      </c>
      <c r="JG39" s="60">
        <v>1</v>
      </c>
      <c r="JH39" s="61">
        <v>4</v>
      </c>
      <c r="JI39" s="62">
        <v>5</v>
      </c>
      <c r="JJ39" s="443">
        <v>0</v>
      </c>
      <c r="JK39" s="61">
        <v>1</v>
      </c>
      <c r="JL39" s="61">
        <v>5</v>
      </c>
      <c r="JM39" s="61">
        <v>3</v>
      </c>
      <c r="JN39" s="61">
        <v>1</v>
      </c>
      <c r="JO39" s="61">
        <v>3</v>
      </c>
      <c r="JP39" s="62">
        <v>13</v>
      </c>
      <c r="JQ39" s="63">
        <v>18</v>
      </c>
      <c r="JR39" s="60">
        <v>0</v>
      </c>
      <c r="JS39" s="61">
        <v>0</v>
      </c>
      <c r="JT39" s="62">
        <v>0</v>
      </c>
      <c r="JU39" s="443">
        <v>0</v>
      </c>
      <c r="JV39" s="61">
        <v>0</v>
      </c>
      <c r="JW39" s="61">
        <v>0</v>
      </c>
      <c r="JX39" s="61">
        <v>0</v>
      </c>
      <c r="JY39" s="61">
        <v>0</v>
      </c>
      <c r="JZ39" s="61">
        <v>0</v>
      </c>
      <c r="KA39" s="62">
        <v>0</v>
      </c>
      <c r="KB39" s="63">
        <v>0</v>
      </c>
      <c r="KC39" s="60">
        <v>6</v>
      </c>
      <c r="KD39" s="61">
        <v>11</v>
      </c>
      <c r="KE39" s="62">
        <v>17</v>
      </c>
      <c r="KF39" s="443">
        <v>0</v>
      </c>
      <c r="KG39" s="61">
        <v>12</v>
      </c>
      <c r="KH39" s="61">
        <v>20</v>
      </c>
      <c r="KI39" s="61">
        <v>10</v>
      </c>
      <c r="KJ39" s="61">
        <v>5</v>
      </c>
      <c r="KK39" s="61">
        <v>4</v>
      </c>
      <c r="KL39" s="62">
        <v>51</v>
      </c>
      <c r="KM39" s="63">
        <v>68</v>
      </c>
    </row>
    <row r="40" spans="2:299" ht="21" customHeight="1" thickBot="1" x14ac:dyDescent="0.25">
      <c r="B40" s="438" t="s">
        <v>37</v>
      </c>
      <c r="C40" s="288">
        <v>1</v>
      </c>
      <c r="D40" s="77">
        <v>0</v>
      </c>
      <c r="E40" s="78">
        <v>1</v>
      </c>
      <c r="F40" s="444">
        <v>0</v>
      </c>
      <c r="G40" s="77">
        <v>0</v>
      </c>
      <c r="H40" s="77">
        <v>0</v>
      </c>
      <c r="I40" s="77">
        <v>0</v>
      </c>
      <c r="J40" s="77">
        <v>1</v>
      </c>
      <c r="K40" s="77">
        <v>0</v>
      </c>
      <c r="L40" s="79">
        <v>1</v>
      </c>
      <c r="M40" s="80">
        <v>2</v>
      </c>
      <c r="N40" s="64">
        <v>0</v>
      </c>
      <c r="O40" s="65">
        <v>0</v>
      </c>
      <c r="P40" s="66">
        <v>0</v>
      </c>
      <c r="Q40" s="444">
        <v>0</v>
      </c>
      <c r="R40" s="65">
        <v>0</v>
      </c>
      <c r="S40" s="65">
        <v>0</v>
      </c>
      <c r="T40" s="65">
        <v>0</v>
      </c>
      <c r="U40" s="65">
        <v>0</v>
      </c>
      <c r="V40" s="65">
        <v>0</v>
      </c>
      <c r="W40" s="66">
        <v>0</v>
      </c>
      <c r="X40" s="67">
        <v>0</v>
      </c>
      <c r="Y40" s="64">
        <v>1</v>
      </c>
      <c r="Z40" s="65">
        <v>0</v>
      </c>
      <c r="AA40" s="66">
        <v>1</v>
      </c>
      <c r="AB40" s="444">
        <v>0</v>
      </c>
      <c r="AC40" s="65">
        <v>0</v>
      </c>
      <c r="AD40" s="65">
        <v>0</v>
      </c>
      <c r="AE40" s="65">
        <v>0</v>
      </c>
      <c r="AF40" s="65">
        <v>1</v>
      </c>
      <c r="AG40" s="65">
        <v>0</v>
      </c>
      <c r="AH40" s="66">
        <v>1</v>
      </c>
      <c r="AI40" s="67">
        <v>2</v>
      </c>
      <c r="AJ40" s="64">
        <v>0</v>
      </c>
      <c r="AK40" s="65">
        <v>0</v>
      </c>
      <c r="AL40" s="66">
        <v>0</v>
      </c>
      <c r="AM40" s="444">
        <v>0</v>
      </c>
      <c r="AN40" s="65">
        <v>0</v>
      </c>
      <c r="AO40" s="65">
        <v>0</v>
      </c>
      <c r="AP40" s="65">
        <v>0</v>
      </c>
      <c r="AQ40" s="65">
        <v>0</v>
      </c>
      <c r="AR40" s="65">
        <v>0</v>
      </c>
      <c r="AS40" s="66">
        <v>0</v>
      </c>
      <c r="AT40" s="67">
        <v>0</v>
      </c>
      <c r="AU40" s="64">
        <v>0</v>
      </c>
      <c r="AV40" s="65">
        <v>0</v>
      </c>
      <c r="AW40" s="66">
        <v>0</v>
      </c>
      <c r="AX40" s="444">
        <v>0</v>
      </c>
      <c r="AY40" s="65">
        <v>0</v>
      </c>
      <c r="AZ40" s="65">
        <v>0</v>
      </c>
      <c r="BA40" s="65">
        <v>0</v>
      </c>
      <c r="BB40" s="65">
        <v>0</v>
      </c>
      <c r="BC40" s="65">
        <v>0</v>
      </c>
      <c r="BD40" s="66">
        <v>0</v>
      </c>
      <c r="BE40" s="67">
        <v>0</v>
      </c>
      <c r="BF40" s="64">
        <v>0</v>
      </c>
      <c r="BG40" s="65">
        <v>0</v>
      </c>
      <c r="BH40" s="66">
        <v>0</v>
      </c>
      <c r="BI40" s="444">
        <v>0</v>
      </c>
      <c r="BJ40" s="65">
        <v>0</v>
      </c>
      <c r="BK40" s="65">
        <v>0</v>
      </c>
      <c r="BL40" s="65">
        <v>0</v>
      </c>
      <c r="BM40" s="65">
        <v>0</v>
      </c>
      <c r="BN40" s="65">
        <v>0</v>
      </c>
      <c r="BO40" s="66">
        <v>0</v>
      </c>
      <c r="BP40" s="67">
        <v>0</v>
      </c>
      <c r="BQ40" s="64">
        <v>0</v>
      </c>
      <c r="BR40" s="65">
        <v>0</v>
      </c>
      <c r="BS40" s="66">
        <v>0</v>
      </c>
      <c r="BT40" s="444">
        <v>0</v>
      </c>
      <c r="BU40" s="65">
        <v>0</v>
      </c>
      <c r="BV40" s="65">
        <v>0</v>
      </c>
      <c r="BW40" s="65">
        <v>0</v>
      </c>
      <c r="BX40" s="65">
        <v>0</v>
      </c>
      <c r="BY40" s="65">
        <v>0</v>
      </c>
      <c r="BZ40" s="66">
        <v>0</v>
      </c>
      <c r="CA40" s="67">
        <v>0</v>
      </c>
      <c r="CB40" s="64">
        <v>0</v>
      </c>
      <c r="CC40" s="65">
        <v>0</v>
      </c>
      <c r="CD40" s="66">
        <v>0</v>
      </c>
      <c r="CE40" s="444">
        <v>0</v>
      </c>
      <c r="CF40" s="65">
        <v>0</v>
      </c>
      <c r="CG40" s="65">
        <v>0</v>
      </c>
      <c r="CH40" s="65">
        <v>0</v>
      </c>
      <c r="CI40" s="65">
        <v>0</v>
      </c>
      <c r="CJ40" s="65">
        <v>0</v>
      </c>
      <c r="CK40" s="66">
        <v>0</v>
      </c>
      <c r="CL40" s="67">
        <v>0</v>
      </c>
      <c r="CM40" s="64">
        <v>1</v>
      </c>
      <c r="CN40" s="65">
        <v>0</v>
      </c>
      <c r="CO40" s="66">
        <v>1</v>
      </c>
      <c r="CP40" s="444">
        <v>0</v>
      </c>
      <c r="CQ40" s="65">
        <v>0</v>
      </c>
      <c r="CR40" s="65">
        <v>0</v>
      </c>
      <c r="CS40" s="65">
        <v>0</v>
      </c>
      <c r="CT40" s="65">
        <v>1</v>
      </c>
      <c r="CU40" s="65">
        <v>0</v>
      </c>
      <c r="CV40" s="66">
        <v>1</v>
      </c>
      <c r="CW40" s="67">
        <v>2</v>
      </c>
      <c r="CX40" s="114">
        <v>0</v>
      </c>
      <c r="CY40" s="77">
        <v>0</v>
      </c>
      <c r="CZ40" s="78">
        <v>0</v>
      </c>
      <c r="DA40" s="444">
        <v>0</v>
      </c>
      <c r="DB40" s="77">
        <v>0</v>
      </c>
      <c r="DC40" s="77">
        <v>0</v>
      </c>
      <c r="DD40" s="77">
        <v>0</v>
      </c>
      <c r="DE40" s="77">
        <v>0</v>
      </c>
      <c r="DF40" s="77">
        <v>1</v>
      </c>
      <c r="DG40" s="79">
        <v>1</v>
      </c>
      <c r="DH40" s="80">
        <v>1</v>
      </c>
      <c r="DI40" s="64">
        <v>0</v>
      </c>
      <c r="DJ40" s="65">
        <v>0</v>
      </c>
      <c r="DK40" s="66">
        <v>0</v>
      </c>
      <c r="DL40" s="444">
        <v>0</v>
      </c>
      <c r="DM40" s="65">
        <v>0</v>
      </c>
      <c r="DN40" s="65">
        <v>0</v>
      </c>
      <c r="DO40" s="65">
        <v>0</v>
      </c>
      <c r="DP40" s="65">
        <v>0</v>
      </c>
      <c r="DQ40" s="65">
        <v>0</v>
      </c>
      <c r="DR40" s="66">
        <v>0</v>
      </c>
      <c r="DS40" s="67">
        <v>0</v>
      </c>
      <c r="DT40" s="64">
        <v>0</v>
      </c>
      <c r="DU40" s="65">
        <v>0</v>
      </c>
      <c r="DV40" s="66">
        <v>0</v>
      </c>
      <c r="DW40" s="444">
        <v>0</v>
      </c>
      <c r="DX40" s="65">
        <v>0</v>
      </c>
      <c r="DY40" s="65">
        <v>0</v>
      </c>
      <c r="DZ40" s="65">
        <v>0</v>
      </c>
      <c r="EA40" s="65">
        <v>0</v>
      </c>
      <c r="EB40" s="65">
        <v>0</v>
      </c>
      <c r="EC40" s="66">
        <v>0</v>
      </c>
      <c r="ED40" s="67">
        <v>0</v>
      </c>
      <c r="EE40" s="64">
        <v>0</v>
      </c>
      <c r="EF40" s="65">
        <v>0</v>
      </c>
      <c r="EG40" s="66">
        <v>0</v>
      </c>
      <c r="EH40" s="444">
        <v>0</v>
      </c>
      <c r="EI40" s="65">
        <v>0</v>
      </c>
      <c r="EJ40" s="65">
        <v>0</v>
      </c>
      <c r="EK40" s="65">
        <v>0</v>
      </c>
      <c r="EL40" s="65">
        <v>0</v>
      </c>
      <c r="EM40" s="65">
        <v>0</v>
      </c>
      <c r="EN40" s="66">
        <v>0</v>
      </c>
      <c r="EO40" s="67">
        <v>0</v>
      </c>
      <c r="EP40" s="64">
        <v>0</v>
      </c>
      <c r="EQ40" s="65">
        <v>0</v>
      </c>
      <c r="ER40" s="66">
        <v>0</v>
      </c>
      <c r="ES40" s="444">
        <v>0</v>
      </c>
      <c r="ET40" s="65">
        <v>0</v>
      </c>
      <c r="EU40" s="65">
        <v>0</v>
      </c>
      <c r="EV40" s="65">
        <v>0</v>
      </c>
      <c r="EW40" s="65">
        <v>0</v>
      </c>
      <c r="EX40" s="65">
        <v>0</v>
      </c>
      <c r="EY40" s="66">
        <v>0</v>
      </c>
      <c r="EZ40" s="67">
        <v>0</v>
      </c>
      <c r="FA40" s="64">
        <v>0</v>
      </c>
      <c r="FB40" s="65">
        <v>0</v>
      </c>
      <c r="FC40" s="66">
        <v>0</v>
      </c>
      <c r="FD40" s="444">
        <v>0</v>
      </c>
      <c r="FE40" s="65">
        <v>0</v>
      </c>
      <c r="FF40" s="65">
        <v>0</v>
      </c>
      <c r="FG40" s="65">
        <v>0</v>
      </c>
      <c r="FH40" s="65">
        <v>0</v>
      </c>
      <c r="FI40" s="65">
        <v>0</v>
      </c>
      <c r="FJ40" s="66">
        <v>0</v>
      </c>
      <c r="FK40" s="67">
        <v>0</v>
      </c>
      <c r="FL40" s="64">
        <v>0</v>
      </c>
      <c r="FM40" s="65">
        <v>0</v>
      </c>
      <c r="FN40" s="66">
        <v>0</v>
      </c>
      <c r="FO40" s="444">
        <v>0</v>
      </c>
      <c r="FP40" s="65">
        <v>0</v>
      </c>
      <c r="FQ40" s="65">
        <v>0</v>
      </c>
      <c r="FR40" s="65">
        <v>0</v>
      </c>
      <c r="FS40" s="65">
        <v>0</v>
      </c>
      <c r="FT40" s="65">
        <v>1</v>
      </c>
      <c r="FU40" s="66">
        <v>1</v>
      </c>
      <c r="FV40" s="67">
        <v>1</v>
      </c>
      <c r="FW40" s="64">
        <v>0</v>
      </c>
      <c r="FX40" s="65">
        <v>0</v>
      </c>
      <c r="FY40" s="66">
        <v>0</v>
      </c>
      <c r="FZ40" s="444">
        <v>0</v>
      </c>
      <c r="GA40" s="65">
        <v>0</v>
      </c>
      <c r="GB40" s="65">
        <v>0</v>
      </c>
      <c r="GC40" s="65">
        <v>0</v>
      </c>
      <c r="GD40" s="65">
        <v>0</v>
      </c>
      <c r="GE40" s="65">
        <v>0</v>
      </c>
      <c r="GF40" s="66">
        <v>0</v>
      </c>
      <c r="GG40" s="67">
        <v>0</v>
      </c>
      <c r="GH40" s="64">
        <v>0</v>
      </c>
      <c r="GI40" s="65">
        <v>0</v>
      </c>
      <c r="GJ40" s="66">
        <v>0</v>
      </c>
      <c r="GK40" s="444">
        <v>0</v>
      </c>
      <c r="GL40" s="65">
        <v>0</v>
      </c>
      <c r="GM40" s="65">
        <v>0</v>
      </c>
      <c r="GN40" s="65">
        <v>0</v>
      </c>
      <c r="GO40" s="65">
        <v>0</v>
      </c>
      <c r="GP40" s="65">
        <v>1</v>
      </c>
      <c r="GQ40" s="66">
        <v>1</v>
      </c>
      <c r="GR40" s="67">
        <v>1</v>
      </c>
      <c r="GS40" s="114">
        <v>1</v>
      </c>
      <c r="GT40" s="77">
        <v>0</v>
      </c>
      <c r="GU40" s="78">
        <v>1</v>
      </c>
      <c r="GV40" s="444">
        <v>0</v>
      </c>
      <c r="GW40" s="77">
        <v>0</v>
      </c>
      <c r="GX40" s="77">
        <v>0</v>
      </c>
      <c r="GY40" s="77">
        <v>0</v>
      </c>
      <c r="GZ40" s="77">
        <v>1</v>
      </c>
      <c r="HA40" s="77">
        <v>1</v>
      </c>
      <c r="HB40" s="79">
        <v>2</v>
      </c>
      <c r="HC40" s="80">
        <v>3</v>
      </c>
      <c r="HD40" s="64">
        <v>0</v>
      </c>
      <c r="HE40" s="65">
        <v>0</v>
      </c>
      <c r="HF40" s="66">
        <v>0</v>
      </c>
      <c r="HG40" s="444">
        <v>0</v>
      </c>
      <c r="HH40" s="65">
        <v>0</v>
      </c>
      <c r="HI40" s="65">
        <v>0</v>
      </c>
      <c r="HJ40" s="65">
        <v>0</v>
      </c>
      <c r="HK40" s="65">
        <v>0</v>
      </c>
      <c r="HL40" s="65">
        <v>0</v>
      </c>
      <c r="HM40" s="66">
        <v>0</v>
      </c>
      <c r="HN40" s="67">
        <v>0</v>
      </c>
      <c r="HO40" s="64">
        <v>1</v>
      </c>
      <c r="HP40" s="65">
        <v>0</v>
      </c>
      <c r="HQ40" s="66">
        <v>1</v>
      </c>
      <c r="HR40" s="444">
        <v>0</v>
      </c>
      <c r="HS40" s="65">
        <v>0</v>
      </c>
      <c r="HT40" s="65">
        <v>0</v>
      </c>
      <c r="HU40" s="65">
        <v>0</v>
      </c>
      <c r="HV40" s="65">
        <v>1</v>
      </c>
      <c r="HW40" s="65">
        <v>0</v>
      </c>
      <c r="HX40" s="66">
        <v>1</v>
      </c>
      <c r="HY40" s="67">
        <v>2</v>
      </c>
      <c r="HZ40" s="64">
        <v>0</v>
      </c>
      <c r="IA40" s="65">
        <v>0</v>
      </c>
      <c r="IB40" s="66">
        <v>0</v>
      </c>
      <c r="IC40" s="444">
        <v>0</v>
      </c>
      <c r="ID40" s="65">
        <v>0</v>
      </c>
      <c r="IE40" s="65">
        <v>0</v>
      </c>
      <c r="IF40" s="65">
        <v>0</v>
      </c>
      <c r="IG40" s="65">
        <v>0</v>
      </c>
      <c r="IH40" s="65">
        <v>0</v>
      </c>
      <c r="II40" s="66">
        <v>0</v>
      </c>
      <c r="IJ40" s="67">
        <v>0</v>
      </c>
      <c r="IK40" s="64">
        <v>0</v>
      </c>
      <c r="IL40" s="65">
        <v>0</v>
      </c>
      <c r="IM40" s="66">
        <v>0</v>
      </c>
      <c r="IN40" s="444">
        <v>0</v>
      </c>
      <c r="IO40" s="65">
        <v>0</v>
      </c>
      <c r="IP40" s="65">
        <v>0</v>
      </c>
      <c r="IQ40" s="65">
        <v>0</v>
      </c>
      <c r="IR40" s="65">
        <v>0</v>
      </c>
      <c r="IS40" s="65">
        <v>0</v>
      </c>
      <c r="IT40" s="66">
        <v>0</v>
      </c>
      <c r="IU40" s="67">
        <v>0</v>
      </c>
      <c r="IV40" s="64">
        <v>0</v>
      </c>
      <c r="IW40" s="65">
        <v>0</v>
      </c>
      <c r="IX40" s="66">
        <v>0</v>
      </c>
      <c r="IY40" s="444">
        <v>0</v>
      </c>
      <c r="IZ40" s="65">
        <v>0</v>
      </c>
      <c r="JA40" s="65">
        <v>0</v>
      </c>
      <c r="JB40" s="65">
        <v>0</v>
      </c>
      <c r="JC40" s="65">
        <v>0</v>
      </c>
      <c r="JD40" s="65">
        <v>0</v>
      </c>
      <c r="JE40" s="66">
        <v>0</v>
      </c>
      <c r="JF40" s="67">
        <v>0</v>
      </c>
      <c r="JG40" s="64">
        <v>0</v>
      </c>
      <c r="JH40" s="65">
        <v>0</v>
      </c>
      <c r="JI40" s="66">
        <v>0</v>
      </c>
      <c r="JJ40" s="444">
        <v>0</v>
      </c>
      <c r="JK40" s="65">
        <v>0</v>
      </c>
      <c r="JL40" s="65">
        <v>0</v>
      </c>
      <c r="JM40" s="65">
        <v>0</v>
      </c>
      <c r="JN40" s="65">
        <v>0</v>
      </c>
      <c r="JO40" s="65">
        <v>1</v>
      </c>
      <c r="JP40" s="66">
        <v>1</v>
      </c>
      <c r="JQ40" s="67">
        <v>1</v>
      </c>
      <c r="JR40" s="64">
        <v>0</v>
      </c>
      <c r="JS40" s="65">
        <v>0</v>
      </c>
      <c r="JT40" s="66">
        <v>0</v>
      </c>
      <c r="JU40" s="444">
        <v>0</v>
      </c>
      <c r="JV40" s="65">
        <v>0</v>
      </c>
      <c r="JW40" s="65">
        <v>0</v>
      </c>
      <c r="JX40" s="65">
        <v>0</v>
      </c>
      <c r="JY40" s="65">
        <v>0</v>
      </c>
      <c r="JZ40" s="65">
        <v>0</v>
      </c>
      <c r="KA40" s="66">
        <v>0</v>
      </c>
      <c r="KB40" s="67">
        <v>0</v>
      </c>
      <c r="KC40" s="64">
        <v>1</v>
      </c>
      <c r="KD40" s="65">
        <v>0</v>
      </c>
      <c r="KE40" s="66">
        <v>1</v>
      </c>
      <c r="KF40" s="444">
        <v>0</v>
      </c>
      <c r="KG40" s="65">
        <v>0</v>
      </c>
      <c r="KH40" s="65">
        <v>0</v>
      </c>
      <c r="KI40" s="65">
        <v>0</v>
      </c>
      <c r="KJ40" s="65">
        <v>1</v>
      </c>
      <c r="KK40" s="65">
        <v>1</v>
      </c>
      <c r="KL40" s="66">
        <v>2</v>
      </c>
      <c r="KM40" s="67">
        <v>3</v>
      </c>
    </row>
    <row r="41" spans="2:299" ht="32.25" customHeight="1" x14ac:dyDescent="0.2">
      <c r="C41" s="283" t="s">
        <v>125</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8" customWidth="1"/>
    <col min="2" max="2" width="9.77734375" style="18" customWidth="1"/>
    <col min="3" max="6" width="7.77734375" style="16" customWidth="1"/>
    <col min="7" max="7" width="8.109375" style="16" customWidth="1"/>
    <col min="8" max="8" width="7.44140625" style="16" customWidth="1"/>
    <col min="9" max="9" width="9.109375" style="16" customWidth="1"/>
    <col min="10" max="10" width="7.77734375" style="16" customWidth="1"/>
    <col min="11" max="11" width="8.6640625" style="16" customWidth="1"/>
    <col min="12" max="12" width="9.33203125" style="16" customWidth="1"/>
    <col min="13" max="13" width="8.33203125" style="16" customWidth="1"/>
    <col min="14" max="26" width="7.77734375" style="16" customWidth="1"/>
    <col min="27" max="33" width="7.77734375" style="18" customWidth="1"/>
    <col min="34" max="34" width="9" style="18"/>
    <col min="35" max="35" width="8.6640625" style="18" customWidth="1"/>
    <col min="36" max="16384" width="9" style="18"/>
  </cols>
  <sheetData>
    <row r="1" spans="2:35" ht="24" customHeight="1" x14ac:dyDescent="0.2">
      <c r="B1" s="15" t="s">
        <v>132</v>
      </c>
      <c r="F1" s="17"/>
      <c r="G1" s="495">
        <f>第１表!F2</f>
        <v>6</v>
      </c>
      <c r="H1" s="495"/>
      <c r="I1" s="231">
        <f>第１表!G2</f>
        <v>2</v>
      </c>
      <c r="J1" s="499">
        <f>IF(I1&lt;3,I1+12-2,I1-2)</f>
        <v>12</v>
      </c>
      <c r="K1" s="499"/>
    </row>
    <row r="2" spans="2:35" ht="24" customHeight="1" thickBot="1" x14ac:dyDescent="0.25">
      <c r="B2" s="268"/>
      <c r="J2" s="19"/>
      <c r="K2" s="19"/>
      <c r="L2" s="19"/>
      <c r="M2" s="19"/>
      <c r="N2" s="19"/>
      <c r="O2" s="19"/>
      <c r="P2" s="20"/>
      <c r="Q2" s="20"/>
      <c r="R2" s="20"/>
    </row>
    <row r="3" spans="2:35" s="39" customFormat="1" ht="21" customHeight="1" thickBot="1" x14ac:dyDescent="0.25">
      <c r="B3" s="46"/>
      <c r="C3" s="496" t="s">
        <v>53</v>
      </c>
      <c r="D3" s="497"/>
      <c r="E3" s="497"/>
      <c r="F3" s="497"/>
      <c r="G3" s="497"/>
      <c r="H3" s="497"/>
      <c r="I3" s="497"/>
      <c r="J3" s="497"/>
      <c r="K3" s="497"/>
      <c r="L3" s="497"/>
      <c r="M3" s="498"/>
      <c r="N3" s="496" t="s">
        <v>54</v>
      </c>
      <c r="O3" s="497"/>
      <c r="P3" s="497"/>
      <c r="Q3" s="497"/>
      <c r="R3" s="497"/>
      <c r="S3" s="497"/>
      <c r="T3" s="497"/>
      <c r="U3" s="497"/>
      <c r="V3" s="497"/>
      <c r="W3" s="497"/>
      <c r="X3" s="498"/>
      <c r="Y3" s="496" t="s">
        <v>55</v>
      </c>
      <c r="Z3" s="497"/>
      <c r="AA3" s="497"/>
      <c r="AB3" s="497"/>
      <c r="AC3" s="497"/>
      <c r="AD3" s="497"/>
      <c r="AE3" s="497"/>
      <c r="AF3" s="497"/>
      <c r="AG3" s="497"/>
      <c r="AH3" s="497"/>
      <c r="AI3" s="498"/>
    </row>
    <row r="4" spans="2:35" s="39" customFormat="1" ht="30" customHeight="1" thickBot="1" x14ac:dyDescent="0.25">
      <c r="B4" s="46" t="s">
        <v>42</v>
      </c>
      <c r="C4" s="47" t="s">
        <v>43</v>
      </c>
      <c r="D4" s="48" t="s">
        <v>44</v>
      </c>
      <c r="E4" s="49" t="s">
        <v>45</v>
      </c>
      <c r="F4" s="50" t="s">
        <v>46</v>
      </c>
      <c r="G4" s="48" t="s">
        <v>47</v>
      </c>
      <c r="H4" s="48" t="s">
        <v>48</v>
      </c>
      <c r="I4" s="48" t="s">
        <v>49</v>
      </c>
      <c r="J4" s="48" t="s">
        <v>50</v>
      </c>
      <c r="K4" s="48" t="s">
        <v>51</v>
      </c>
      <c r="L4" s="49" t="s">
        <v>45</v>
      </c>
      <c r="M4" s="40" t="s">
        <v>52</v>
      </c>
      <c r="N4" s="47" t="s">
        <v>43</v>
      </c>
      <c r="O4" s="48" t="s">
        <v>44</v>
      </c>
      <c r="P4" s="49" t="s">
        <v>45</v>
      </c>
      <c r="Q4" s="50" t="s">
        <v>46</v>
      </c>
      <c r="R4" s="48" t="s">
        <v>47</v>
      </c>
      <c r="S4" s="48" t="s">
        <v>48</v>
      </c>
      <c r="T4" s="48" t="s">
        <v>49</v>
      </c>
      <c r="U4" s="48" t="s">
        <v>50</v>
      </c>
      <c r="V4" s="48" t="s">
        <v>51</v>
      </c>
      <c r="W4" s="49" t="s">
        <v>45</v>
      </c>
      <c r="X4" s="40" t="s">
        <v>52</v>
      </c>
      <c r="Y4" s="47" t="s">
        <v>43</v>
      </c>
      <c r="Z4" s="48" t="s">
        <v>44</v>
      </c>
      <c r="AA4" s="49" t="s">
        <v>45</v>
      </c>
      <c r="AB4" s="50" t="s">
        <v>46</v>
      </c>
      <c r="AC4" s="48" t="s">
        <v>47</v>
      </c>
      <c r="AD4" s="48" t="s">
        <v>48</v>
      </c>
      <c r="AE4" s="48" t="s">
        <v>49</v>
      </c>
      <c r="AF4" s="48" t="s">
        <v>50</v>
      </c>
      <c r="AG4" s="48" t="s">
        <v>51</v>
      </c>
      <c r="AH4" s="49" t="s">
        <v>45</v>
      </c>
      <c r="AI4" s="40" t="s">
        <v>52</v>
      </c>
    </row>
    <row r="5" spans="2:35" ht="21" customHeight="1" x14ac:dyDescent="0.2">
      <c r="B5" s="435" t="s">
        <v>4</v>
      </c>
      <c r="C5" s="198">
        <v>17334</v>
      </c>
      <c r="D5" s="199">
        <v>31275</v>
      </c>
      <c r="E5" s="200">
        <v>48609</v>
      </c>
      <c r="F5" s="195">
        <v>0</v>
      </c>
      <c r="G5" s="199">
        <v>61017</v>
      </c>
      <c r="H5" s="199">
        <v>62516</v>
      </c>
      <c r="I5" s="199">
        <v>35841</v>
      </c>
      <c r="J5" s="199">
        <v>27548</v>
      </c>
      <c r="K5" s="199">
        <v>16513</v>
      </c>
      <c r="L5" s="200">
        <v>203435</v>
      </c>
      <c r="M5" s="201">
        <v>252044</v>
      </c>
      <c r="N5" s="202">
        <v>350</v>
      </c>
      <c r="O5" s="199">
        <v>882</v>
      </c>
      <c r="P5" s="200">
        <v>1232</v>
      </c>
      <c r="Q5" s="195">
        <v>0</v>
      </c>
      <c r="R5" s="199">
        <v>1046</v>
      </c>
      <c r="S5" s="199">
        <v>1944</v>
      </c>
      <c r="T5" s="199">
        <v>1015</v>
      </c>
      <c r="U5" s="199">
        <v>786</v>
      </c>
      <c r="V5" s="199">
        <v>769</v>
      </c>
      <c r="W5" s="200">
        <v>5560</v>
      </c>
      <c r="X5" s="201">
        <v>6792</v>
      </c>
      <c r="Y5" s="198">
        <v>17684</v>
      </c>
      <c r="Z5" s="199">
        <v>32157</v>
      </c>
      <c r="AA5" s="200">
        <v>49841</v>
      </c>
      <c r="AB5" s="195">
        <v>0</v>
      </c>
      <c r="AC5" s="199">
        <v>62063</v>
      </c>
      <c r="AD5" s="199">
        <v>64460</v>
      </c>
      <c r="AE5" s="199">
        <v>36856</v>
      </c>
      <c r="AF5" s="199">
        <v>28334</v>
      </c>
      <c r="AG5" s="199">
        <v>17282</v>
      </c>
      <c r="AH5" s="200">
        <v>208995</v>
      </c>
      <c r="AI5" s="201">
        <v>258836</v>
      </c>
    </row>
    <row r="6" spans="2:35" ht="21" customHeight="1" x14ac:dyDescent="0.2">
      <c r="B6" s="436" t="s">
        <v>5</v>
      </c>
      <c r="C6" s="203">
        <v>6396</v>
      </c>
      <c r="D6" s="204">
        <v>14012</v>
      </c>
      <c r="E6" s="205">
        <v>20408</v>
      </c>
      <c r="F6" s="196">
        <v>0</v>
      </c>
      <c r="G6" s="204">
        <v>16001</v>
      </c>
      <c r="H6" s="204">
        <v>23336</v>
      </c>
      <c r="I6" s="204">
        <v>11768</v>
      </c>
      <c r="J6" s="204">
        <v>9368</v>
      </c>
      <c r="K6" s="204">
        <v>5522</v>
      </c>
      <c r="L6" s="205">
        <v>65995</v>
      </c>
      <c r="M6" s="206">
        <v>86403</v>
      </c>
      <c r="N6" s="207">
        <v>124</v>
      </c>
      <c r="O6" s="204">
        <v>384</v>
      </c>
      <c r="P6" s="205">
        <v>508</v>
      </c>
      <c r="Q6" s="196">
        <v>0</v>
      </c>
      <c r="R6" s="204">
        <v>212</v>
      </c>
      <c r="S6" s="204">
        <v>787</v>
      </c>
      <c r="T6" s="204">
        <v>369</v>
      </c>
      <c r="U6" s="204">
        <v>276</v>
      </c>
      <c r="V6" s="204">
        <v>301</v>
      </c>
      <c r="W6" s="205">
        <v>1945</v>
      </c>
      <c r="X6" s="206">
        <v>2453</v>
      </c>
      <c r="Y6" s="203">
        <v>6520</v>
      </c>
      <c r="Z6" s="204">
        <v>14396</v>
      </c>
      <c r="AA6" s="205">
        <v>20916</v>
      </c>
      <c r="AB6" s="196">
        <v>0</v>
      </c>
      <c r="AC6" s="204">
        <v>16213</v>
      </c>
      <c r="AD6" s="204">
        <v>24123</v>
      </c>
      <c r="AE6" s="204">
        <v>12137</v>
      </c>
      <c r="AF6" s="204">
        <v>9644</v>
      </c>
      <c r="AG6" s="204">
        <v>5823</v>
      </c>
      <c r="AH6" s="205">
        <v>67940</v>
      </c>
      <c r="AI6" s="206">
        <v>88856</v>
      </c>
    </row>
    <row r="7" spans="2:35" ht="21" customHeight="1" x14ac:dyDescent="0.2">
      <c r="B7" s="437" t="s">
        <v>6</v>
      </c>
      <c r="C7" s="203">
        <v>2355</v>
      </c>
      <c r="D7" s="204">
        <v>3682</v>
      </c>
      <c r="E7" s="205">
        <v>6037</v>
      </c>
      <c r="F7" s="196">
        <v>0</v>
      </c>
      <c r="G7" s="204">
        <v>11127</v>
      </c>
      <c r="H7" s="204">
        <v>9247</v>
      </c>
      <c r="I7" s="204">
        <v>5669</v>
      </c>
      <c r="J7" s="204">
        <v>4406</v>
      </c>
      <c r="K7" s="204">
        <v>2886</v>
      </c>
      <c r="L7" s="205">
        <v>33335</v>
      </c>
      <c r="M7" s="206">
        <v>39372</v>
      </c>
      <c r="N7" s="207">
        <v>72</v>
      </c>
      <c r="O7" s="204">
        <v>110</v>
      </c>
      <c r="P7" s="205">
        <v>182</v>
      </c>
      <c r="Q7" s="196">
        <v>0</v>
      </c>
      <c r="R7" s="204">
        <v>245</v>
      </c>
      <c r="S7" s="204">
        <v>278</v>
      </c>
      <c r="T7" s="204">
        <v>155</v>
      </c>
      <c r="U7" s="204">
        <v>128</v>
      </c>
      <c r="V7" s="204">
        <v>134</v>
      </c>
      <c r="W7" s="205">
        <v>940</v>
      </c>
      <c r="X7" s="206">
        <v>1122</v>
      </c>
      <c r="Y7" s="203">
        <v>2427</v>
      </c>
      <c r="Z7" s="204">
        <v>3792</v>
      </c>
      <c r="AA7" s="205">
        <v>6219</v>
      </c>
      <c r="AB7" s="196">
        <v>0</v>
      </c>
      <c r="AC7" s="204">
        <v>11372</v>
      </c>
      <c r="AD7" s="204">
        <v>9525</v>
      </c>
      <c r="AE7" s="204">
        <v>5824</v>
      </c>
      <c r="AF7" s="204">
        <v>4534</v>
      </c>
      <c r="AG7" s="204">
        <v>3020</v>
      </c>
      <c r="AH7" s="205">
        <v>34275</v>
      </c>
      <c r="AI7" s="206">
        <v>40494</v>
      </c>
    </row>
    <row r="8" spans="2:35" ht="21" customHeight="1" x14ac:dyDescent="0.2">
      <c r="B8" s="437" t="s">
        <v>14</v>
      </c>
      <c r="C8" s="203">
        <v>1223</v>
      </c>
      <c r="D8" s="204">
        <v>2824</v>
      </c>
      <c r="E8" s="205">
        <v>4047</v>
      </c>
      <c r="F8" s="196">
        <v>0</v>
      </c>
      <c r="G8" s="204">
        <v>4601</v>
      </c>
      <c r="H8" s="204">
        <v>5698</v>
      </c>
      <c r="I8" s="204">
        <v>3552</v>
      </c>
      <c r="J8" s="204">
        <v>2476</v>
      </c>
      <c r="K8" s="204">
        <v>1350</v>
      </c>
      <c r="L8" s="205">
        <v>17677</v>
      </c>
      <c r="M8" s="206">
        <v>21724</v>
      </c>
      <c r="N8" s="207">
        <v>18</v>
      </c>
      <c r="O8" s="204">
        <v>106</v>
      </c>
      <c r="P8" s="205">
        <v>124</v>
      </c>
      <c r="Q8" s="196">
        <v>0</v>
      </c>
      <c r="R8" s="204">
        <v>53</v>
      </c>
      <c r="S8" s="204">
        <v>186</v>
      </c>
      <c r="T8" s="204">
        <v>98</v>
      </c>
      <c r="U8" s="204">
        <v>73</v>
      </c>
      <c r="V8" s="204">
        <v>72</v>
      </c>
      <c r="W8" s="205">
        <v>482</v>
      </c>
      <c r="X8" s="206">
        <v>606</v>
      </c>
      <c r="Y8" s="203">
        <v>1241</v>
      </c>
      <c r="Z8" s="204">
        <v>2930</v>
      </c>
      <c r="AA8" s="205">
        <v>4171</v>
      </c>
      <c r="AB8" s="196">
        <v>0</v>
      </c>
      <c r="AC8" s="204">
        <v>4654</v>
      </c>
      <c r="AD8" s="204">
        <v>5884</v>
      </c>
      <c r="AE8" s="204">
        <v>3650</v>
      </c>
      <c r="AF8" s="204">
        <v>2549</v>
      </c>
      <c r="AG8" s="204">
        <v>1422</v>
      </c>
      <c r="AH8" s="205">
        <v>18159</v>
      </c>
      <c r="AI8" s="206">
        <v>22330</v>
      </c>
    </row>
    <row r="9" spans="2:35" ht="21" customHeight="1" x14ac:dyDescent="0.2">
      <c r="B9" s="437" t="s">
        <v>7</v>
      </c>
      <c r="C9" s="203">
        <v>591</v>
      </c>
      <c r="D9" s="204">
        <v>894</v>
      </c>
      <c r="E9" s="205">
        <v>1485</v>
      </c>
      <c r="F9" s="196">
        <v>0</v>
      </c>
      <c r="G9" s="204">
        <v>5125</v>
      </c>
      <c r="H9" s="204">
        <v>3562</v>
      </c>
      <c r="I9" s="204">
        <v>1899</v>
      </c>
      <c r="J9" s="204">
        <v>1469</v>
      </c>
      <c r="K9" s="204">
        <v>889</v>
      </c>
      <c r="L9" s="205">
        <v>12944</v>
      </c>
      <c r="M9" s="206">
        <v>14429</v>
      </c>
      <c r="N9" s="207">
        <v>6</v>
      </c>
      <c r="O9" s="204">
        <v>16</v>
      </c>
      <c r="P9" s="205">
        <v>22</v>
      </c>
      <c r="Q9" s="196">
        <v>0</v>
      </c>
      <c r="R9" s="204">
        <v>97</v>
      </c>
      <c r="S9" s="204">
        <v>102</v>
      </c>
      <c r="T9" s="204">
        <v>49</v>
      </c>
      <c r="U9" s="204">
        <v>42</v>
      </c>
      <c r="V9" s="204">
        <v>25</v>
      </c>
      <c r="W9" s="205">
        <v>315</v>
      </c>
      <c r="X9" s="206">
        <v>337</v>
      </c>
      <c r="Y9" s="203">
        <v>597</v>
      </c>
      <c r="Z9" s="204">
        <v>910</v>
      </c>
      <c r="AA9" s="205">
        <v>1507</v>
      </c>
      <c r="AB9" s="196">
        <v>0</v>
      </c>
      <c r="AC9" s="204">
        <v>5222</v>
      </c>
      <c r="AD9" s="204">
        <v>3664</v>
      </c>
      <c r="AE9" s="204">
        <v>1948</v>
      </c>
      <c r="AF9" s="204">
        <v>1511</v>
      </c>
      <c r="AG9" s="204">
        <v>914</v>
      </c>
      <c r="AH9" s="205">
        <v>13259</v>
      </c>
      <c r="AI9" s="206">
        <v>14766</v>
      </c>
    </row>
    <row r="10" spans="2:35" ht="21" customHeight="1" x14ac:dyDescent="0.2">
      <c r="B10" s="437" t="s">
        <v>8</v>
      </c>
      <c r="C10" s="203">
        <v>621</v>
      </c>
      <c r="D10" s="204">
        <v>710</v>
      </c>
      <c r="E10" s="205">
        <v>1331</v>
      </c>
      <c r="F10" s="196">
        <v>0</v>
      </c>
      <c r="G10" s="204">
        <v>2136</v>
      </c>
      <c r="H10" s="204">
        <v>2154</v>
      </c>
      <c r="I10" s="204">
        <v>1295</v>
      </c>
      <c r="J10" s="204">
        <v>922</v>
      </c>
      <c r="K10" s="204">
        <v>547</v>
      </c>
      <c r="L10" s="205">
        <v>7054</v>
      </c>
      <c r="M10" s="206">
        <v>8385</v>
      </c>
      <c r="N10" s="207">
        <v>10</v>
      </c>
      <c r="O10" s="204">
        <v>22</v>
      </c>
      <c r="P10" s="205">
        <v>32</v>
      </c>
      <c r="Q10" s="196">
        <v>0</v>
      </c>
      <c r="R10" s="204">
        <v>41</v>
      </c>
      <c r="S10" s="204">
        <v>71</v>
      </c>
      <c r="T10" s="204">
        <v>33</v>
      </c>
      <c r="U10" s="204">
        <v>28</v>
      </c>
      <c r="V10" s="204">
        <v>17</v>
      </c>
      <c r="W10" s="205">
        <v>190</v>
      </c>
      <c r="X10" s="206">
        <v>222</v>
      </c>
      <c r="Y10" s="203">
        <v>631</v>
      </c>
      <c r="Z10" s="204">
        <v>732</v>
      </c>
      <c r="AA10" s="205">
        <v>1363</v>
      </c>
      <c r="AB10" s="196">
        <v>0</v>
      </c>
      <c r="AC10" s="204">
        <v>2177</v>
      </c>
      <c r="AD10" s="204">
        <v>2225</v>
      </c>
      <c r="AE10" s="204">
        <v>1328</v>
      </c>
      <c r="AF10" s="204">
        <v>950</v>
      </c>
      <c r="AG10" s="204">
        <v>564</v>
      </c>
      <c r="AH10" s="205">
        <v>7244</v>
      </c>
      <c r="AI10" s="206">
        <v>8607</v>
      </c>
    </row>
    <row r="11" spans="2:35" ht="21" customHeight="1" x14ac:dyDescent="0.2">
      <c r="B11" s="437" t="s">
        <v>9</v>
      </c>
      <c r="C11" s="203">
        <v>509</v>
      </c>
      <c r="D11" s="204">
        <v>610</v>
      </c>
      <c r="E11" s="205">
        <v>1119</v>
      </c>
      <c r="F11" s="196">
        <v>0</v>
      </c>
      <c r="G11" s="204">
        <v>2024</v>
      </c>
      <c r="H11" s="204">
        <v>1475</v>
      </c>
      <c r="I11" s="204">
        <v>1042</v>
      </c>
      <c r="J11" s="204">
        <v>872</v>
      </c>
      <c r="K11" s="204">
        <v>533</v>
      </c>
      <c r="L11" s="205">
        <v>5946</v>
      </c>
      <c r="M11" s="206">
        <v>7065</v>
      </c>
      <c r="N11" s="207">
        <v>5</v>
      </c>
      <c r="O11" s="204">
        <v>12</v>
      </c>
      <c r="P11" s="205">
        <v>17</v>
      </c>
      <c r="Q11" s="196">
        <v>0</v>
      </c>
      <c r="R11" s="204">
        <v>32</v>
      </c>
      <c r="S11" s="204">
        <v>34</v>
      </c>
      <c r="T11" s="204">
        <v>19</v>
      </c>
      <c r="U11" s="204">
        <v>19</v>
      </c>
      <c r="V11" s="204">
        <v>12</v>
      </c>
      <c r="W11" s="205">
        <v>116</v>
      </c>
      <c r="X11" s="206">
        <v>133</v>
      </c>
      <c r="Y11" s="203">
        <v>514</v>
      </c>
      <c r="Z11" s="204">
        <v>622</v>
      </c>
      <c r="AA11" s="205">
        <v>1136</v>
      </c>
      <c r="AB11" s="196">
        <v>0</v>
      </c>
      <c r="AC11" s="204">
        <v>2056</v>
      </c>
      <c r="AD11" s="204">
        <v>1509</v>
      </c>
      <c r="AE11" s="204">
        <v>1061</v>
      </c>
      <c r="AF11" s="204">
        <v>891</v>
      </c>
      <c r="AG11" s="204">
        <v>545</v>
      </c>
      <c r="AH11" s="205">
        <v>6062</v>
      </c>
      <c r="AI11" s="206">
        <v>7198</v>
      </c>
    </row>
    <row r="12" spans="2:35" ht="21" customHeight="1" x14ac:dyDescent="0.2">
      <c r="B12" s="437" t="s">
        <v>10</v>
      </c>
      <c r="C12" s="203">
        <v>1344</v>
      </c>
      <c r="D12" s="204">
        <v>1663</v>
      </c>
      <c r="E12" s="205">
        <v>3007</v>
      </c>
      <c r="F12" s="196">
        <v>0</v>
      </c>
      <c r="G12" s="204">
        <v>4118</v>
      </c>
      <c r="H12" s="204">
        <v>2471</v>
      </c>
      <c r="I12" s="204">
        <v>1590</v>
      </c>
      <c r="J12" s="204">
        <v>1317</v>
      </c>
      <c r="K12" s="204">
        <v>893</v>
      </c>
      <c r="L12" s="205">
        <v>10389</v>
      </c>
      <c r="M12" s="206">
        <v>13396</v>
      </c>
      <c r="N12" s="207">
        <v>32</v>
      </c>
      <c r="O12" s="204">
        <v>35</v>
      </c>
      <c r="P12" s="205">
        <v>67</v>
      </c>
      <c r="Q12" s="196">
        <v>0</v>
      </c>
      <c r="R12" s="204">
        <v>91</v>
      </c>
      <c r="S12" s="204">
        <v>80</v>
      </c>
      <c r="T12" s="204">
        <v>45</v>
      </c>
      <c r="U12" s="204">
        <v>40</v>
      </c>
      <c r="V12" s="204">
        <v>37</v>
      </c>
      <c r="W12" s="205">
        <v>293</v>
      </c>
      <c r="X12" s="206">
        <v>360</v>
      </c>
      <c r="Y12" s="203">
        <v>1376</v>
      </c>
      <c r="Z12" s="204">
        <v>1698</v>
      </c>
      <c r="AA12" s="205">
        <v>3074</v>
      </c>
      <c r="AB12" s="196">
        <v>0</v>
      </c>
      <c r="AC12" s="204">
        <v>4209</v>
      </c>
      <c r="AD12" s="204">
        <v>2551</v>
      </c>
      <c r="AE12" s="204">
        <v>1635</v>
      </c>
      <c r="AF12" s="204">
        <v>1357</v>
      </c>
      <c r="AG12" s="204">
        <v>930</v>
      </c>
      <c r="AH12" s="205">
        <v>10682</v>
      </c>
      <c r="AI12" s="206">
        <v>13756</v>
      </c>
    </row>
    <row r="13" spans="2:35" ht="21" customHeight="1" x14ac:dyDescent="0.2">
      <c r="B13" s="437" t="s">
        <v>11</v>
      </c>
      <c r="C13" s="203">
        <v>551</v>
      </c>
      <c r="D13" s="204">
        <v>623</v>
      </c>
      <c r="E13" s="205">
        <v>1174</v>
      </c>
      <c r="F13" s="196">
        <v>0</v>
      </c>
      <c r="G13" s="204">
        <v>2155</v>
      </c>
      <c r="H13" s="204">
        <v>1359</v>
      </c>
      <c r="I13" s="204">
        <v>960</v>
      </c>
      <c r="J13" s="204">
        <v>821</v>
      </c>
      <c r="K13" s="204">
        <v>382</v>
      </c>
      <c r="L13" s="205">
        <v>5677</v>
      </c>
      <c r="M13" s="206">
        <v>6851</v>
      </c>
      <c r="N13" s="207">
        <v>9</v>
      </c>
      <c r="O13" s="204">
        <v>10</v>
      </c>
      <c r="P13" s="205">
        <v>19</v>
      </c>
      <c r="Q13" s="196">
        <v>0</v>
      </c>
      <c r="R13" s="204">
        <v>46</v>
      </c>
      <c r="S13" s="204">
        <v>30</v>
      </c>
      <c r="T13" s="204">
        <v>31</v>
      </c>
      <c r="U13" s="204">
        <v>18</v>
      </c>
      <c r="V13" s="204">
        <v>16</v>
      </c>
      <c r="W13" s="205">
        <v>141</v>
      </c>
      <c r="X13" s="206">
        <v>160</v>
      </c>
      <c r="Y13" s="203">
        <v>560</v>
      </c>
      <c r="Z13" s="204">
        <v>633</v>
      </c>
      <c r="AA13" s="205">
        <v>1193</v>
      </c>
      <c r="AB13" s="196">
        <v>0</v>
      </c>
      <c r="AC13" s="204">
        <v>2201</v>
      </c>
      <c r="AD13" s="204">
        <v>1389</v>
      </c>
      <c r="AE13" s="204">
        <v>991</v>
      </c>
      <c r="AF13" s="204">
        <v>839</v>
      </c>
      <c r="AG13" s="204">
        <v>398</v>
      </c>
      <c r="AH13" s="205">
        <v>5818</v>
      </c>
      <c r="AI13" s="206">
        <v>7011</v>
      </c>
    </row>
    <row r="14" spans="2:35" ht="21" customHeight="1" x14ac:dyDescent="0.2">
      <c r="B14" s="437" t="s">
        <v>12</v>
      </c>
      <c r="C14" s="203">
        <v>743</v>
      </c>
      <c r="D14" s="204">
        <v>1133</v>
      </c>
      <c r="E14" s="205">
        <v>1876</v>
      </c>
      <c r="F14" s="196">
        <v>0</v>
      </c>
      <c r="G14" s="204">
        <v>1747</v>
      </c>
      <c r="H14" s="204">
        <v>1514</v>
      </c>
      <c r="I14" s="204">
        <v>1000</v>
      </c>
      <c r="J14" s="204">
        <v>849</v>
      </c>
      <c r="K14" s="204">
        <v>494</v>
      </c>
      <c r="L14" s="205">
        <v>5604</v>
      </c>
      <c r="M14" s="206">
        <v>7480</v>
      </c>
      <c r="N14" s="207">
        <v>14</v>
      </c>
      <c r="O14" s="204">
        <v>35</v>
      </c>
      <c r="P14" s="205">
        <v>49</v>
      </c>
      <c r="Q14" s="196">
        <v>0</v>
      </c>
      <c r="R14" s="204">
        <v>25</v>
      </c>
      <c r="S14" s="204">
        <v>33</v>
      </c>
      <c r="T14" s="204">
        <v>24</v>
      </c>
      <c r="U14" s="204">
        <v>21</v>
      </c>
      <c r="V14" s="204">
        <v>17</v>
      </c>
      <c r="W14" s="205">
        <v>120</v>
      </c>
      <c r="X14" s="206">
        <v>169</v>
      </c>
      <c r="Y14" s="203">
        <v>757</v>
      </c>
      <c r="Z14" s="204">
        <v>1168</v>
      </c>
      <c r="AA14" s="205">
        <v>1925</v>
      </c>
      <c r="AB14" s="196">
        <v>0</v>
      </c>
      <c r="AC14" s="204">
        <v>1772</v>
      </c>
      <c r="AD14" s="204">
        <v>1547</v>
      </c>
      <c r="AE14" s="204">
        <v>1024</v>
      </c>
      <c r="AF14" s="204">
        <v>870</v>
      </c>
      <c r="AG14" s="204">
        <v>511</v>
      </c>
      <c r="AH14" s="205">
        <v>5724</v>
      </c>
      <c r="AI14" s="206">
        <v>7649</v>
      </c>
    </row>
    <row r="15" spans="2:35" ht="21" customHeight="1" x14ac:dyDescent="0.2">
      <c r="B15" s="437" t="s">
        <v>13</v>
      </c>
      <c r="C15" s="203">
        <v>125</v>
      </c>
      <c r="D15" s="204">
        <v>217</v>
      </c>
      <c r="E15" s="205">
        <v>342</v>
      </c>
      <c r="F15" s="196">
        <v>0</v>
      </c>
      <c r="G15" s="204">
        <v>661</v>
      </c>
      <c r="H15" s="204">
        <v>689</v>
      </c>
      <c r="I15" s="204">
        <v>396</v>
      </c>
      <c r="J15" s="204">
        <v>295</v>
      </c>
      <c r="K15" s="204">
        <v>224</v>
      </c>
      <c r="L15" s="205">
        <v>2265</v>
      </c>
      <c r="M15" s="206">
        <v>2607</v>
      </c>
      <c r="N15" s="207">
        <v>0</v>
      </c>
      <c r="O15" s="204">
        <v>2</v>
      </c>
      <c r="P15" s="205">
        <v>2</v>
      </c>
      <c r="Q15" s="196">
        <v>0</v>
      </c>
      <c r="R15" s="204">
        <v>12</v>
      </c>
      <c r="S15" s="204">
        <v>14</v>
      </c>
      <c r="T15" s="204">
        <v>7</v>
      </c>
      <c r="U15" s="204">
        <v>4</v>
      </c>
      <c r="V15" s="204">
        <v>10</v>
      </c>
      <c r="W15" s="205">
        <v>47</v>
      </c>
      <c r="X15" s="206">
        <v>49</v>
      </c>
      <c r="Y15" s="203">
        <v>125</v>
      </c>
      <c r="Z15" s="204">
        <v>219</v>
      </c>
      <c r="AA15" s="205">
        <v>344</v>
      </c>
      <c r="AB15" s="196">
        <v>0</v>
      </c>
      <c r="AC15" s="204">
        <v>673</v>
      </c>
      <c r="AD15" s="204">
        <v>703</v>
      </c>
      <c r="AE15" s="204">
        <v>403</v>
      </c>
      <c r="AF15" s="204">
        <v>299</v>
      </c>
      <c r="AG15" s="204">
        <v>234</v>
      </c>
      <c r="AH15" s="205">
        <v>2312</v>
      </c>
      <c r="AI15" s="206">
        <v>2656</v>
      </c>
    </row>
    <row r="16" spans="2:35" ht="21" customHeight="1" x14ac:dyDescent="0.2">
      <c r="B16" s="437" t="s">
        <v>15</v>
      </c>
      <c r="C16" s="203">
        <v>101</v>
      </c>
      <c r="D16" s="204">
        <v>192</v>
      </c>
      <c r="E16" s="205">
        <v>293</v>
      </c>
      <c r="F16" s="196">
        <v>0</v>
      </c>
      <c r="G16" s="204">
        <v>565</v>
      </c>
      <c r="H16" s="204">
        <v>575</v>
      </c>
      <c r="I16" s="204">
        <v>322</v>
      </c>
      <c r="J16" s="204">
        <v>204</v>
      </c>
      <c r="K16" s="204">
        <v>116</v>
      </c>
      <c r="L16" s="205">
        <v>1782</v>
      </c>
      <c r="M16" s="206">
        <v>2075</v>
      </c>
      <c r="N16" s="207">
        <v>1</v>
      </c>
      <c r="O16" s="204">
        <v>5</v>
      </c>
      <c r="P16" s="205">
        <v>6</v>
      </c>
      <c r="Q16" s="196">
        <v>0</v>
      </c>
      <c r="R16" s="204">
        <v>8</v>
      </c>
      <c r="S16" s="204">
        <v>12</v>
      </c>
      <c r="T16" s="204">
        <v>2</v>
      </c>
      <c r="U16" s="204">
        <v>1</v>
      </c>
      <c r="V16" s="204">
        <v>6</v>
      </c>
      <c r="W16" s="205">
        <v>29</v>
      </c>
      <c r="X16" s="206">
        <v>35</v>
      </c>
      <c r="Y16" s="203">
        <v>102</v>
      </c>
      <c r="Z16" s="204">
        <v>197</v>
      </c>
      <c r="AA16" s="205">
        <v>299</v>
      </c>
      <c r="AB16" s="196">
        <v>0</v>
      </c>
      <c r="AC16" s="204">
        <v>573</v>
      </c>
      <c r="AD16" s="204">
        <v>587</v>
      </c>
      <c r="AE16" s="204">
        <v>324</v>
      </c>
      <c r="AF16" s="204">
        <v>205</v>
      </c>
      <c r="AG16" s="204">
        <v>122</v>
      </c>
      <c r="AH16" s="205">
        <v>1811</v>
      </c>
      <c r="AI16" s="206">
        <v>2110</v>
      </c>
    </row>
    <row r="17" spans="2:35" ht="21" customHeight="1" x14ac:dyDescent="0.2">
      <c r="B17" s="437" t="s">
        <v>16</v>
      </c>
      <c r="C17" s="203">
        <v>254</v>
      </c>
      <c r="D17" s="204">
        <v>489</v>
      </c>
      <c r="E17" s="205">
        <v>743</v>
      </c>
      <c r="F17" s="196">
        <v>0</v>
      </c>
      <c r="G17" s="204">
        <v>978</v>
      </c>
      <c r="H17" s="204">
        <v>1355</v>
      </c>
      <c r="I17" s="204">
        <v>721</v>
      </c>
      <c r="J17" s="204">
        <v>554</v>
      </c>
      <c r="K17" s="204">
        <v>343</v>
      </c>
      <c r="L17" s="205">
        <v>3951</v>
      </c>
      <c r="M17" s="206">
        <v>4694</v>
      </c>
      <c r="N17" s="207">
        <v>6</v>
      </c>
      <c r="O17" s="204">
        <v>13</v>
      </c>
      <c r="P17" s="205">
        <v>19</v>
      </c>
      <c r="Q17" s="196">
        <v>0</v>
      </c>
      <c r="R17" s="204">
        <v>16</v>
      </c>
      <c r="S17" s="204">
        <v>39</v>
      </c>
      <c r="T17" s="204">
        <v>20</v>
      </c>
      <c r="U17" s="204">
        <v>18</v>
      </c>
      <c r="V17" s="204">
        <v>15</v>
      </c>
      <c r="W17" s="205">
        <v>108</v>
      </c>
      <c r="X17" s="206">
        <v>127</v>
      </c>
      <c r="Y17" s="203">
        <v>260</v>
      </c>
      <c r="Z17" s="204">
        <v>502</v>
      </c>
      <c r="AA17" s="205">
        <v>762</v>
      </c>
      <c r="AB17" s="196">
        <v>0</v>
      </c>
      <c r="AC17" s="204">
        <v>994</v>
      </c>
      <c r="AD17" s="204">
        <v>1394</v>
      </c>
      <c r="AE17" s="204">
        <v>741</v>
      </c>
      <c r="AF17" s="204">
        <v>572</v>
      </c>
      <c r="AG17" s="204">
        <v>358</v>
      </c>
      <c r="AH17" s="205">
        <v>4059</v>
      </c>
      <c r="AI17" s="206">
        <v>4821</v>
      </c>
    </row>
    <row r="18" spans="2:35" ht="21" customHeight="1" x14ac:dyDescent="0.2">
      <c r="B18" s="437" t="s">
        <v>17</v>
      </c>
      <c r="C18" s="203">
        <v>308</v>
      </c>
      <c r="D18" s="204">
        <v>646</v>
      </c>
      <c r="E18" s="205">
        <v>954</v>
      </c>
      <c r="F18" s="196">
        <v>0</v>
      </c>
      <c r="G18" s="204">
        <v>1130</v>
      </c>
      <c r="H18" s="204">
        <v>1767</v>
      </c>
      <c r="I18" s="204">
        <v>1051</v>
      </c>
      <c r="J18" s="204">
        <v>753</v>
      </c>
      <c r="K18" s="204">
        <v>420</v>
      </c>
      <c r="L18" s="205">
        <v>5121</v>
      </c>
      <c r="M18" s="206">
        <v>6075</v>
      </c>
      <c r="N18" s="207">
        <v>4</v>
      </c>
      <c r="O18" s="204">
        <v>27</v>
      </c>
      <c r="P18" s="205">
        <v>31</v>
      </c>
      <c r="Q18" s="196">
        <v>0</v>
      </c>
      <c r="R18" s="204">
        <v>20</v>
      </c>
      <c r="S18" s="204">
        <v>54</v>
      </c>
      <c r="T18" s="204">
        <v>36</v>
      </c>
      <c r="U18" s="204">
        <v>25</v>
      </c>
      <c r="V18" s="204">
        <v>23</v>
      </c>
      <c r="W18" s="205">
        <v>158</v>
      </c>
      <c r="X18" s="206">
        <v>189</v>
      </c>
      <c r="Y18" s="203">
        <v>312</v>
      </c>
      <c r="Z18" s="204">
        <v>673</v>
      </c>
      <c r="AA18" s="205">
        <v>985</v>
      </c>
      <c r="AB18" s="196">
        <v>0</v>
      </c>
      <c r="AC18" s="204">
        <v>1150</v>
      </c>
      <c r="AD18" s="204">
        <v>1821</v>
      </c>
      <c r="AE18" s="204">
        <v>1087</v>
      </c>
      <c r="AF18" s="204">
        <v>778</v>
      </c>
      <c r="AG18" s="204">
        <v>443</v>
      </c>
      <c r="AH18" s="205">
        <v>5279</v>
      </c>
      <c r="AI18" s="206">
        <v>6264</v>
      </c>
    </row>
    <row r="19" spans="2:35" ht="21" customHeight="1" x14ac:dyDescent="0.2">
      <c r="B19" s="437" t="s">
        <v>18</v>
      </c>
      <c r="C19" s="203">
        <v>402</v>
      </c>
      <c r="D19" s="204">
        <v>705</v>
      </c>
      <c r="E19" s="205">
        <v>1107</v>
      </c>
      <c r="F19" s="196">
        <v>0</v>
      </c>
      <c r="G19" s="204">
        <v>1912</v>
      </c>
      <c r="H19" s="204">
        <v>1747</v>
      </c>
      <c r="I19" s="204">
        <v>1065</v>
      </c>
      <c r="J19" s="204">
        <v>788</v>
      </c>
      <c r="K19" s="204">
        <v>444</v>
      </c>
      <c r="L19" s="205">
        <v>5956</v>
      </c>
      <c r="M19" s="206">
        <v>7063</v>
      </c>
      <c r="N19" s="207">
        <v>14</v>
      </c>
      <c r="O19" s="204">
        <v>26</v>
      </c>
      <c r="P19" s="205">
        <v>40</v>
      </c>
      <c r="Q19" s="196">
        <v>0</v>
      </c>
      <c r="R19" s="204">
        <v>45</v>
      </c>
      <c r="S19" s="204">
        <v>60</v>
      </c>
      <c r="T19" s="204">
        <v>29</v>
      </c>
      <c r="U19" s="204">
        <v>35</v>
      </c>
      <c r="V19" s="204">
        <v>26</v>
      </c>
      <c r="W19" s="205">
        <v>195</v>
      </c>
      <c r="X19" s="206">
        <v>235</v>
      </c>
      <c r="Y19" s="203">
        <v>416</v>
      </c>
      <c r="Z19" s="204">
        <v>731</v>
      </c>
      <c r="AA19" s="205">
        <v>1147</v>
      </c>
      <c r="AB19" s="196">
        <v>0</v>
      </c>
      <c r="AC19" s="204">
        <v>1957</v>
      </c>
      <c r="AD19" s="204">
        <v>1807</v>
      </c>
      <c r="AE19" s="204">
        <v>1094</v>
      </c>
      <c r="AF19" s="204">
        <v>823</v>
      </c>
      <c r="AG19" s="204">
        <v>470</v>
      </c>
      <c r="AH19" s="205">
        <v>6151</v>
      </c>
      <c r="AI19" s="206">
        <v>7298</v>
      </c>
    </row>
    <row r="20" spans="2:35" ht="21" customHeight="1" x14ac:dyDescent="0.2">
      <c r="B20" s="437" t="s">
        <v>19</v>
      </c>
      <c r="C20" s="203">
        <v>239</v>
      </c>
      <c r="D20" s="204">
        <v>346</v>
      </c>
      <c r="E20" s="205">
        <v>585</v>
      </c>
      <c r="F20" s="196">
        <v>0</v>
      </c>
      <c r="G20" s="204">
        <v>874</v>
      </c>
      <c r="H20" s="204">
        <v>676</v>
      </c>
      <c r="I20" s="204">
        <v>437</v>
      </c>
      <c r="J20" s="204">
        <v>291</v>
      </c>
      <c r="K20" s="204">
        <v>194</v>
      </c>
      <c r="L20" s="205">
        <v>2472</v>
      </c>
      <c r="M20" s="206">
        <v>3057</v>
      </c>
      <c r="N20" s="207">
        <v>5</v>
      </c>
      <c r="O20" s="204">
        <v>8</v>
      </c>
      <c r="P20" s="205">
        <v>13</v>
      </c>
      <c r="Q20" s="196">
        <v>0</v>
      </c>
      <c r="R20" s="204">
        <v>17</v>
      </c>
      <c r="S20" s="204">
        <v>16</v>
      </c>
      <c r="T20" s="204">
        <v>14</v>
      </c>
      <c r="U20" s="204">
        <v>7</v>
      </c>
      <c r="V20" s="204">
        <v>7</v>
      </c>
      <c r="W20" s="205">
        <v>61</v>
      </c>
      <c r="X20" s="206">
        <v>74</v>
      </c>
      <c r="Y20" s="203">
        <v>244</v>
      </c>
      <c r="Z20" s="204">
        <v>354</v>
      </c>
      <c r="AA20" s="205">
        <v>598</v>
      </c>
      <c r="AB20" s="196">
        <v>0</v>
      </c>
      <c r="AC20" s="204">
        <v>891</v>
      </c>
      <c r="AD20" s="204">
        <v>692</v>
      </c>
      <c r="AE20" s="204">
        <v>451</v>
      </c>
      <c r="AF20" s="204">
        <v>298</v>
      </c>
      <c r="AG20" s="204">
        <v>201</v>
      </c>
      <c r="AH20" s="205">
        <v>2533</v>
      </c>
      <c r="AI20" s="206">
        <v>3131</v>
      </c>
    </row>
    <row r="21" spans="2:35" ht="21" customHeight="1" x14ac:dyDescent="0.2">
      <c r="B21" s="437" t="s">
        <v>20</v>
      </c>
      <c r="C21" s="203">
        <v>243</v>
      </c>
      <c r="D21" s="204">
        <v>450</v>
      </c>
      <c r="E21" s="205">
        <v>693</v>
      </c>
      <c r="F21" s="196">
        <v>0</v>
      </c>
      <c r="G21" s="204">
        <v>1145</v>
      </c>
      <c r="H21" s="204">
        <v>771</v>
      </c>
      <c r="I21" s="204">
        <v>518</v>
      </c>
      <c r="J21" s="204">
        <v>348</v>
      </c>
      <c r="K21" s="204">
        <v>194</v>
      </c>
      <c r="L21" s="205">
        <v>2976</v>
      </c>
      <c r="M21" s="206">
        <v>3669</v>
      </c>
      <c r="N21" s="207">
        <v>4</v>
      </c>
      <c r="O21" s="204">
        <v>20</v>
      </c>
      <c r="P21" s="205">
        <v>24</v>
      </c>
      <c r="Q21" s="196">
        <v>0</v>
      </c>
      <c r="R21" s="204">
        <v>23</v>
      </c>
      <c r="S21" s="204">
        <v>23</v>
      </c>
      <c r="T21" s="204">
        <v>16</v>
      </c>
      <c r="U21" s="204">
        <v>12</v>
      </c>
      <c r="V21" s="204">
        <v>7</v>
      </c>
      <c r="W21" s="205">
        <v>81</v>
      </c>
      <c r="X21" s="206">
        <v>105</v>
      </c>
      <c r="Y21" s="203">
        <v>247</v>
      </c>
      <c r="Z21" s="204">
        <v>470</v>
      </c>
      <c r="AA21" s="205">
        <v>717</v>
      </c>
      <c r="AB21" s="196">
        <v>0</v>
      </c>
      <c r="AC21" s="204">
        <v>1168</v>
      </c>
      <c r="AD21" s="204">
        <v>794</v>
      </c>
      <c r="AE21" s="204">
        <v>534</v>
      </c>
      <c r="AF21" s="204">
        <v>360</v>
      </c>
      <c r="AG21" s="204">
        <v>201</v>
      </c>
      <c r="AH21" s="205">
        <v>3057</v>
      </c>
      <c r="AI21" s="206">
        <v>3774</v>
      </c>
    </row>
    <row r="22" spans="2:35" ht="21" customHeight="1" x14ac:dyDescent="0.2">
      <c r="B22" s="437" t="s">
        <v>21</v>
      </c>
      <c r="C22" s="203">
        <v>305</v>
      </c>
      <c r="D22" s="204">
        <v>450</v>
      </c>
      <c r="E22" s="205">
        <v>755</v>
      </c>
      <c r="F22" s="196">
        <v>0</v>
      </c>
      <c r="G22" s="204">
        <v>963</v>
      </c>
      <c r="H22" s="204">
        <v>1018</v>
      </c>
      <c r="I22" s="204">
        <v>625</v>
      </c>
      <c r="J22" s="204">
        <v>398</v>
      </c>
      <c r="K22" s="204">
        <v>252</v>
      </c>
      <c r="L22" s="205">
        <v>3256</v>
      </c>
      <c r="M22" s="206">
        <v>4011</v>
      </c>
      <c r="N22" s="207">
        <v>8</v>
      </c>
      <c r="O22" s="204">
        <v>20</v>
      </c>
      <c r="P22" s="205">
        <v>28</v>
      </c>
      <c r="Q22" s="196">
        <v>0</v>
      </c>
      <c r="R22" s="204">
        <v>4</v>
      </c>
      <c r="S22" s="204">
        <v>34</v>
      </c>
      <c r="T22" s="204">
        <v>22</v>
      </c>
      <c r="U22" s="204">
        <v>8</v>
      </c>
      <c r="V22" s="204">
        <v>11</v>
      </c>
      <c r="W22" s="205">
        <v>79</v>
      </c>
      <c r="X22" s="206">
        <v>107</v>
      </c>
      <c r="Y22" s="203">
        <v>313</v>
      </c>
      <c r="Z22" s="204">
        <v>470</v>
      </c>
      <c r="AA22" s="205">
        <v>783</v>
      </c>
      <c r="AB22" s="196">
        <v>0</v>
      </c>
      <c r="AC22" s="204">
        <v>967</v>
      </c>
      <c r="AD22" s="204">
        <v>1052</v>
      </c>
      <c r="AE22" s="204">
        <v>647</v>
      </c>
      <c r="AF22" s="204">
        <v>406</v>
      </c>
      <c r="AG22" s="204">
        <v>263</v>
      </c>
      <c r="AH22" s="205">
        <v>3335</v>
      </c>
      <c r="AI22" s="206">
        <v>4118</v>
      </c>
    </row>
    <row r="23" spans="2:35" ht="21" customHeight="1" x14ac:dyDescent="0.2">
      <c r="B23" s="437" t="s">
        <v>22</v>
      </c>
      <c r="C23" s="203">
        <v>69</v>
      </c>
      <c r="D23" s="204">
        <v>177</v>
      </c>
      <c r="E23" s="205">
        <v>246</v>
      </c>
      <c r="F23" s="196">
        <v>0</v>
      </c>
      <c r="G23" s="204">
        <v>355</v>
      </c>
      <c r="H23" s="204">
        <v>368</v>
      </c>
      <c r="I23" s="204">
        <v>183</v>
      </c>
      <c r="J23" s="204">
        <v>139</v>
      </c>
      <c r="K23" s="204">
        <v>79</v>
      </c>
      <c r="L23" s="205">
        <v>1124</v>
      </c>
      <c r="M23" s="206">
        <v>1370</v>
      </c>
      <c r="N23" s="207">
        <v>2</v>
      </c>
      <c r="O23" s="204">
        <v>2</v>
      </c>
      <c r="P23" s="205">
        <v>4</v>
      </c>
      <c r="Q23" s="196">
        <v>0</v>
      </c>
      <c r="R23" s="204">
        <v>6</v>
      </c>
      <c r="S23" s="204">
        <v>10</v>
      </c>
      <c r="T23" s="204">
        <v>4</v>
      </c>
      <c r="U23" s="204">
        <v>3</v>
      </c>
      <c r="V23" s="204">
        <v>3</v>
      </c>
      <c r="W23" s="205">
        <v>26</v>
      </c>
      <c r="X23" s="206">
        <v>30</v>
      </c>
      <c r="Y23" s="203">
        <v>71</v>
      </c>
      <c r="Z23" s="204">
        <v>179</v>
      </c>
      <c r="AA23" s="205">
        <v>250</v>
      </c>
      <c r="AB23" s="196">
        <v>0</v>
      </c>
      <c r="AC23" s="204">
        <v>361</v>
      </c>
      <c r="AD23" s="204">
        <v>378</v>
      </c>
      <c r="AE23" s="204">
        <v>187</v>
      </c>
      <c r="AF23" s="204">
        <v>142</v>
      </c>
      <c r="AG23" s="204">
        <v>82</v>
      </c>
      <c r="AH23" s="205">
        <v>1150</v>
      </c>
      <c r="AI23" s="206">
        <v>1400</v>
      </c>
    </row>
    <row r="24" spans="2:35" ht="21" customHeight="1" x14ac:dyDescent="0.2">
      <c r="B24" s="437" t="s">
        <v>23</v>
      </c>
      <c r="C24" s="203">
        <v>147</v>
      </c>
      <c r="D24" s="204">
        <v>280</v>
      </c>
      <c r="E24" s="205">
        <v>427</v>
      </c>
      <c r="F24" s="196">
        <v>0</v>
      </c>
      <c r="G24" s="204">
        <v>622</v>
      </c>
      <c r="H24" s="204">
        <v>600</v>
      </c>
      <c r="I24" s="204">
        <v>335</v>
      </c>
      <c r="J24" s="204">
        <v>280</v>
      </c>
      <c r="K24" s="204">
        <v>140</v>
      </c>
      <c r="L24" s="205">
        <v>1977</v>
      </c>
      <c r="M24" s="206">
        <v>2404</v>
      </c>
      <c r="N24" s="207">
        <v>7</v>
      </c>
      <c r="O24" s="204">
        <v>8</v>
      </c>
      <c r="P24" s="205">
        <v>15</v>
      </c>
      <c r="Q24" s="196">
        <v>0</v>
      </c>
      <c r="R24" s="204">
        <v>7</v>
      </c>
      <c r="S24" s="204">
        <v>23</v>
      </c>
      <c r="T24" s="204">
        <v>12</v>
      </c>
      <c r="U24" s="204">
        <v>6</v>
      </c>
      <c r="V24" s="204">
        <v>3</v>
      </c>
      <c r="W24" s="205">
        <v>51</v>
      </c>
      <c r="X24" s="206">
        <v>66</v>
      </c>
      <c r="Y24" s="203">
        <v>154</v>
      </c>
      <c r="Z24" s="204">
        <v>288</v>
      </c>
      <c r="AA24" s="205">
        <v>442</v>
      </c>
      <c r="AB24" s="196">
        <v>0</v>
      </c>
      <c r="AC24" s="204">
        <v>629</v>
      </c>
      <c r="AD24" s="204">
        <v>623</v>
      </c>
      <c r="AE24" s="204">
        <v>347</v>
      </c>
      <c r="AF24" s="204">
        <v>286</v>
      </c>
      <c r="AG24" s="204">
        <v>143</v>
      </c>
      <c r="AH24" s="205">
        <v>2028</v>
      </c>
      <c r="AI24" s="206">
        <v>2470</v>
      </c>
    </row>
    <row r="25" spans="2:35" ht="21" customHeight="1" x14ac:dyDescent="0.2">
      <c r="B25" s="437" t="s">
        <v>24</v>
      </c>
      <c r="C25" s="203">
        <v>118</v>
      </c>
      <c r="D25" s="204">
        <v>134</v>
      </c>
      <c r="E25" s="205">
        <v>252</v>
      </c>
      <c r="F25" s="196">
        <v>0</v>
      </c>
      <c r="G25" s="204">
        <v>331</v>
      </c>
      <c r="H25" s="204">
        <v>251</v>
      </c>
      <c r="I25" s="204">
        <v>162</v>
      </c>
      <c r="J25" s="204">
        <v>134</v>
      </c>
      <c r="K25" s="204">
        <v>79</v>
      </c>
      <c r="L25" s="205">
        <v>957</v>
      </c>
      <c r="M25" s="206">
        <v>1209</v>
      </c>
      <c r="N25" s="207">
        <v>1</v>
      </c>
      <c r="O25" s="204">
        <v>0</v>
      </c>
      <c r="P25" s="205">
        <v>1</v>
      </c>
      <c r="Q25" s="196">
        <v>0</v>
      </c>
      <c r="R25" s="204">
        <v>3</v>
      </c>
      <c r="S25" s="204">
        <v>5</v>
      </c>
      <c r="T25" s="204">
        <v>3</v>
      </c>
      <c r="U25" s="204">
        <v>3</v>
      </c>
      <c r="V25" s="204">
        <v>4</v>
      </c>
      <c r="W25" s="205">
        <v>18</v>
      </c>
      <c r="X25" s="206">
        <v>19</v>
      </c>
      <c r="Y25" s="203">
        <v>119</v>
      </c>
      <c r="Z25" s="204">
        <v>134</v>
      </c>
      <c r="AA25" s="205">
        <v>253</v>
      </c>
      <c r="AB25" s="196">
        <v>0</v>
      </c>
      <c r="AC25" s="204">
        <v>334</v>
      </c>
      <c r="AD25" s="204">
        <v>256</v>
      </c>
      <c r="AE25" s="204">
        <v>165</v>
      </c>
      <c r="AF25" s="204">
        <v>137</v>
      </c>
      <c r="AG25" s="204">
        <v>83</v>
      </c>
      <c r="AH25" s="205">
        <v>975</v>
      </c>
      <c r="AI25" s="206">
        <v>1228</v>
      </c>
    </row>
    <row r="26" spans="2:35" ht="21" customHeight="1" x14ac:dyDescent="0.2">
      <c r="B26" s="437" t="s">
        <v>25</v>
      </c>
      <c r="C26" s="203">
        <v>115</v>
      </c>
      <c r="D26" s="204">
        <v>174</v>
      </c>
      <c r="E26" s="205">
        <v>289</v>
      </c>
      <c r="F26" s="196">
        <v>0</v>
      </c>
      <c r="G26" s="204">
        <v>403</v>
      </c>
      <c r="H26" s="204">
        <v>307</v>
      </c>
      <c r="I26" s="204">
        <v>175</v>
      </c>
      <c r="J26" s="204">
        <v>139</v>
      </c>
      <c r="K26" s="204">
        <v>77</v>
      </c>
      <c r="L26" s="205">
        <v>1101</v>
      </c>
      <c r="M26" s="206">
        <v>1390</v>
      </c>
      <c r="N26" s="207">
        <v>1</v>
      </c>
      <c r="O26" s="204">
        <v>6</v>
      </c>
      <c r="P26" s="205">
        <v>7</v>
      </c>
      <c r="Q26" s="196">
        <v>0</v>
      </c>
      <c r="R26" s="204">
        <v>6</v>
      </c>
      <c r="S26" s="204">
        <v>12</v>
      </c>
      <c r="T26" s="204">
        <v>3</v>
      </c>
      <c r="U26" s="204">
        <v>4</v>
      </c>
      <c r="V26" s="204">
        <v>3</v>
      </c>
      <c r="W26" s="205">
        <v>28</v>
      </c>
      <c r="X26" s="206">
        <v>35</v>
      </c>
      <c r="Y26" s="203">
        <v>116</v>
      </c>
      <c r="Z26" s="204">
        <v>180</v>
      </c>
      <c r="AA26" s="205">
        <v>296</v>
      </c>
      <c r="AB26" s="196">
        <v>0</v>
      </c>
      <c r="AC26" s="204">
        <v>409</v>
      </c>
      <c r="AD26" s="204">
        <v>319</v>
      </c>
      <c r="AE26" s="204">
        <v>178</v>
      </c>
      <c r="AF26" s="204">
        <v>143</v>
      </c>
      <c r="AG26" s="204">
        <v>80</v>
      </c>
      <c r="AH26" s="205">
        <v>1129</v>
      </c>
      <c r="AI26" s="206">
        <v>1425</v>
      </c>
    </row>
    <row r="27" spans="2:35" ht="21" customHeight="1" x14ac:dyDescent="0.2">
      <c r="B27" s="437" t="s">
        <v>26</v>
      </c>
      <c r="C27" s="203">
        <v>87</v>
      </c>
      <c r="D27" s="204">
        <v>117</v>
      </c>
      <c r="E27" s="205">
        <v>204</v>
      </c>
      <c r="F27" s="196">
        <v>0</v>
      </c>
      <c r="G27" s="204">
        <v>311</v>
      </c>
      <c r="H27" s="204">
        <v>281</v>
      </c>
      <c r="I27" s="204">
        <v>201</v>
      </c>
      <c r="J27" s="204">
        <v>107</v>
      </c>
      <c r="K27" s="204">
        <v>89</v>
      </c>
      <c r="L27" s="205">
        <v>989</v>
      </c>
      <c r="M27" s="206">
        <v>1193</v>
      </c>
      <c r="N27" s="207">
        <v>2</v>
      </c>
      <c r="O27" s="204">
        <v>1</v>
      </c>
      <c r="P27" s="205">
        <v>3</v>
      </c>
      <c r="Q27" s="196">
        <v>0</v>
      </c>
      <c r="R27" s="204">
        <v>7</v>
      </c>
      <c r="S27" s="204">
        <v>4</v>
      </c>
      <c r="T27" s="204">
        <v>4</v>
      </c>
      <c r="U27" s="204">
        <v>3</v>
      </c>
      <c r="V27" s="204">
        <v>3</v>
      </c>
      <c r="W27" s="205">
        <v>21</v>
      </c>
      <c r="X27" s="206">
        <v>24</v>
      </c>
      <c r="Y27" s="203">
        <v>89</v>
      </c>
      <c r="Z27" s="204">
        <v>118</v>
      </c>
      <c r="AA27" s="205">
        <v>207</v>
      </c>
      <c r="AB27" s="196">
        <v>0</v>
      </c>
      <c r="AC27" s="204">
        <v>318</v>
      </c>
      <c r="AD27" s="204">
        <v>285</v>
      </c>
      <c r="AE27" s="204">
        <v>205</v>
      </c>
      <c r="AF27" s="204">
        <v>110</v>
      </c>
      <c r="AG27" s="204">
        <v>92</v>
      </c>
      <c r="AH27" s="205">
        <v>1010</v>
      </c>
      <c r="AI27" s="206">
        <v>1217</v>
      </c>
    </row>
    <row r="28" spans="2:35" ht="21" customHeight="1" x14ac:dyDescent="0.2">
      <c r="B28" s="437" t="s">
        <v>27</v>
      </c>
      <c r="C28" s="203">
        <v>137</v>
      </c>
      <c r="D28" s="204">
        <v>181</v>
      </c>
      <c r="E28" s="205">
        <v>318</v>
      </c>
      <c r="F28" s="196">
        <v>0</v>
      </c>
      <c r="G28" s="204">
        <v>265</v>
      </c>
      <c r="H28" s="204">
        <v>190</v>
      </c>
      <c r="I28" s="204">
        <v>135</v>
      </c>
      <c r="J28" s="204">
        <v>101</v>
      </c>
      <c r="K28" s="204">
        <v>72</v>
      </c>
      <c r="L28" s="205">
        <v>763</v>
      </c>
      <c r="M28" s="206">
        <v>1081</v>
      </c>
      <c r="N28" s="207">
        <v>3</v>
      </c>
      <c r="O28" s="204">
        <v>1</v>
      </c>
      <c r="P28" s="205">
        <v>4</v>
      </c>
      <c r="Q28" s="196">
        <v>0</v>
      </c>
      <c r="R28" s="204">
        <v>5</v>
      </c>
      <c r="S28" s="204">
        <v>6</v>
      </c>
      <c r="T28" s="204">
        <v>3</v>
      </c>
      <c r="U28" s="204">
        <v>1</v>
      </c>
      <c r="V28" s="204">
        <v>3</v>
      </c>
      <c r="W28" s="205">
        <v>18</v>
      </c>
      <c r="X28" s="206">
        <v>22</v>
      </c>
      <c r="Y28" s="203">
        <v>140</v>
      </c>
      <c r="Z28" s="204">
        <v>182</v>
      </c>
      <c r="AA28" s="205">
        <v>322</v>
      </c>
      <c r="AB28" s="196">
        <v>0</v>
      </c>
      <c r="AC28" s="204">
        <v>270</v>
      </c>
      <c r="AD28" s="204">
        <v>196</v>
      </c>
      <c r="AE28" s="204">
        <v>138</v>
      </c>
      <c r="AF28" s="204">
        <v>102</v>
      </c>
      <c r="AG28" s="204">
        <v>75</v>
      </c>
      <c r="AH28" s="205">
        <v>781</v>
      </c>
      <c r="AI28" s="206">
        <v>1103</v>
      </c>
    </row>
    <row r="29" spans="2:35" ht="21" customHeight="1" x14ac:dyDescent="0.2">
      <c r="B29" s="437" t="s">
        <v>28</v>
      </c>
      <c r="C29" s="203">
        <v>8</v>
      </c>
      <c r="D29" s="204">
        <v>19</v>
      </c>
      <c r="E29" s="205">
        <v>27</v>
      </c>
      <c r="F29" s="196">
        <v>0</v>
      </c>
      <c r="G29" s="204">
        <v>88</v>
      </c>
      <c r="H29" s="204">
        <v>103</v>
      </c>
      <c r="I29" s="204">
        <v>50</v>
      </c>
      <c r="J29" s="204">
        <v>37</v>
      </c>
      <c r="K29" s="204">
        <v>19</v>
      </c>
      <c r="L29" s="205">
        <v>297</v>
      </c>
      <c r="M29" s="206">
        <v>324</v>
      </c>
      <c r="N29" s="207">
        <v>0</v>
      </c>
      <c r="O29" s="204">
        <v>0</v>
      </c>
      <c r="P29" s="205">
        <v>0</v>
      </c>
      <c r="Q29" s="196">
        <v>0</v>
      </c>
      <c r="R29" s="204">
        <v>0</v>
      </c>
      <c r="S29" s="204">
        <v>4</v>
      </c>
      <c r="T29" s="204">
        <v>0</v>
      </c>
      <c r="U29" s="204">
        <v>0</v>
      </c>
      <c r="V29" s="204">
        <v>2</v>
      </c>
      <c r="W29" s="205">
        <v>6</v>
      </c>
      <c r="X29" s="206">
        <v>6</v>
      </c>
      <c r="Y29" s="203">
        <v>8</v>
      </c>
      <c r="Z29" s="204">
        <v>19</v>
      </c>
      <c r="AA29" s="205">
        <v>27</v>
      </c>
      <c r="AB29" s="196">
        <v>0</v>
      </c>
      <c r="AC29" s="204">
        <v>88</v>
      </c>
      <c r="AD29" s="204">
        <v>107</v>
      </c>
      <c r="AE29" s="204">
        <v>50</v>
      </c>
      <c r="AF29" s="204">
        <v>37</v>
      </c>
      <c r="AG29" s="204">
        <v>21</v>
      </c>
      <c r="AH29" s="205">
        <v>303</v>
      </c>
      <c r="AI29" s="206">
        <v>330</v>
      </c>
    </row>
    <row r="30" spans="2:35" ht="21" customHeight="1" x14ac:dyDescent="0.2">
      <c r="B30" s="437" t="s">
        <v>29</v>
      </c>
      <c r="C30" s="203">
        <v>34</v>
      </c>
      <c r="D30" s="204">
        <v>44</v>
      </c>
      <c r="E30" s="205">
        <v>78</v>
      </c>
      <c r="F30" s="196">
        <v>0</v>
      </c>
      <c r="G30" s="204">
        <v>105</v>
      </c>
      <c r="H30" s="204">
        <v>96</v>
      </c>
      <c r="I30" s="204">
        <v>78</v>
      </c>
      <c r="J30" s="204">
        <v>46</v>
      </c>
      <c r="K30" s="204">
        <v>30</v>
      </c>
      <c r="L30" s="205">
        <v>355</v>
      </c>
      <c r="M30" s="206">
        <v>433</v>
      </c>
      <c r="N30" s="207">
        <v>1</v>
      </c>
      <c r="O30" s="204">
        <v>2</v>
      </c>
      <c r="P30" s="205">
        <v>3</v>
      </c>
      <c r="Q30" s="196">
        <v>0</v>
      </c>
      <c r="R30" s="204">
        <v>4</v>
      </c>
      <c r="S30" s="204">
        <v>2</v>
      </c>
      <c r="T30" s="204">
        <v>3</v>
      </c>
      <c r="U30" s="204">
        <v>0</v>
      </c>
      <c r="V30" s="204">
        <v>3</v>
      </c>
      <c r="W30" s="205">
        <v>12</v>
      </c>
      <c r="X30" s="206">
        <v>15</v>
      </c>
      <c r="Y30" s="203">
        <v>35</v>
      </c>
      <c r="Z30" s="204">
        <v>46</v>
      </c>
      <c r="AA30" s="205">
        <v>81</v>
      </c>
      <c r="AB30" s="196">
        <v>0</v>
      </c>
      <c r="AC30" s="204">
        <v>109</v>
      </c>
      <c r="AD30" s="204">
        <v>98</v>
      </c>
      <c r="AE30" s="204">
        <v>81</v>
      </c>
      <c r="AF30" s="204">
        <v>46</v>
      </c>
      <c r="AG30" s="204">
        <v>33</v>
      </c>
      <c r="AH30" s="205">
        <v>367</v>
      </c>
      <c r="AI30" s="206">
        <v>448</v>
      </c>
    </row>
    <row r="31" spans="2:35" ht="21" customHeight="1" x14ac:dyDescent="0.2">
      <c r="B31" s="437" t="s">
        <v>30</v>
      </c>
      <c r="C31" s="203">
        <v>44</v>
      </c>
      <c r="D31" s="204">
        <v>33</v>
      </c>
      <c r="E31" s="205">
        <v>77</v>
      </c>
      <c r="F31" s="196">
        <v>0</v>
      </c>
      <c r="G31" s="204">
        <v>101</v>
      </c>
      <c r="H31" s="204">
        <v>66</v>
      </c>
      <c r="I31" s="204">
        <v>51</v>
      </c>
      <c r="J31" s="204">
        <v>45</v>
      </c>
      <c r="K31" s="204">
        <v>16</v>
      </c>
      <c r="L31" s="205">
        <v>279</v>
      </c>
      <c r="M31" s="206">
        <v>356</v>
      </c>
      <c r="N31" s="207">
        <v>0</v>
      </c>
      <c r="O31" s="204">
        <v>1</v>
      </c>
      <c r="P31" s="205">
        <v>1</v>
      </c>
      <c r="Q31" s="196">
        <v>0</v>
      </c>
      <c r="R31" s="204">
        <v>2</v>
      </c>
      <c r="S31" s="204">
        <v>2</v>
      </c>
      <c r="T31" s="204">
        <v>3</v>
      </c>
      <c r="U31" s="204">
        <v>2</v>
      </c>
      <c r="V31" s="204">
        <v>0</v>
      </c>
      <c r="W31" s="205">
        <v>9</v>
      </c>
      <c r="X31" s="206">
        <v>10</v>
      </c>
      <c r="Y31" s="203">
        <v>44</v>
      </c>
      <c r="Z31" s="204">
        <v>34</v>
      </c>
      <c r="AA31" s="205">
        <v>78</v>
      </c>
      <c r="AB31" s="196">
        <v>0</v>
      </c>
      <c r="AC31" s="204">
        <v>103</v>
      </c>
      <c r="AD31" s="204">
        <v>68</v>
      </c>
      <c r="AE31" s="204">
        <v>54</v>
      </c>
      <c r="AF31" s="204">
        <v>47</v>
      </c>
      <c r="AG31" s="204">
        <v>16</v>
      </c>
      <c r="AH31" s="205">
        <v>288</v>
      </c>
      <c r="AI31" s="206">
        <v>366</v>
      </c>
    </row>
    <row r="32" spans="2:35" ht="21" customHeight="1" x14ac:dyDescent="0.2">
      <c r="B32" s="437" t="s">
        <v>31</v>
      </c>
      <c r="C32" s="203">
        <v>25</v>
      </c>
      <c r="D32" s="204">
        <v>58</v>
      </c>
      <c r="E32" s="205">
        <v>83</v>
      </c>
      <c r="F32" s="196">
        <v>0</v>
      </c>
      <c r="G32" s="204">
        <v>106</v>
      </c>
      <c r="H32" s="204">
        <v>103</v>
      </c>
      <c r="I32" s="204">
        <v>54</v>
      </c>
      <c r="J32" s="204">
        <v>40</v>
      </c>
      <c r="K32" s="204">
        <v>18</v>
      </c>
      <c r="L32" s="205">
        <v>321</v>
      </c>
      <c r="M32" s="206">
        <v>404</v>
      </c>
      <c r="N32" s="207">
        <v>0</v>
      </c>
      <c r="O32" s="204">
        <v>3</v>
      </c>
      <c r="P32" s="205">
        <v>3</v>
      </c>
      <c r="Q32" s="196">
        <v>0</v>
      </c>
      <c r="R32" s="204">
        <v>2</v>
      </c>
      <c r="S32" s="204">
        <v>0</v>
      </c>
      <c r="T32" s="204">
        <v>0</v>
      </c>
      <c r="U32" s="204">
        <v>2</v>
      </c>
      <c r="V32" s="204">
        <v>1</v>
      </c>
      <c r="W32" s="205">
        <v>5</v>
      </c>
      <c r="X32" s="206">
        <v>8</v>
      </c>
      <c r="Y32" s="203">
        <v>25</v>
      </c>
      <c r="Z32" s="204">
        <v>61</v>
      </c>
      <c r="AA32" s="205">
        <v>86</v>
      </c>
      <c r="AB32" s="196">
        <v>0</v>
      </c>
      <c r="AC32" s="204">
        <v>108</v>
      </c>
      <c r="AD32" s="204">
        <v>103</v>
      </c>
      <c r="AE32" s="204">
        <v>54</v>
      </c>
      <c r="AF32" s="204">
        <v>42</v>
      </c>
      <c r="AG32" s="204">
        <v>19</v>
      </c>
      <c r="AH32" s="205">
        <v>326</v>
      </c>
      <c r="AI32" s="206">
        <v>412</v>
      </c>
    </row>
    <row r="33" spans="2:35" ht="21" customHeight="1" x14ac:dyDescent="0.2">
      <c r="B33" s="437" t="s">
        <v>32</v>
      </c>
      <c r="C33" s="203">
        <v>31</v>
      </c>
      <c r="D33" s="204">
        <v>56</v>
      </c>
      <c r="E33" s="205">
        <v>87</v>
      </c>
      <c r="F33" s="196">
        <v>0</v>
      </c>
      <c r="G33" s="204">
        <v>155</v>
      </c>
      <c r="H33" s="204">
        <v>117</v>
      </c>
      <c r="I33" s="204">
        <v>71</v>
      </c>
      <c r="J33" s="204">
        <v>53</v>
      </c>
      <c r="K33" s="204">
        <v>26</v>
      </c>
      <c r="L33" s="205">
        <v>422</v>
      </c>
      <c r="M33" s="206">
        <v>509</v>
      </c>
      <c r="N33" s="207">
        <v>0</v>
      </c>
      <c r="O33" s="204">
        <v>2</v>
      </c>
      <c r="P33" s="205">
        <v>2</v>
      </c>
      <c r="Q33" s="196">
        <v>0</v>
      </c>
      <c r="R33" s="204">
        <v>2</v>
      </c>
      <c r="S33" s="204">
        <v>7</v>
      </c>
      <c r="T33" s="204">
        <v>1</v>
      </c>
      <c r="U33" s="204">
        <v>2</v>
      </c>
      <c r="V33" s="204">
        <v>2</v>
      </c>
      <c r="W33" s="205">
        <v>14</v>
      </c>
      <c r="X33" s="206">
        <v>16</v>
      </c>
      <c r="Y33" s="203">
        <v>31</v>
      </c>
      <c r="Z33" s="204">
        <v>58</v>
      </c>
      <c r="AA33" s="205">
        <v>89</v>
      </c>
      <c r="AB33" s="196">
        <v>0</v>
      </c>
      <c r="AC33" s="204">
        <v>157</v>
      </c>
      <c r="AD33" s="204">
        <v>124</v>
      </c>
      <c r="AE33" s="204">
        <v>72</v>
      </c>
      <c r="AF33" s="204">
        <v>55</v>
      </c>
      <c r="AG33" s="204">
        <v>28</v>
      </c>
      <c r="AH33" s="205">
        <v>436</v>
      </c>
      <c r="AI33" s="206">
        <v>525</v>
      </c>
    </row>
    <row r="34" spans="2:35" ht="21" customHeight="1" x14ac:dyDescent="0.2">
      <c r="B34" s="437" t="s">
        <v>33</v>
      </c>
      <c r="C34" s="203">
        <v>39</v>
      </c>
      <c r="D34" s="204">
        <v>64</v>
      </c>
      <c r="E34" s="205">
        <v>103</v>
      </c>
      <c r="F34" s="196">
        <v>0</v>
      </c>
      <c r="G34" s="204">
        <v>106</v>
      </c>
      <c r="H34" s="204">
        <v>59</v>
      </c>
      <c r="I34" s="204">
        <v>56</v>
      </c>
      <c r="J34" s="204">
        <v>24</v>
      </c>
      <c r="K34" s="204">
        <v>28</v>
      </c>
      <c r="L34" s="205">
        <v>273</v>
      </c>
      <c r="M34" s="206">
        <v>376</v>
      </c>
      <c r="N34" s="207">
        <v>0</v>
      </c>
      <c r="O34" s="204">
        <v>0</v>
      </c>
      <c r="P34" s="205">
        <v>0</v>
      </c>
      <c r="Q34" s="196">
        <v>0</v>
      </c>
      <c r="R34" s="204">
        <v>2</v>
      </c>
      <c r="S34" s="204">
        <v>0</v>
      </c>
      <c r="T34" s="204">
        <v>0</v>
      </c>
      <c r="U34" s="204">
        <v>0</v>
      </c>
      <c r="V34" s="204">
        <v>1</v>
      </c>
      <c r="W34" s="205">
        <v>3</v>
      </c>
      <c r="X34" s="206">
        <v>3</v>
      </c>
      <c r="Y34" s="203">
        <v>39</v>
      </c>
      <c r="Z34" s="204">
        <v>64</v>
      </c>
      <c r="AA34" s="205">
        <v>103</v>
      </c>
      <c r="AB34" s="196">
        <v>0</v>
      </c>
      <c r="AC34" s="204">
        <v>108</v>
      </c>
      <c r="AD34" s="204">
        <v>59</v>
      </c>
      <c r="AE34" s="204">
        <v>56</v>
      </c>
      <c r="AF34" s="204">
        <v>24</v>
      </c>
      <c r="AG34" s="204">
        <v>29</v>
      </c>
      <c r="AH34" s="205">
        <v>276</v>
      </c>
      <c r="AI34" s="206">
        <v>379</v>
      </c>
    </row>
    <row r="35" spans="2:35" ht="21" customHeight="1" x14ac:dyDescent="0.2">
      <c r="B35" s="437" t="s">
        <v>34</v>
      </c>
      <c r="C35" s="203">
        <v>18</v>
      </c>
      <c r="D35" s="204">
        <v>31</v>
      </c>
      <c r="E35" s="205">
        <v>49</v>
      </c>
      <c r="F35" s="196">
        <v>0</v>
      </c>
      <c r="G35" s="204">
        <v>101</v>
      </c>
      <c r="H35" s="204">
        <v>67</v>
      </c>
      <c r="I35" s="204">
        <v>37</v>
      </c>
      <c r="J35" s="204">
        <v>30</v>
      </c>
      <c r="K35" s="204">
        <v>14</v>
      </c>
      <c r="L35" s="205">
        <v>249</v>
      </c>
      <c r="M35" s="206">
        <v>298</v>
      </c>
      <c r="N35" s="207">
        <v>0</v>
      </c>
      <c r="O35" s="204">
        <v>1</v>
      </c>
      <c r="P35" s="205">
        <v>1</v>
      </c>
      <c r="Q35" s="196">
        <v>0</v>
      </c>
      <c r="R35" s="204">
        <v>3</v>
      </c>
      <c r="S35" s="204">
        <v>2</v>
      </c>
      <c r="T35" s="204">
        <v>1</v>
      </c>
      <c r="U35" s="204">
        <v>1</v>
      </c>
      <c r="V35" s="204">
        <v>1</v>
      </c>
      <c r="W35" s="205">
        <v>8</v>
      </c>
      <c r="X35" s="206">
        <v>9</v>
      </c>
      <c r="Y35" s="203">
        <v>18</v>
      </c>
      <c r="Z35" s="204">
        <v>32</v>
      </c>
      <c r="AA35" s="205">
        <v>50</v>
      </c>
      <c r="AB35" s="196">
        <v>0</v>
      </c>
      <c r="AC35" s="204">
        <v>104</v>
      </c>
      <c r="AD35" s="204">
        <v>69</v>
      </c>
      <c r="AE35" s="204">
        <v>38</v>
      </c>
      <c r="AF35" s="204">
        <v>31</v>
      </c>
      <c r="AG35" s="204">
        <v>15</v>
      </c>
      <c r="AH35" s="205">
        <v>257</v>
      </c>
      <c r="AI35" s="206">
        <v>307</v>
      </c>
    </row>
    <row r="36" spans="2:35" ht="21" customHeight="1" x14ac:dyDescent="0.2">
      <c r="B36" s="437" t="s">
        <v>35</v>
      </c>
      <c r="C36" s="203">
        <v>83</v>
      </c>
      <c r="D36" s="204">
        <v>128</v>
      </c>
      <c r="E36" s="205">
        <v>211</v>
      </c>
      <c r="F36" s="196">
        <v>0</v>
      </c>
      <c r="G36" s="204">
        <v>378</v>
      </c>
      <c r="H36" s="204">
        <v>195</v>
      </c>
      <c r="I36" s="204">
        <v>159</v>
      </c>
      <c r="J36" s="204">
        <v>119</v>
      </c>
      <c r="K36" s="204">
        <v>53</v>
      </c>
      <c r="L36" s="205">
        <v>904</v>
      </c>
      <c r="M36" s="206">
        <v>1115</v>
      </c>
      <c r="N36" s="207">
        <v>0</v>
      </c>
      <c r="O36" s="204">
        <v>1</v>
      </c>
      <c r="P36" s="205">
        <v>1</v>
      </c>
      <c r="Q36" s="196">
        <v>0</v>
      </c>
      <c r="R36" s="204">
        <v>4</v>
      </c>
      <c r="S36" s="204">
        <v>5</v>
      </c>
      <c r="T36" s="204">
        <v>3</v>
      </c>
      <c r="U36" s="204">
        <v>1</v>
      </c>
      <c r="V36" s="204">
        <v>2</v>
      </c>
      <c r="W36" s="205">
        <v>15</v>
      </c>
      <c r="X36" s="206">
        <v>16</v>
      </c>
      <c r="Y36" s="203">
        <v>83</v>
      </c>
      <c r="Z36" s="204">
        <v>129</v>
      </c>
      <c r="AA36" s="205">
        <v>212</v>
      </c>
      <c r="AB36" s="196">
        <v>0</v>
      </c>
      <c r="AC36" s="204">
        <v>382</v>
      </c>
      <c r="AD36" s="204">
        <v>200</v>
      </c>
      <c r="AE36" s="204">
        <v>162</v>
      </c>
      <c r="AF36" s="204">
        <v>120</v>
      </c>
      <c r="AG36" s="204">
        <v>55</v>
      </c>
      <c r="AH36" s="205">
        <v>919</v>
      </c>
      <c r="AI36" s="206">
        <v>1131</v>
      </c>
    </row>
    <row r="37" spans="2:35" ht="21" customHeight="1" x14ac:dyDescent="0.2">
      <c r="B37" s="437" t="s">
        <v>36</v>
      </c>
      <c r="C37" s="203">
        <v>49</v>
      </c>
      <c r="D37" s="204">
        <v>132</v>
      </c>
      <c r="E37" s="205">
        <v>181</v>
      </c>
      <c r="F37" s="196">
        <v>0</v>
      </c>
      <c r="G37" s="204">
        <v>298</v>
      </c>
      <c r="H37" s="204">
        <v>283</v>
      </c>
      <c r="I37" s="204">
        <v>165</v>
      </c>
      <c r="J37" s="204">
        <v>110</v>
      </c>
      <c r="K37" s="204">
        <v>83</v>
      </c>
      <c r="L37" s="205">
        <v>939</v>
      </c>
      <c r="M37" s="206">
        <v>1120</v>
      </c>
      <c r="N37" s="207">
        <v>1</v>
      </c>
      <c r="O37" s="204">
        <v>3</v>
      </c>
      <c r="P37" s="205">
        <v>4</v>
      </c>
      <c r="Q37" s="196">
        <v>0</v>
      </c>
      <c r="R37" s="204">
        <v>6</v>
      </c>
      <c r="S37" s="204">
        <v>6</v>
      </c>
      <c r="T37" s="204">
        <v>6</v>
      </c>
      <c r="U37" s="204">
        <v>2</v>
      </c>
      <c r="V37" s="204">
        <v>2</v>
      </c>
      <c r="W37" s="205">
        <v>22</v>
      </c>
      <c r="X37" s="206">
        <v>26</v>
      </c>
      <c r="Y37" s="203">
        <v>50</v>
      </c>
      <c r="Z37" s="204">
        <v>135</v>
      </c>
      <c r="AA37" s="205">
        <v>185</v>
      </c>
      <c r="AB37" s="196">
        <v>0</v>
      </c>
      <c r="AC37" s="204">
        <v>304</v>
      </c>
      <c r="AD37" s="204">
        <v>289</v>
      </c>
      <c r="AE37" s="204">
        <v>171</v>
      </c>
      <c r="AF37" s="204">
        <v>112</v>
      </c>
      <c r="AG37" s="204">
        <v>85</v>
      </c>
      <c r="AH37" s="205">
        <v>961</v>
      </c>
      <c r="AI37" s="206">
        <v>1146</v>
      </c>
    </row>
    <row r="38" spans="2:35" ht="21" customHeight="1" thickBot="1" x14ac:dyDescent="0.25">
      <c r="B38" s="438" t="s">
        <v>37</v>
      </c>
      <c r="C38" s="208">
        <v>20</v>
      </c>
      <c r="D38" s="209">
        <v>1</v>
      </c>
      <c r="E38" s="210">
        <v>21</v>
      </c>
      <c r="F38" s="197">
        <v>0</v>
      </c>
      <c r="G38" s="209">
        <v>30</v>
      </c>
      <c r="H38" s="209">
        <v>16</v>
      </c>
      <c r="I38" s="209">
        <v>19</v>
      </c>
      <c r="J38" s="209">
        <v>13</v>
      </c>
      <c r="K38" s="209">
        <v>7</v>
      </c>
      <c r="L38" s="210">
        <v>85</v>
      </c>
      <c r="M38" s="211">
        <v>106</v>
      </c>
      <c r="N38" s="212">
        <v>0</v>
      </c>
      <c r="O38" s="209">
        <v>0</v>
      </c>
      <c r="P38" s="210">
        <v>0</v>
      </c>
      <c r="Q38" s="197">
        <v>0</v>
      </c>
      <c r="R38" s="209">
        <v>0</v>
      </c>
      <c r="S38" s="209">
        <v>3</v>
      </c>
      <c r="T38" s="209">
        <v>0</v>
      </c>
      <c r="U38" s="209">
        <v>1</v>
      </c>
      <c r="V38" s="209">
        <v>0</v>
      </c>
      <c r="W38" s="210">
        <v>4</v>
      </c>
      <c r="X38" s="211">
        <v>4</v>
      </c>
      <c r="Y38" s="208">
        <v>20</v>
      </c>
      <c r="Z38" s="209">
        <v>1</v>
      </c>
      <c r="AA38" s="210">
        <v>21</v>
      </c>
      <c r="AB38" s="197">
        <v>0</v>
      </c>
      <c r="AC38" s="209">
        <v>30</v>
      </c>
      <c r="AD38" s="209">
        <v>19</v>
      </c>
      <c r="AE38" s="209">
        <v>19</v>
      </c>
      <c r="AF38" s="209">
        <v>14</v>
      </c>
      <c r="AG38" s="209">
        <v>7</v>
      </c>
      <c r="AH38" s="210">
        <v>89</v>
      </c>
      <c r="AI38" s="211">
        <v>110</v>
      </c>
    </row>
    <row r="39" spans="2:35" x14ac:dyDescent="0.2">
      <c r="AA39" s="16"/>
      <c r="AB39" s="16"/>
      <c r="AC39" s="16"/>
      <c r="AD39" s="16"/>
      <c r="AE39" s="16"/>
      <c r="AF39" s="16"/>
      <c r="AG39" s="16"/>
      <c r="AH39" s="16"/>
      <c r="AI39" s="16"/>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38" customWidth="1"/>
    <col min="2" max="2" width="9.77734375" style="238" customWidth="1"/>
    <col min="3" max="4" width="9" style="238"/>
    <col min="5" max="5" width="10.33203125" style="238" customWidth="1"/>
    <col min="6" max="6" width="7.6640625" style="238" customWidth="1"/>
    <col min="7" max="7" width="10.21875" style="238" customWidth="1"/>
    <col min="8" max="8" width="10.44140625" style="238" customWidth="1"/>
    <col min="9" max="16" width="9" style="238"/>
    <col min="17" max="17" width="7.21875" style="238" customWidth="1"/>
    <col min="18" max="27" width="9" style="238"/>
    <col min="28" max="28" width="7.6640625" style="238" customWidth="1"/>
    <col min="29" max="38" width="9" style="238"/>
    <col min="39" max="39" width="7.6640625" style="238" customWidth="1"/>
    <col min="40" max="49" width="9" style="238"/>
    <col min="50" max="50" width="7.21875" style="238" customWidth="1"/>
    <col min="51" max="60" width="9" style="238"/>
    <col min="61" max="61" width="7.21875" style="238" customWidth="1"/>
    <col min="62" max="71" width="9" style="238"/>
    <col min="72" max="72" width="7.33203125" style="238" customWidth="1"/>
    <col min="73" max="82" width="9" style="238"/>
    <col min="83" max="83" width="7.44140625" style="238" customWidth="1"/>
    <col min="84" max="93" width="9" style="238"/>
    <col min="94" max="94" width="7.6640625" style="238" customWidth="1"/>
    <col min="95" max="104" width="9" style="238"/>
    <col min="105" max="105" width="7.44140625" style="238" customWidth="1"/>
    <col min="106" max="115" width="9" style="238"/>
    <col min="116" max="116" width="7.44140625" style="238" customWidth="1"/>
    <col min="117" max="126" width="9" style="238"/>
    <col min="127" max="127" width="7.44140625" style="238" customWidth="1"/>
    <col min="128" max="137" width="9" style="238"/>
    <col min="138" max="138" width="7.33203125" style="238" customWidth="1"/>
    <col min="139" max="148" width="9" style="238"/>
    <col min="149" max="149" width="7.77734375" style="238" customWidth="1"/>
    <col min="150" max="16384" width="9" style="238"/>
  </cols>
  <sheetData>
    <row r="1" spans="2:156" ht="24" customHeight="1" x14ac:dyDescent="0.2">
      <c r="B1" s="267" t="s">
        <v>121</v>
      </c>
      <c r="I1" s="495">
        <f>第１表!F2</f>
        <v>6</v>
      </c>
      <c r="J1" s="495"/>
      <c r="K1" s="231">
        <f>第１表!G2</f>
        <v>2</v>
      </c>
      <c r="L1" s="499">
        <f>IF(K1&lt;3,K1+12-2,K1-2)</f>
        <v>12</v>
      </c>
      <c r="M1" s="499"/>
    </row>
    <row r="2" spans="2:156" ht="24" customHeight="1" thickBot="1" x14ac:dyDescent="0.25">
      <c r="B2" s="267" t="s">
        <v>136</v>
      </c>
      <c r="G2" s="230"/>
      <c r="H2" s="231"/>
      <c r="J2" s="237"/>
      <c r="K2" s="237"/>
    </row>
    <row r="3" spans="2:156" ht="21" customHeight="1" thickBot="1" x14ac:dyDescent="0.25">
      <c r="B3" s="512"/>
      <c r="C3" s="503" t="s">
        <v>70</v>
      </c>
      <c r="D3" s="504"/>
      <c r="E3" s="504"/>
      <c r="F3" s="504"/>
      <c r="G3" s="504"/>
      <c r="H3" s="504"/>
      <c r="I3" s="504"/>
      <c r="J3" s="504"/>
      <c r="K3" s="504"/>
      <c r="L3" s="504"/>
      <c r="M3" s="505"/>
      <c r="N3" s="503" t="s">
        <v>71</v>
      </c>
      <c r="O3" s="504"/>
      <c r="P3" s="504"/>
      <c r="Q3" s="504"/>
      <c r="R3" s="504"/>
      <c r="S3" s="504"/>
      <c r="T3" s="504"/>
      <c r="U3" s="504"/>
      <c r="V3" s="504"/>
      <c r="W3" s="504"/>
      <c r="X3" s="505"/>
      <c r="Y3" s="503" t="s">
        <v>72</v>
      </c>
      <c r="Z3" s="504"/>
      <c r="AA3" s="504"/>
      <c r="AB3" s="504"/>
      <c r="AC3" s="504"/>
      <c r="AD3" s="504"/>
      <c r="AE3" s="504"/>
      <c r="AF3" s="504"/>
      <c r="AG3" s="504"/>
      <c r="AH3" s="504"/>
      <c r="AI3" s="505"/>
      <c r="AJ3" s="503" t="s">
        <v>73</v>
      </c>
      <c r="AK3" s="504"/>
      <c r="AL3" s="504"/>
      <c r="AM3" s="504"/>
      <c r="AN3" s="504"/>
      <c r="AO3" s="504"/>
      <c r="AP3" s="504"/>
      <c r="AQ3" s="504"/>
      <c r="AR3" s="504"/>
      <c r="AS3" s="504"/>
      <c r="AT3" s="505"/>
      <c r="AU3" s="503" t="s">
        <v>74</v>
      </c>
      <c r="AV3" s="504"/>
      <c r="AW3" s="504"/>
      <c r="AX3" s="504"/>
      <c r="AY3" s="504"/>
      <c r="AZ3" s="504"/>
      <c r="BA3" s="504"/>
      <c r="BB3" s="504"/>
      <c r="BC3" s="504"/>
      <c r="BD3" s="504"/>
      <c r="BE3" s="505"/>
      <c r="BF3" s="503" t="s">
        <v>75</v>
      </c>
      <c r="BG3" s="504"/>
      <c r="BH3" s="504"/>
      <c r="BI3" s="504"/>
      <c r="BJ3" s="504"/>
      <c r="BK3" s="504"/>
      <c r="BL3" s="504"/>
      <c r="BM3" s="504"/>
      <c r="BN3" s="504"/>
      <c r="BO3" s="504"/>
      <c r="BP3" s="505"/>
      <c r="BQ3" s="503" t="s">
        <v>76</v>
      </c>
      <c r="BR3" s="504"/>
      <c r="BS3" s="504"/>
      <c r="BT3" s="504"/>
      <c r="BU3" s="504"/>
      <c r="BV3" s="504"/>
      <c r="BW3" s="504"/>
      <c r="BX3" s="504"/>
      <c r="BY3" s="504"/>
      <c r="BZ3" s="504"/>
      <c r="CA3" s="505"/>
      <c r="CB3" s="503" t="s">
        <v>77</v>
      </c>
      <c r="CC3" s="504"/>
      <c r="CD3" s="504"/>
      <c r="CE3" s="504"/>
      <c r="CF3" s="504"/>
      <c r="CG3" s="504"/>
      <c r="CH3" s="504"/>
      <c r="CI3" s="504"/>
      <c r="CJ3" s="504"/>
      <c r="CK3" s="504"/>
      <c r="CL3" s="505"/>
      <c r="CM3" s="503" t="s">
        <v>78</v>
      </c>
      <c r="CN3" s="504"/>
      <c r="CO3" s="504"/>
      <c r="CP3" s="504"/>
      <c r="CQ3" s="504"/>
      <c r="CR3" s="504"/>
      <c r="CS3" s="504"/>
      <c r="CT3" s="504"/>
      <c r="CU3" s="504"/>
      <c r="CV3" s="504"/>
      <c r="CW3" s="505"/>
      <c r="CX3" s="503" t="s">
        <v>79</v>
      </c>
      <c r="CY3" s="504"/>
      <c r="CZ3" s="504"/>
      <c r="DA3" s="504"/>
      <c r="DB3" s="504"/>
      <c r="DC3" s="504"/>
      <c r="DD3" s="504"/>
      <c r="DE3" s="504"/>
      <c r="DF3" s="504"/>
      <c r="DG3" s="504"/>
      <c r="DH3" s="505"/>
      <c r="DI3" s="503" t="s">
        <v>150</v>
      </c>
      <c r="DJ3" s="504"/>
      <c r="DK3" s="504"/>
      <c r="DL3" s="504"/>
      <c r="DM3" s="504"/>
      <c r="DN3" s="504"/>
      <c r="DO3" s="504"/>
      <c r="DP3" s="504"/>
      <c r="DQ3" s="504"/>
      <c r="DR3" s="504"/>
      <c r="DS3" s="505"/>
      <c r="DT3" s="503" t="s">
        <v>80</v>
      </c>
      <c r="DU3" s="504"/>
      <c r="DV3" s="504"/>
      <c r="DW3" s="504"/>
      <c r="DX3" s="504"/>
      <c r="DY3" s="504"/>
      <c r="DZ3" s="504"/>
      <c r="EA3" s="504"/>
      <c r="EB3" s="504"/>
      <c r="EC3" s="504"/>
      <c r="ED3" s="505"/>
      <c r="EE3" s="503" t="s">
        <v>68</v>
      </c>
      <c r="EF3" s="504"/>
      <c r="EG3" s="504"/>
      <c r="EH3" s="504"/>
      <c r="EI3" s="504"/>
      <c r="EJ3" s="504"/>
      <c r="EK3" s="504"/>
      <c r="EL3" s="504"/>
      <c r="EM3" s="504"/>
      <c r="EN3" s="504"/>
      <c r="EO3" s="505"/>
      <c r="EP3" s="500" t="s">
        <v>69</v>
      </c>
      <c r="EQ3" s="501"/>
      <c r="ER3" s="501"/>
      <c r="ES3" s="501"/>
      <c r="ET3" s="501"/>
      <c r="EU3" s="501"/>
      <c r="EV3" s="501"/>
      <c r="EW3" s="501"/>
      <c r="EX3" s="501"/>
      <c r="EY3" s="501"/>
      <c r="EZ3" s="502"/>
    </row>
    <row r="4" spans="2:156"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08"/>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c r="DI4" s="511" t="s">
        <v>61</v>
      </c>
      <c r="DJ4" s="507"/>
      <c r="DK4" s="508"/>
      <c r="DL4" s="506" t="s">
        <v>62</v>
      </c>
      <c r="DM4" s="507"/>
      <c r="DN4" s="507"/>
      <c r="DO4" s="507"/>
      <c r="DP4" s="507"/>
      <c r="DQ4" s="507"/>
      <c r="DR4" s="508"/>
      <c r="DS4" s="509" t="s">
        <v>52</v>
      </c>
      <c r="DT4" s="511" t="s">
        <v>61</v>
      </c>
      <c r="DU4" s="507"/>
      <c r="DV4" s="508"/>
      <c r="DW4" s="506" t="s">
        <v>62</v>
      </c>
      <c r="DX4" s="507"/>
      <c r="DY4" s="507"/>
      <c r="DZ4" s="507"/>
      <c r="EA4" s="507"/>
      <c r="EB4" s="507"/>
      <c r="EC4" s="508"/>
      <c r="ED4" s="509" t="s">
        <v>52</v>
      </c>
      <c r="EE4" s="511" t="s">
        <v>61</v>
      </c>
      <c r="EF4" s="507"/>
      <c r="EG4" s="508"/>
      <c r="EH4" s="506" t="s">
        <v>62</v>
      </c>
      <c r="EI4" s="507"/>
      <c r="EJ4" s="507"/>
      <c r="EK4" s="507"/>
      <c r="EL4" s="507"/>
      <c r="EM4" s="507"/>
      <c r="EN4" s="508"/>
      <c r="EO4" s="509" t="s">
        <v>52</v>
      </c>
      <c r="EP4" s="511" t="s">
        <v>61</v>
      </c>
      <c r="EQ4" s="507"/>
      <c r="ER4" s="508"/>
      <c r="ES4" s="506" t="s">
        <v>62</v>
      </c>
      <c r="ET4" s="507"/>
      <c r="EU4" s="507"/>
      <c r="EV4" s="507"/>
      <c r="EW4" s="507"/>
      <c r="EX4" s="507"/>
      <c r="EY4" s="508"/>
      <c r="EZ4" s="509" t="s">
        <v>52</v>
      </c>
    </row>
    <row r="5" spans="2:156" ht="30" customHeight="1" thickBot="1" x14ac:dyDescent="0.25">
      <c r="B5" s="514"/>
      <c r="C5" s="240" t="s">
        <v>43</v>
      </c>
      <c r="D5" s="239" t="s">
        <v>44</v>
      </c>
      <c r="E5" s="338" t="s">
        <v>45</v>
      </c>
      <c r="F5" s="244" t="s">
        <v>83</v>
      </c>
      <c r="G5" s="239" t="s">
        <v>47</v>
      </c>
      <c r="H5" s="239" t="s">
        <v>48</v>
      </c>
      <c r="I5" s="239" t="s">
        <v>49</v>
      </c>
      <c r="J5" s="239" t="s">
        <v>50</v>
      </c>
      <c r="K5" s="239" t="s">
        <v>51</v>
      </c>
      <c r="L5" s="245" t="s">
        <v>45</v>
      </c>
      <c r="M5" s="510"/>
      <c r="N5" s="240" t="s">
        <v>43</v>
      </c>
      <c r="O5" s="239" t="s">
        <v>44</v>
      </c>
      <c r="P5" s="242" t="s">
        <v>45</v>
      </c>
      <c r="Q5" s="244" t="s">
        <v>83</v>
      </c>
      <c r="R5" s="239" t="s">
        <v>47</v>
      </c>
      <c r="S5" s="239" t="s">
        <v>48</v>
      </c>
      <c r="T5" s="239" t="s">
        <v>49</v>
      </c>
      <c r="U5" s="239" t="s">
        <v>50</v>
      </c>
      <c r="V5" s="239" t="s">
        <v>51</v>
      </c>
      <c r="W5" s="242" t="s">
        <v>45</v>
      </c>
      <c r="X5" s="510"/>
      <c r="Y5" s="240" t="s">
        <v>43</v>
      </c>
      <c r="Z5" s="239" t="s">
        <v>44</v>
      </c>
      <c r="AA5" s="242" t="s">
        <v>45</v>
      </c>
      <c r="AB5" s="244" t="s">
        <v>83</v>
      </c>
      <c r="AC5" s="239" t="s">
        <v>47</v>
      </c>
      <c r="AD5" s="239" t="s">
        <v>48</v>
      </c>
      <c r="AE5" s="239" t="s">
        <v>49</v>
      </c>
      <c r="AF5" s="239" t="s">
        <v>50</v>
      </c>
      <c r="AG5" s="239" t="s">
        <v>51</v>
      </c>
      <c r="AH5" s="242" t="s">
        <v>45</v>
      </c>
      <c r="AI5" s="510"/>
      <c r="AJ5" s="240" t="s">
        <v>43</v>
      </c>
      <c r="AK5" s="239" t="s">
        <v>44</v>
      </c>
      <c r="AL5" s="242" t="s">
        <v>45</v>
      </c>
      <c r="AM5" s="244" t="s">
        <v>83</v>
      </c>
      <c r="AN5" s="239" t="s">
        <v>47</v>
      </c>
      <c r="AO5" s="239" t="s">
        <v>48</v>
      </c>
      <c r="AP5" s="239" t="s">
        <v>49</v>
      </c>
      <c r="AQ5" s="239" t="s">
        <v>50</v>
      </c>
      <c r="AR5" s="239" t="s">
        <v>51</v>
      </c>
      <c r="AS5" s="242" t="s">
        <v>45</v>
      </c>
      <c r="AT5" s="510"/>
      <c r="AU5" s="240" t="s">
        <v>43</v>
      </c>
      <c r="AV5" s="239" t="s">
        <v>44</v>
      </c>
      <c r="AW5" s="242" t="s">
        <v>45</v>
      </c>
      <c r="AX5" s="244" t="s">
        <v>83</v>
      </c>
      <c r="AY5" s="239" t="s">
        <v>47</v>
      </c>
      <c r="AZ5" s="239" t="s">
        <v>48</v>
      </c>
      <c r="BA5" s="239" t="s">
        <v>49</v>
      </c>
      <c r="BB5" s="239" t="s">
        <v>50</v>
      </c>
      <c r="BC5" s="239" t="s">
        <v>51</v>
      </c>
      <c r="BD5" s="245" t="s">
        <v>45</v>
      </c>
      <c r="BE5" s="510"/>
      <c r="BF5" s="240" t="s">
        <v>43</v>
      </c>
      <c r="BG5" s="239" t="s">
        <v>44</v>
      </c>
      <c r="BH5" s="242" t="s">
        <v>45</v>
      </c>
      <c r="BI5" s="244" t="s">
        <v>83</v>
      </c>
      <c r="BJ5" s="239" t="s">
        <v>47</v>
      </c>
      <c r="BK5" s="239" t="s">
        <v>48</v>
      </c>
      <c r="BL5" s="239" t="s">
        <v>49</v>
      </c>
      <c r="BM5" s="239" t="s">
        <v>50</v>
      </c>
      <c r="BN5" s="239" t="s">
        <v>51</v>
      </c>
      <c r="BO5" s="242" t="s">
        <v>45</v>
      </c>
      <c r="BP5" s="510"/>
      <c r="BQ5" s="240" t="s">
        <v>43</v>
      </c>
      <c r="BR5" s="239" t="s">
        <v>44</v>
      </c>
      <c r="BS5" s="242" t="s">
        <v>45</v>
      </c>
      <c r="BT5" s="244" t="s">
        <v>83</v>
      </c>
      <c r="BU5" s="239" t="s">
        <v>47</v>
      </c>
      <c r="BV5" s="239" t="s">
        <v>48</v>
      </c>
      <c r="BW5" s="239" t="s">
        <v>49</v>
      </c>
      <c r="BX5" s="239" t="s">
        <v>50</v>
      </c>
      <c r="BY5" s="239" t="s">
        <v>51</v>
      </c>
      <c r="BZ5" s="242" t="s">
        <v>45</v>
      </c>
      <c r="CA5" s="510"/>
      <c r="CB5" s="240" t="s">
        <v>43</v>
      </c>
      <c r="CC5" s="239" t="s">
        <v>44</v>
      </c>
      <c r="CD5" s="242" t="s">
        <v>45</v>
      </c>
      <c r="CE5" s="244" t="s">
        <v>83</v>
      </c>
      <c r="CF5" s="239" t="s">
        <v>47</v>
      </c>
      <c r="CG5" s="239" t="s">
        <v>48</v>
      </c>
      <c r="CH5" s="239" t="s">
        <v>49</v>
      </c>
      <c r="CI5" s="239" t="s">
        <v>50</v>
      </c>
      <c r="CJ5" s="239" t="s">
        <v>51</v>
      </c>
      <c r="CK5" s="242" t="s">
        <v>45</v>
      </c>
      <c r="CL5" s="510"/>
      <c r="CM5" s="240" t="s">
        <v>43</v>
      </c>
      <c r="CN5" s="239" t="s">
        <v>44</v>
      </c>
      <c r="CO5" s="242" t="s">
        <v>45</v>
      </c>
      <c r="CP5" s="244" t="s">
        <v>83</v>
      </c>
      <c r="CQ5" s="239" t="s">
        <v>47</v>
      </c>
      <c r="CR5" s="239" t="s">
        <v>48</v>
      </c>
      <c r="CS5" s="239" t="s">
        <v>49</v>
      </c>
      <c r="CT5" s="239" t="s">
        <v>50</v>
      </c>
      <c r="CU5" s="239" t="s">
        <v>51</v>
      </c>
      <c r="CV5" s="242" t="s">
        <v>45</v>
      </c>
      <c r="CW5" s="510"/>
      <c r="CX5" s="240" t="s">
        <v>43</v>
      </c>
      <c r="CY5" s="239" t="s">
        <v>44</v>
      </c>
      <c r="CZ5" s="242" t="s">
        <v>45</v>
      </c>
      <c r="DA5" s="244" t="s">
        <v>83</v>
      </c>
      <c r="DB5" s="239" t="s">
        <v>47</v>
      </c>
      <c r="DC5" s="239" t="s">
        <v>48</v>
      </c>
      <c r="DD5" s="239" t="s">
        <v>49</v>
      </c>
      <c r="DE5" s="239" t="s">
        <v>50</v>
      </c>
      <c r="DF5" s="239" t="s">
        <v>51</v>
      </c>
      <c r="DG5" s="242" t="s">
        <v>45</v>
      </c>
      <c r="DH5" s="510"/>
      <c r="DI5" s="303" t="s">
        <v>43</v>
      </c>
      <c r="DJ5" s="239" t="s">
        <v>44</v>
      </c>
      <c r="DK5" s="242" t="s">
        <v>45</v>
      </c>
      <c r="DL5" s="244" t="s">
        <v>83</v>
      </c>
      <c r="DM5" s="239" t="s">
        <v>47</v>
      </c>
      <c r="DN5" s="239" t="s">
        <v>48</v>
      </c>
      <c r="DO5" s="239" t="s">
        <v>49</v>
      </c>
      <c r="DP5" s="239" t="s">
        <v>50</v>
      </c>
      <c r="DQ5" s="239" t="s">
        <v>51</v>
      </c>
      <c r="DR5" s="242" t="s">
        <v>45</v>
      </c>
      <c r="DS5" s="510"/>
      <c r="DT5" s="240" t="s">
        <v>43</v>
      </c>
      <c r="DU5" s="239" t="s">
        <v>44</v>
      </c>
      <c r="DV5" s="242" t="s">
        <v>45</v>
      </c>
      <c r="DW5" s="244" t="s">
        <v>83</v>
      </c>
      <c r="DX5" s="239" t="s">
        <v>47</v>
      </c>
      <c r="DY5" s="239" t="s">
        <v>48</v>
      </c>
      <c r="DZ5" s="239" t="s">
        <v>49</v>
      </c>
      <c r="EA5" s="239" t="s">
        <v>50</v>
      </c>
      <c r="EB5" s="239" t="s">
        <v>51</v>
      </c>
      <c r="EC5" s="242" t="s">
        <v>45</v>
      </c>
      <c r="ED5" s="510"/>
      <c r="EE5" s="240" t="s">
        <v>43</v>
      </c>
      <c r="EF5" s="239" t="s">
        <v>44</v>
      </c>
      <c r="EG5" s="242" t="s">
        <v>45</v>
      </c>
      <c r="EH5" s="244" t="s">
        <v>83</v>
      </c>
      <c r="EI5" s="239" t="s">
        <v>47</v>
      </c>
      <c r="EJ5" s="239" t="s">
        <v>48</v>
      </c>
      <c r="EK5" s="239" t="s">
        <v>49</v>
      </c>
      <c r="EL5" s="239" t="s">
        <v>50</v>
      </c>
      <c r="EM5" s="239" t="s">
        <v>51</v>
      </c>
      <c r="EN5" s="242" t="s">
        <v>45</v>
      </c>
      <c r="EO5" s="510"/>
      <c r="EP5" s="240" t="s">
        <v>43</v>
      </c>
      <c r="EQ5" s="239" t="s">
        <v>44</v>
      </c>
      <c r="ER5" s="242" t="s">
        <v>45</v>
      </c>
      <c r="ES5" s="244" t="s">
        <v>83</v>
      </c>
      <c r="ET5" s="239" t="s">
        <v>47</v>
      </c>
      <c r="EU5" s="239" t="s">
        <v>48</v>
      </c>
      <c r="EV5" s="239" t="s">
        <v>49</v>
      </c>
      <c r="EW5" s="239" t="s">
        <v>50</v>
      </c>
      <c r="EX5" s="239" t="s">
        <v>51</v>
      </c>
      <c r="EY5" s="242" t="s">
        <v>45</v>
      </c>
      <c r="EZ5" s="510"/>
    </row>
    <row r="6" spans="2:156" ht="21" customHeight="1" x14ac:dyDescent="0.2">
      <c r="B6" s="435" t="s">
        <v>4</v>
      </c>
      <c r="C6" s="246">
        <v>0</v>
      </c>
      <c r="D6" s="250">
        <v>2</v>
      </c>
      <c r="E6" s="339">
        <v>2</v>
      </c>
      <c r="F6" s="249">
        <v>0</v>
      </c>
      <c r="G6" s="250">
        <v>19222</v>
      </c>
      <c r="H6" s="250">
        <v>23344</v>
      </c>
      <c r="I6" s="250">
        <v>12775</v>
      </c>
      <c r="J6" s="250">
        <v>9996</v>
      </c>
      <c r="K6" s="250">
        <v>7642</v>
      </c>
      <c r="L6" s="251">
        <v>72979</v>
      </c>
      <c r="M6" s="252">
        <v>72981</v>
      </c>
      <c r="N6" s="246">
        <v>3</v>
      </c>
      <c r="O6" s="250">
        <v>18</v>
      </c>
      <c r="P6" s="247">
        <v>21</v>
      </c>
      <c r="Q6" s="249">
        <v>0</v>
      </c>
      <c r="R6" s="250">
        <v>108</v>
      </c>
      <c r="S6" s="250">
        <v>444</v>
      </c>
      <c r="T6" s="250">
        <v>781</v>
      </c>
      <c r="U6" s="250">
        <v>1999</v>
      </c>
      <c r="V6" s="250">
        <v>3482</v>
      </c>
      <c r="W6" s="247">
        <v>6814</v>
      </c>
      <c r="X6" s="252">
        <v>6835</v>
      </c>
      <c r="Y6" s="246">
        <v>2474</v>
      </c>
      <c r="Z6" s="250">
        <v>6176</v>
      </c>
      <c r="AA6" s="247">
        <v>8650</v>
      </c>
      <c r="AB6" s="249">
        <v>0</v>
      </c>
      <c r="AC6" s="250">
        <v>12449</v>
      </c>
      <c r="AD6" s="250">
        <v>17724</v>
      </c>
      <c r="AE6" s="250">
        <v>10474</v>
      </c>
      <c r="AF6" s="250">
        <v>8823</v>
      </c>
      <c r="AG6" s="250">
        <v>6715</v>
      </c>
      <c r="AH6" s="247">
        <v>56185</v>
      </c>
      <c r="AI6" s="252">
        <v>64835</v>
      </c>
      <c r="AJ6" s="246">
        <v>260</v>
      </c>
      <c r="AK6" s="250">
        <v>831</v>
      </c>
      <c r="AL6" s="247">
        <v>1091</v>
      </c>
      <c r="AM6" s="249">
        <v>0</v>
      </c>
      <c r="AN6" s="250">
        <v>1077</v>
      </c>
      <c r="AO6" s="250">
        <v>1766</v>
      </c>
      <c r="AP6" s="250">
        <v>1121</v>
      </c>
      <c r="AQ6" s="250">
        <v>945</v>
      </c>
      <c r="AR6" s="250">
        <v>607</v>
      </c>
      <c r="AS6" s="247">
        <v>5516</v>
      </c>
      <c r="AT6" s="252">
        <v>6607</v>
      </c>
      <c r="AU6" s="246">
        <v>2977</v>
      </c>
      <c r="AV6" s="250">
        <v>4114</v>
      </c>
      <c r="AW6" s="247">
        <v>7091</v>
      </c>
      <c r="AX6" s="249">
        <v>0</v>
      </c>
      <c r="AY6" s="250">
        <v>18684</v>
      </c>
      <c r="AZ6" s="250">
        <v>23908</v>
      </c>
      <c r="BA6" s="250">
        <v>20540</v>
      </c>
      <c r="BB6" s="250">
        <v>19963</v>
      </c>
      <c r="BC6" s="250">
        <v>15099</v>
      </c>
      <c r="BD6" s="251">
        <v>98194</v>
      </c>
      <c r="BE6" s="252">
        <v>105285</v>
      </c>
      <c r="BF6" s="246">
        <v>0</v>
      </c>
      <c r="BG6" s="250">
        <v>1</v>
      </c>
      <c r="BH6" s="247">
        <v>1</v>
      </c>
      <c r="BI6" s="249">
        <v>0</v>
      </c>
      <c r="BJ6" s="250">
        <v>22275</v>
      </c>
      <c r="BK6" s="250">
        <v>21536</v>
      </c>
      <c r="BL6" s="250">
        <v>11317</v>
      </c>
      <c r="BM6" s="250">
        <v>6457</v>
      </c>
      <c r="BN6" s="250">
        <v>3116</v>
      </c>
      <c r="BO6" s="247">
        <v>64701</v>
      </c>
      <c r="BP6" s="252">
        <v>64702</v>
      </c>
      <c r="BQ6" s="246">
        <v>1722</v>
      </c>
      <c r="BR6" s="250">
        <v>2807</v>
      </c>
      <c r="BS6" s="247">
        <v>4529</v>
      </c>
      <c r="BT6" s="249">
        <v>0</v>
      </c>
      <c r="BU6" s="250">
        <v>4608</v>
      </c>
      <c r="BV6" s="250">
        <v>6567</v>
      </c>
      <c r="BW6" s="250">
        <v>3806</v>
      </c>
      <c r="BX6" s="250">
        <v>2372</v>
      </c>
      <c r="BY6" s="250">
        <v>874</v>
      </c>
      <c r="BZ6" s="247">
        <v>18227</v>
      </c>
      <c r="CA6" s="252">
        <v>22756</v>
      </c>
      <c r="CB6" s="246">
        <v>59</v>
      </c>
      <c r="CC6" s="250">
        <v>231</v>
      </c>
      <c r="CD6" s="247">
        <v>290</v>
      </c>
      <c r="CE6" s="249">
        <v>0</v>
      </c>
      <c r="CF6" s="250">
        <v>2279</v>
      </c>
      <c r="CG6" s="250">
        <v>3769</v>
      </c>
      <c r="CH6" s="250">
        <v>4590</v>
      </c>
      <c r="CI6" s="250">
        <v>3273</v>
      </c>
      <c r="CJ6" s="250">
        <v>1834</v>
      </c>
      <c r="CK6" s="247">
        <v>15745</v>
      </c>
      <c r="CL6" s="252">
        <v>16035</v>
      </c>
      <c r="CM6" s="246">
        <v>4</v>
      </c>
      <c r="CN6" s="250">
        <v>21</v>
      </c>
      <c r="CO6" s="247">
        <v>25</v>
      </c>
      <c r="CP6" s="249">
        <v>0</v>
      </c>
      <c r="CQ6" s="250">
        <v>215</v>
      </c>
      <c r="CR6" s="250">
        <v>531</v>
      </c>
      <c r="CS6" s="250">
        <v>575</v>
      </c>
      <c r="CT6" s="250">
        <v>594</v>
      </c>
      <c r="CU6" s="250">
        <v>361</v>
      </c>
      <c r="CV6" s="247">
        <v>2276</v>
      </c>
      <c r="CW6" s="252">
        <v>2301</v>
      </c>
      <c r="CX6" s="246">
        <v>0</v>
      </c>
      <c r="CY6" s="250">
        <v>0</v>
      </c>
      <c r="CZ6" s="247">
        <v>0</v>
      </c>
      <c r="DA6" s="249">
        <v>0</v>
      </c>
      <c r="DB6" s="250">
        <v>0</v>
      </c>
      <c r="DC6" s="250">
        <v>0</v>
      </c>
      <c r="DD6" s="250">
        <v>0</v>
      </c>
      <c r="DE6" s="250">
        <v>0</v>
      </c>
      <c r="DF6" s="250">
        <v>0</v>
      </c>
      <c r="DG6" s="247">
        <v>0</v>
      </c>
      <c r="DH6" s="252">
        <v>0</v>
      </c>
      <c r="DI6" s="246">
        <v>0</v>
      </c>
      <c r="DJ6" s="250">
        <v>0</v>
      </c>
      <c r="DK6" s="247">
        <v>0</v>
      </c>
      <c r="DL6" s="249">
        <v>0</v>
      </c>
      <c r="DM6" s="250">
        <v>0</v>
      </c>
      <c r="DN6" s="250">
        <v>0</v>
      </c>
      <c r="DO6" s="250">
        <v>0</v>
      </c>
      <c r="DP6" s="250">
        <v>0</v>
      </c>
      <c r="DQ6" s="250">
        <v>0</v>
      </c>
      <c r="DR6" s="247">
        <v>0</v>
      </c>
      <c r="DS6" s="252">
        <v>0</v>
      </c>
      <c r="DT6" s="246">
        <v>11481</v>
      </c>
      <c r="DU6" s="250">
        <v>24640</v>
      </c>
      <c r="DV6" s="247">
        <v>36121</v>
      </c>
      <c r="DW6" s="249">
        <v>0</v>
      </c>
      <c r="DX6" s="250">
        <v>28019</v>
      </c>
      <c r="DY6" s="250">
        <v>47155</v>
      </c>
      <c r="DZ6" s="250">
        <v>27065</v>
      </c>
      <c r="EA6" s="250">
        <v>20693</v>
      </c>
      <c r="EB6" s="250">
        <v>13122</v>
      </c>
      <c r="EC6" s="247">
        <v>136054</v>
      </c>
      <c r="ED6" s="252">
        <v>172175</v>
      </c>
      <c r="EE6" s="246">
        <v>1651</v>
      </c>
      <c r="EF6" s="250">
        <v>1255</v>
      </c>
      <c r="EG6" s="247">
        <v>2906</v>
      </c>
      <c r="EH6" s="249">
        <v>0</v>
      </c>
      <c r="EI6" s="250">
        <v>6126</v>
      </c>
      <c r="EJ6" s="250">
        <v>5743</v>
      </c>
      <c r="EK6" s="250">
        <v>4919</v>
      </c>
      <c r="EL6" s="250">
        <v>5661</v>
      </c>
      <c r="EM6" s="250">
        <v>3247</v>
      </c>
      <c r="EN6" s="247">
        <v>25696</v>
      </c>
      <c r="EO6" s="252">
        <v>28602</v>
      </c>
      <c r="EP6" s="246">
        <v>14754</v>
      </c>
      <c r="EQ6" s="250">
        <v>29370</v>
      </c>
      <c r="ER6" s="247">
        <v>44124</v>
      </c>
      <c r="ES6" s="249">
        <v>0</v>
      </c>
      <c r="ET6" s="250">
        <v>58321</v>
      </c>
      <c r="EU6" s="250">
        <v>62386</v>
      </c>
      <c r="EV6" s="250">
        <v>32168</v>
      </c>
      <c r="EW6" s="250">
        <v>22061</v>
      </c>
      <c r="EX6" s="250">
        <v>13460</v>
      </c>
      <c r="EY6" s="247">
        <v>188396</v>
      </c>
      <c r="EZ6" s="252">
        <v>232520</v>
      </c>
    </row>
    <row r="7" spans="2:156" ht="21" customHeight="1" x14ac:dyDescent="0.2">
      <c r="B7" s="436" t="s">
        <v>5</v>
      </c>
      <c r="C7" s="253">
        <v>0</v>
      </c>
      <c r="D7" s="257">
        <v>1</v>
      </c>
      <c r="E7" s="340">
        <v>1</v>
      </c>
      <c r="F7" s="256">
        <v>0</v>
      </c>
      <c r="G7" s="257">
        <v>6679</v>
      </c>
      <c r="H7" s="257">
        <v>11481</v>
      </c>
      <c r="I7" s="257">
        <v>5570</v>
      </c>
      <c r="J7" s="257">
        <v>4046</v>
      </c>
      <c r="K7" s="257">
        <v>3085</v>
      </c>
      <c r="L7" s="258">
        <v>30861</v>
      </c>
      <c r="M7" s="259">
        <v>30862</v>
      </c>
      <c r="N7" s="253">
        <v>2</v>
      </c>
      <c r="O7" s="257">
        <v>7</v>
      </c>
      <c r="P7" s="254">
        <v>9</v>
      </c>
      <c r="Q7" s="256">
        <v>0</v>
      </c>
      <c r="R7" s="257">
        <v>24</v>
      </c>
      <c r="S7" s="257">
        <v>161</v>
      </c>
      <c r="T7" s="257">
        <v>310</v>
      </c>
      <c r="U7" s="257">
        <v>795</v>
      </c>
      <c r="V7" s="257">
        <v>1498</v>
      </c>
      <c r="W7" s="254">
        <v>2788</v>
      </c>
      <c r="X7" s="259">
        <v>2797</v>
      </c>
      <c r="Y7" s="253">
        <v>1060</v>
      </c>
      <c r="Z7" s="257">
        <v>3176</v>
      </c>
      <c r="AA7" s="254">
        <v>4236</v>
      </c>
      <c r="AB7" s="256">
        <v>0</v>
      </c>
      <c r="AC7" s="257">
        <v>4336</v>
      </c>
      <c r="AD7" s="257">
        <v>8862</v>
      </c>
      <c r="AE7" s="257">
        <v>4943</v>
      </c>
      <c r="AF7" s="257">
        <v>3887</v>
      </c>
      <c r="AG7" s="257">
        <v>2915</v>
      </c>
      <c r="AH7" s="254">
        <v>24943</v>
      </c>
      <c r="AI7" s="259">
        <v>29179</v>
      </c>
      <c r="AJ7" s="253">
        <v>92</v>
      </c>
      <c r="AK7" s="257">
        <v>428</v>
      </c>
      <c r="AL7" s="254">
        <v>520</v>
      </c>
      <c r="AM7" s="256">
        <v>0</v>
      </c>
      <c r="AN7" s="257">
        <v>274</v>
      </c>
      <c r="AO7" s="257">
        <v>727</v>
      </c>
      <c r="AP7" s="257">
        <v>475</v>
      </c>
      <c r="AQ7" s="257">
        <v>384</v>
      </c>
      <c r="AR7" s="257">
        <v>229</v>
      </c>
      <c r="AS7" s="254">
        <v>2089</v>
      </c>
      <c r="AT7" s="259">
        <v>2609</v>
      </c>
      <c r="AU7" s="253">
        <v>1224</v>
      </c>
      <c r="AV7" s="257">
        <v>2019</v>
      </c>
      <c r="AW7" s="254">
        <v>3243</v>
      </c>
      <c r="AX7" s="256">
        <v>0</v>
      </c>
      <c r="AY7" s="257">
        <v>6742</v>
      </c>
      <c r="AZ7" s="257">
        <v>10532</v>
      </c>
      <c r="BA7" s="257">
        <v>8409</v>
      </c>
      <c r="BB7" s="257">
        <v>8099</v>
      </c>
      <c r="BC7" s="257">
        <v>6179</v>
      </c>
      <c r="BD7" s="258">
        <v>39961</v>
      </c>
      <c r="BE7" s="259">
        <v>43204</v>
      </c>
      <c r="BF7" s="253">
        <v>0</v>
      </c>
      <c r="BG7" s="257">
        <v>0</v>
      </c>
      <c r="BH7" s="254">
        <v>0</v>
      </c>
      <c r="BI7" s="256">
        <v>0</v>
      </c>
      <c r="BJ7" s="257">
        <v>6877</v>
      </c>
      <c r="BK7" s="257">
        <v>8837</v>
      </c>
      <c r="BL7" s="257">
        <v>4208</v>
      </c>
      <c r="BM7" s="257">
        <v>2303</v>
      </c>
      <c r="BN7" s="257">
        <v>1131</v>
      </c>
      <c r="BO7" s="254">
        <v>23356</v>
      </c>
      <c r="BP7" s="259">
        <v>23356</v>
      </c>
      <c r="BQ7" s="253">
        <v>763</v>
      </c>
      <c r="BR7" s="257">
        <v>1306</v>
      </c>
      <c r="BS7" s="254">
        <v>2069</v>
      </c>
      <c r="BT7" s="256">
        <v>0</v>
      </c>
      <c r="BU7" s="257">
        <v>1375</v>
      </c>
      <c r="BV7" s="257">
        <v>3009</v>
      </c>
      <c r="BW7" s="257">
        <v>1684</v>
      </c>
      <c r="BX7" s="257">
        <v>1067</v>
      </c>
      <c r="BY7" s="257">
        <v>385</v>
      </c>
      <c r="BZ7" s="254">
        <v>7520</v>
      </c>
      <c r="CA7" s="259">
        <v>9589</v>
      </c>
      <c r="CB7" s="253">
        <v>15</v>
      </c>
      <c r="CC7" s="257">
        <v>95</v>
      </c>
      <c r="CD7" s="254">
        <v>110</v>
      </c>
      <c r="CE7" s="256">
        <v>0</v>
      </c>
      <c r="CF7" s="257">
        <v>621</v>
      </c>
      <c r="CG7" s="257">
        <v>1374</v>
      </c>
      <c r="CH7" s="257">
        <v>1678</v>
      </c>
      <c r="CI7" s="257">
        <v>1143</v>
      </c>
      <c r="CJ7" s="257">
        <v>674</v>
      </c>
      <c r="CK7" s="254">
        <v>5490</v>
      </c>
      <c r="CL7" s="259">
        <v>5600</v>
      </c>
      <c r="CM7" s="253">
        <v>1</v>
      </c>
      <c r="CN7" s="257">
        <v>16</v>
      </c>
      <c r="CO7" s="254">
        <v>17</v>
      </c>
      <c r="CP7" s="256">
        <v>0</v>
      </c>
      <c r="CQ7" s="257">
        <v>91</v>
      </c>
      <c r="CR7" s="257">
        <v>301</v>
      </c>
      <c r="CS7" s="257">
        <v>330</v>
      </c>
      <c r="CT7" s="257">
        <v>339</v>
      </c>
      <c r="CU7" s="257">
        <v>210</v>
      </c>
      <c r="CV7" s="254">
        <v>1271</v>
      </c>
      <c r="CW7" s="259">
        <v>1288</v>
      </c>
      <c r="CX7" s="253">
        <v>0</v>
      </c>
      <c r="CY7" s="257">
        <v>0</v>
      </c>
      <c r="CZ7" s="254">
        <v>0</v>
      </c>
      <c r="DA7" s="256">
        <v>0</v>
      </c>
      <c r="DB7" s="257">
        <v>0</v>
      </c>
      <c r="DC7" s="257">
        <v>0</v>
      </c>
      <c r="DD7" s="257">
        <v>0</v>
      </c>
      <c r="DE7" s="257">
        <v>0</v>
      </c>
      <c r="DF7" s="257">
        <v>0</v>
      </c>
      <c r="DG7" s="254">
        <v>0</v>
      </c>
      <c r="DH7" s="259">
        <v>0</v>
      </c>
      <c r="DI7" s="253">
        <v>0</v>
      </c>
      <c r="DJ7" s="257">
        <v>0</v>
      </c>
      <c r="DK7" s="254">
        <v>0</v>
      </c>
      <c r="DL7" s="256">
        <v>0</v>
      </c>
      <c r="DM7" s="257">
        <v>0</v>
      </c>
      <c r="DN7" s="257">
        <v>0</v>
      </c>
      <c r="DO7" s="257">
        <v>0</v>
      </c>
      <c r="DP7" s="257">
        <v>0</v>
      </c>
      <c r="DQ7" s="257">
        <v>0</v>
      </c>
      <c r="DR7" s="254">
        <v>0</v>
      </c>
      <c r="DS7" s="259">
        <v>0</v>
      </c>
      <c r="DT7" s="253">
        <v>3841</v>
      </c>
      <c r="DU7" s="257">
        <v>10558</v>
      </c>
      <c r="DV7" s="254">
        <v>14399</v>
      </c>
      <c r="DW7" s="256">
        <v>0</v>
      </c>
      <c r="DX7" s="257">
        <v>7756</v>
      </c>
      <c r="DY7" s="257">
        <v>20858</v>
      </c>
      <c r="DZ7" s="257">
        <v>11119</v>
      </c>
      <c r="EA7" s="257">
        <v>8256</v>
      </c>
      <c r="EB7" s="257">
        <v>5333</v>
      </c>
      <c r="EC7" s="254">
        <v>53322</v>
      </c>
      <c r="ED7" s="259">
        <v>67721</v>
      </c>
      <c r="EE7" s="253">
        <v>700</v>
      </c>
      <c r="EF7" s="257">
        <v>589</v>
      </c>
      <c r="EG7" s="254">
        <v>1289</v>
      </c>
      <c r="EH7" s="256">
        <v>0</v>
      </c>
      <c r="EI7" s="257">
        <v>2448</v>
      </c>
      <c r="EJ7" s="257">
        <v>2738</v>
      </c>
      <c r="EK7" s="257">
        <v>2142</v>
      </c>
      <c r="EL7" s="257">
        <v>2511</v>
      </c>
      <c r="EM7" s="257">
        <v>1374</v>
      </c>
      <c r="EN7" s="254">
        <v>11213</v>
      </c>
      <c r="EO7" s="259">
        <v>12502</v>
      </c>
      <c r="EP7" s="253">
        <v>5302</v>
      </c>
      <c r="EQ7" s="257">
        <v>13032</v>
      </c>
      <c r="ER7" s="254">
        <v>18334</v>
      </c>
      <c r="ES7" s="256">
        <v>0</v>
      </c>
      <c r="ET7" s="257">
        <v>18790</v>
      </c>
      <c r="EU7" s="257">
        <v>28144</v>
      </c>
      <c r="EV7" s="257">
        <v>13427</v>
      </c>
      <c r="EW7" s="257">
        <v>8908</v>
      </c>
      <c r="EX7" s="257">
        <v>5505</v>
      </c>
      <c r="EY7" s="254">
        <v>74774</v>
      </c>
      <c r="EZ7" s="259">
        <v>93108</v>
      </c>
    </row>
    <row r="8" spans="2:156" ht="21" customHeight="1" x14ac:dyDescent="0.2">
      <c r="B8" s="437" t="s">
        <v>6</v>
      </c>
      <c r="C8" s="253">
        <v>0</v>
      </c>
      <c r="D8" s="257">
        <v>1</v>
      </c>
      <c r="E8" s="340">
        <v>1</v>
      </c>
      <c r="F8" s="256">
        <v>0</v>
      </c>
      <c r="G8" s="257">
        <v>3486</v>
      </c>
      <c r="H8" s="257">
        <v>3064</v>
      </c>
      <c r="I8" s="257">
        <v>1810</v>
      </c>
      <c r="J8" s="257">
        <v>1509</v>
      </c>
      <c r="K8" s="257">
        <v>1231</v>
      </c>
      <c r="L8" s="258">
        <v>11100</v>
      </c>
      <c r="M8" s="259">
        <v>11101</v>
      </c>
      <c r="N8" s="253">
        <v>1</v>
      </c>
      <c r="O8" s="257">
        <v>2</v>
      </c>
      <c r="P8" s="254">
        <v>3</v>
      </c>
      <c r="Q8" s="256">
        <v>0</v>
      </c>
      <c r="R8" s="257">
        <v>14</v>
      </c>
      <c r="S8" s="257">
        <v>59</v>
      </c>
      <c r="T8" s="257">
        <v>97</v>
      </c>
      <c r="U8" s="257">
        <v>254</v>
      </c>
      <c r="V8" s="257">
        <v>532</v>
      </c>
      <c r="W8" s="254">
        <v>956</v>
      </c>
      <c r="X8" s="259">
        <v>959</v>
      </c>
      <c r="Y8" s="253">
        <v>380</v>
      </c>
      <c r="Z8" s="257">
        <v>829</v>
      </c>
      <c r="AA8" s="254">
        <v>1209</v>
      </c>
      <c r="AB8" s="256">
        <v>0</v>
      </c>
      <c r="AC8" s="257">
        <v>2357</v>
      </c>
      <c r="AD8" s="257">
        <v>2375</v>
      </c>
      <c r="AE8" s="257">
        <v>1419</v>
      </c>
      <c r="AF8" s="257">
        <v>1222</v>
      </c>
      <c r="AG8" s="257">
        <v>969</v>
      </c>
      <c r="AH8" s="254">
        <v>8342</v>
      </c>
      <c r="AI8" s="259">
        <v>9551</v>
      </c>
      <c r="AJ8" s="253">
        <v>23</v>
      </c>
      <c r="AK8" s="257">
        <v>59</v>
      </c>
      <c r="AL8" s="254">
        <v>82</v>
      </c>
      <c r="AM8" s="256">
        <v>0</v>
      </c>
      <c r="AN8" s="257">
        <v>175</v>
      </c>
      <c r="AO8" s="257">
        <v>201</v>
      </c>
      <c r="AP8" s="257">
        <v>113</v>
      </c>
      <c r="AQ8" s="257">
        <v>114</v>
      </c>
      <c r="AR8" s="257">
        <v>74</v>
      </c>
      <c r="AS8" s="254">
        <v>677</v>
      </c>
      <c r="AT8" s="259">
        <v>759</v>
      </c>
      <c r="AU8" s="253">
        <v>499</v>
      </c>
      <c r="AV8" s="257">
        <v>586</v>
      </c>
      <c r="AW8" s="254">
        <v>1085</v>
      </c>
      <c r="AX8" s="256">
        <v>0</v>
      </c>
      <c r="AY8" s="257">
        <v>3577</v>
      </c>
      <c r="AZ8" s="257">
        <v>3857</v>
      </c>
      <c r="BA8" s="257">
        <v>3303</v>
      </c>
      <c r="BB8" s="257">
        <v>3208</v>
      </c>
      <c r="BC8" s="257">
        <v>2591</v>
      </c>
      <c r="BD8" s="258">
        <v>16536</v>
      </c>
      <c r="BE8" s="259">
        <v>17621</v>
      </c>
      <c r="BF8" s="253">
        <v>0</v>
      </c>
      <c r="BG8" s="257">
        <v>1</v>
      </c>
      <c r="BH8" s="254">
        <v>1</v>
      </c>
      <c r="BI8" s="256">
        <v>0</v>
      </c>
      <c r="BJ8" s="257">
        <v>3727</v>
      </c>
      <c r="BK8" s="257">
        <v>2997</v>
      </c>
      <c r="BL8" s="257">
        <v>1598</v>
      </c>
      <c r="BM8" s="257">
        <v>965</v>
      </c>
      <c r="BN8" s="257">
        <v>480</v>
      </c>
      <c r="BO8" s="254">
        <v>9767</v>
      </c>
      <c r="BP8" s="259">
        <v>9768</v>
      </c>
      <c r="BQ8" s="253">
        <v>124</v>
      </c>
      <c r="BR8" s="257">
        <v>214</v>
      </c>
      <c r="BS8" s="254">
        <v>338</v>
      </c>
      <c r="BT8" s="256">
        <v>0</v>
      </c>
      <c r="BU8" s="257">
        <v>650</v>
      </c>
      <c r="BV8" s="257">
        <v>721</v>
      </c>
      <c r="BW8" s="257">
        <v>480</v>
      </c>
      <c r="BX8" s="257">
        <v>292</v>
      </c>
      <c r="BY8" s="257">
        <v>127</v>
      </c>
      <c r="BZ8" s="254">
        <v>2270</v>
      </c>
      <c r="CA8" s="259">
        <v>2608</v>
      </c>
      <c r="CB8" s="253">
        <v>5</v>
      </c>
      <c r="CC8" s="257">
        <v>20</v>
      </c>
      <c r="CD8" s="254">
        <v>25</v>
      </c>
      <c r="CE8" s="256">
        <v>0</v>
      </c>
      <c r="CF8" s="257">
        <v>291</v>
      </c>
      <c r="CG8" s="257">
        <v>448</v>
      </c>
      <c r="CH8" s="257">
        <v>575</v>
      </c>
      <c r="CI8" s="257">
        <v>431</v>
      </c>
      <c r="CJ8" s="257">
        <v>252</v>
      </c>
      <c r="CK8" s="254">
        <v>1997</v>
      </c>
      <c r="CL8" s="259">
        <v>2022</v>
      </c>
      <c r="CM8" s="253">
        <v>0</v>
      </c>
      <c r="CN8" s="257">
        <v>0</v>
      </c>
      <c r="CO8" s="254">
        <v>0</v>
      </c>
      <c r="CP8" s="256">
        <v>0</v>
      </c>
      <c r="CQ8" s="257">
        <v>31</v>
      </c>
      <c r="CR8" s="257">
        <v>67</v>
      </c>
      <c r="CS8" s="257">
        <v>72</v>
      </c>
      <c r="CT8" s="257">
        <v>75</v>
      </c>
      <c r="CU8" s="257">
        <v>55</v>
      </c>
      <c r="CV8" s="254">
        <v>300</v>
      </c>
      <c r="CW8" s="259">
        <v>300</v>
      </c>
      <c r="CX8" s="253">
        <v>0</v>
      </c>
      <c r="CY8" s="257">
        <v>0</v>
      </c>
      <c r="CZ8" s="254">
        <v>0</v>
      </c>
      <c r="DA8" s="256">
        <v>0</v>
      </c>
      <c r="DB8" s="257">
        <v>0</v>
      </c>
      <c r="DC8" s="257">
        <v>0</v>
      </c>
      <c r="DD8" s="257">
        <v>0</v>
      </c>
      <c r="DE8" s="257">
        <v>0</v>
      </c>
      <c r="DF8" s="257">
        <v>0</v>
      </c>
      <c r="DG8" s="254">
        <v>0</v>
      </c>
      <c r="DH8" s="259">
        <v>0</v>
      </c>
      <c r="DI8" s="253">
        <v>0</v>
      </c>
      <c r="DJ8" s="257">
        <v>0</v>
      </c>
      <c r="DK8" s="254">
        <v>0</v>
      </c>
      <c r="DL8" s="256">
        <v>0</v>
      </c>
      <c r="DM8" s="257">
        <v>0</v>
      </c>
      <c r="DN8" s="257">
        <v>0</v>
      </c>
      <c r="DO8" s="257">
        <v>0</v>
      </c>
      <c r="DP8" s="257">
        <v>0</v>
      </c>
      <c r="DQ8" s="257">
        <v>0</v>
      </c>
      <c r="DR8" s="254">
        <v>0</v>
      </c>
      <c r="DS8" s="259">
        <v>0</v>
      </c>
      <c r="DT8" s="253">
        <v>1710</v>
      </c>
      <c r="DU8" s="257">
        <v>3041</v>
      </c>
      <c r="DV8" s="254">
        <v>4751</v>
      </c>
      <c r="DW8" s="256">
        <v>0</v>
      </c>
      <c r="DX8" s="257">
        <v>5217</v>
      </c>
      <c r="DY8" s="257">
        <v>6158</v>
      </c>
      <c r="DZ8" s="257">
        <v>3798</v>
      </c>
      <c r="EA8" s="257">
        <v>3054</v>
      </c>
      <c r="EB8" s="257">
        <v>2055</v>
      </c>
      <c r="EC8" s="254">
        <v>20282</v>
      </c>
      <c r="ED8" s="259">
        <v>25033</v>
      </c>
      <c r="EE8" s="253">
        <v>230</v>
      </c>
      <c r="EF8" s="257">
        <v>157</v>
      </c>
      <c r="EG8" s="254">
        <v>387</v>
      </c>
      <c r="EH8" s="256">
        <v>0</v>
      </c>
      <c r="EI8" s="257">
        <v>918</v>
      </c>
      <c r="EJ8" s="257">
        <v>732</v>
      </c>
      <c r="EK8" s="257">
        <v>709</v>
      </c>
      <c r="EL8" s="257">
        <v>818</v>
      </c>
      <c r="EM8" s="257">
        <v>525</v>
      </c>
      <c r="EN8" s="254">
        <v>3702</v>
      </c>
      <c r="EO8" s="259">
        <v>4089</v>
      </c>
      <c r="EP8" s="253">
        <v>2101</v>
      </c>
      <c r="EQ8" s="257">
        <v>3575</v>
      </c>
      <c r="ER8" s="254">
        <v>5676</v>
      </c>
      <c r="ES8" s="256">
        <v>0</v>
      </c>
      <c r="ET8" s="257">
        <v>9750</v>
      </c>
      <c r="EU8" s="257">
        <v>7969</v>
      </c>
      <c r="EV8" s="257">
        <v>4389</v>
      </c>
      <c r="EW8" s="257">
        <v>3191</v>
      </c>
      <c r="EX8" s="257">
        <v>2120</v>
      </c>
      <c r="EY8" s="254">
        <v>27419</v>
      </c>
      <c r="EZ8" s="259">
        <v>33095</v>
      </c>
    </row>
    <row r="9" spans="2:156" ht="21" customHeight="1" x14ac:dyDescent="0.2">
      <c r="B9" s="437" t="s">
        <v>14</v>
      </c>
      <c r="C9" s="253">
        <v>0</v>
      </c>
      <c r="D9" s="257">
        <v>0</v>
      </c>
      <c r="E9" s="340">
        <v>0</v>
      </c>
      <c r="F9" s="256">
        <v>0</v>
      </c>
      <c r="G9" s="257">
        <v>1193</v>
      </c>
      <c r="H9" s="257">
        <v>1736</v>
      </c>
      <c r="I9" s="257">
        <v>1022</v>
      </c>
      <c r="J9" s="257">
        <v>799</v>
      </c>
      <c r="K9" s="257">
        <v>524</v>
      </c>
      <c r="L9" s="258">
        <v>5274</v>
      </c>
      <c r="M9" s="259">
        <v>5274</v>
      </c>
      <c r="N9" s="253">
        <v>0</v>
      </c>
      <c r="O9" s="257">
        <v>2</v>
      </c>
      <c r="P9" s="254">
        <v>2</v>
      </c>
      <c r="Q9" s="256">
        <v>0</v>
      </c>
      <c r="R9" s="257">
        <v>0</v>
      </c>
      <c r="S9" s="257">
        <v>23</v>
      </c>
      <c r="T9" s="257">
        <v>50</v>
      </c>
      <c r="U9" s="257">
        <v>150</v>
      </c>
      <c r="V9" s="257">
        <v>218</v>
      </c>
      <c r="W9" s="254">
        <v>441</v>
      </c>
      <c r="X9" s="259">
        <v>443</v>
      </c>
      <c r="Y9" s="253">
        <v>124</v>
      </c>
      <c r="Z9" s="257">
        <v>444</v>
      </c>
      <c r="AA9" s="254">
        <v>568</v>
      </c>
      <c r="AB9" s="256">
        <v>0</v>
      </c>
      <c r="AC9" s="257">
        <v>715</v>
      </c>
      <c r="AD9" s="257">
        <v>1231</v>
      </c>
      <c r="AE9" s="257">
        <v>808</v>
      </c>
      <c r="AF9" s="257">
        <v>670</v>
      </c>
      <c r="AG9" s="257">
        <v>461</v>
      </c>
      <c r="AH9" s="254">
        <v>3885</v>
      </c>
      <c r="AI9" s="259">
        <v>4453</v>
      </c>
      <c r="AJ9" s="253">
        <v>6</v>
      </c>
      <c r="AK9" s="257">
        <v>37</v>
      </c>
      <c r="AL9" s="254">
        <v>43</v>
      </c>
      <c r="AM9" s="256">
        <v>0</v>
      </c>
      <c r="AN9" s="257">
        <v>26</v>
      </c>
      <c r="AO9" s="257">
        <v>76</v>
      </c>
      <c r="AP9" s="257">
        <v>50</v>
      </c>
      <c r="AQ9" s="257">
        <v>42</v>
      </c>
      <c r="AR9" s="257">
        <v>24</v>
      </c>
      <c r="AS9" s="254">
        <v>218</v>
      </c>
      <c r="AT9" s="259">
        <v>261</v>
      </c>
      <c r="AU9" s="253">
        <v>199</v>
      </c>
      <c r="AV9" s="257">
        <v>355</v>
      </c>
      <c r="AW9" s="254">
        <v>554</v>
      </c>
      <c r="AX9" s="256">
        <v>0</v>
      </c>
      <c r="AY9" s="257">
        <v>1279</v>
      </c>
      <c r="AZ9" s="257">
        <v>1767</v>
      </c>
      <c r="BA9" s="257">
        <v>1754</v>
      </c>
      <c r="BB9" s="257">
        <v>1541</v>
      </c>
      <c r="BC9" s="257">
        <v>1082</v>
      </c>
      <c r="BD9" s="258">
        <v>7423</v>
      </c>
      <c r="BE9" s="259">
        <v>7977</v>
      </c>
      <c r="BF9" s="253">
        <v>0</v>
      </c>
      <c r="BG9" s="257">
        <v>0</v>
      </c>
      <c r="BH9" s="254">
        <v>0</v>
      </c>
      <c r="BI9" s="256">
        <v>0</v>
      </c>
      <c r="BJ9" s="257">
        <v>1622</v>
      </c>
      <c r="BK9" s="257">
        <v>1852</v>
      </c>
      <c r="BL9" s="257">
        <v>1141</v>
      </c>
      <c r="BM9" s="257">
        <v>596</v>
      </c>
      <c r="BN9" s="257">
        <v>277</v>
      </c>
      <c r="BO9" s="254">
        <v>5488</v>
      </c>
      <c r="BP9" s="259">
        <v>5488</v>
      </c>
      <c r="BQ9" s="253">
        <v>85</v>
      </c>
      <c r="BR9" s="257">
        <v>179</v>
      </c>
      <c r="BS9" s="254">
        <v>264</v>
      </c>
      <c r="BT9" s="256">
        <v>0</v>
      </c>
      <c r="BU9" s="257">
        <v>153</v>
      </c>
      <c r="BV9" s="257">
        <v>405</v>
      </c>
      <c r="BW9" s="257">
        <v>254</v>
      </c>
      <c r="BX9" s="257">
        <v>139</v>
      </c>
      <c r="BY9" s="257">
        <v>42</v>
      </c>
      <c r="BZ9" s="254">
        <v>993</v>
      </c>
      <c r="CA9" s="259">
        <v>1257</v>
      </c>
      <c r="CB9" s="253">
        <v>5</v>
      </c>
      <c r="CC9" s="257">
        <v>12</v>
      </c>
      <c r="CD9" s="254">
        <v>17</v>
      </c>
      <c r="CE9" s="256">
        <v>0</v>
      </c>
      <c r="CF9" s="257">
        <v>132</v>
      </c>
      <c r="CG9" s="257">
        <v>279</v>
      </c>
      <c r="CH9" s="257">
        <v>383</v>
      </c>
      <c r="CI9" s="257">
        <v>289</v>
      </c>
      <c r="CJ9" s="257">
        <v>156</v>
      </c>
      <c r="CK9" s="254">
        <v>1239</v>
      </c>
      <c r="CL9" s="259">
        <v>1256</v>
      </c>
      <c r="CM9" s="253">
        <v>0</v>
      </c>
      <c r="CN9" s="257">
        <v>0</v>
      </c>
      <c r="CO9" s="254">
        <v>0</v>
      </c>
      <c r="CP9" s="256">
        <v>0</v>
      </c>
      <c r="CQ9" s="257">
        <v>1</v>
      </c>
      <c r="CR9" s="257">
        <v>6</v>
      </c>
      <c r="CS9" s="257">
        <v>12</v>
      </c>
      <c r="CT9" s="257">
        <v>15</v>
      </c>
      <c r="CU9" s="257">
        <v>5</v>
      </c>
      <c r="CV9" s="254">
        <v>39</v>
      </c>
      <c r="CW9" s="259">
        <v>39</v>
      </c>
      <c r="CX9" s="253">
        <v>0</v>
      </c>
      <c r="CY9" s="257">
        <v>0</v>
      </c>
      <c r="CZ9" s="254">
        <v>0</v>
      </c>
      <c r="DA9" s="256">
        <v>0</v>
      </c>
      <c r="DB9" s="257">
        <v>0</v>
      </c>
      <c r="DC9" s="257">
        <v>0</v>
      </c>
      <c r="DD9" s="257">
        <v>0</v>
      </c>
      <c r="DE9" s="257">
        <v>0</v>
      </c>
      <c r="DF9" s="257">
        <v>0</v>
      </c>
      <c r="DG9" s="254">
        <v>0</v>
      </c>
      <c r="DH9" s="259">
        <v>0</v>
      </c>
      <c r="DI9" s="253">
        <v>0</v>
      </c>
      <c r="DJ9" s="257">
        <v>0</v>
      </c>
      <c r="DK9" s="254">
        <v>0</v>
      </c>
      <c r="DL9" s="256">
        <v>0</v>
      </c>
      <c r="DM9" s="257">
        <v>0</v>
      </c>
      <c r="DN9" s="257">
        <v>0</v>
      </c>
      <c r="DO9" s="257">
        <v>0</v>
      </c>
      <c r="DP9" s="257">
        <v>0</v>
      </c>
      <c r="DQ9" s="257">
        <v>0</v>
      </c>
      <c r="DR9" s="254">
        <v>0</v>
      </c>
      <c r="DS9" s="259">
        <v>0</v>
      </c>
      <c r="DT9" s="253">
        <v>893</v>
      </c>
      <c r="DU9" s="257">
        <v>2438</v>
      </c>
      <c r="DV9" s="254">
        <v>3331</v>
      </c>
      <c r="DW9" s="256">
        <v>0</v>
      </c>
      <c r="DX9" s="257">
        <v>1900</v>
      </c>
      <c r="DY9" s="257">
        <v>3878</v>
      </c>
      <c r="DZ9" s="257">
        <v>2377</v>
      </c>
      <c r="EA9" s="257">
        <v>1722</v>
      </c>
      <c r="EB9" s="257">
        <v>980</v>
      </c>
      <c r="EC9" s="254">
        <v>10857</v>
      </c>
      <c r="ED9" s="259">
        <v>14188</v>
      </c>
      <c r="EE9" s="253">
        <v>112</v>
      </c>
      <c r="EF9" s="257">
        <v>107</v>
      </c>
      <c r="EG9" s="254">
        <v>219</v>
      </c>
      <c r="EH9" s="256">
        <v>0</v>
      </c>
      <c r="EI9" s="257">
        <v>346</v>
      </c>
      <c r="EJ9" s="257">
        <v>282</v>
      </c>
      <c r="EK9" s="257">
        <v>271</v>
      </c>
      <c r="EL9" s="257">
        <v>325</v>
      </c>
      <c r="EM9" s="257">
        <v>165</v>
      </c>
      <c r="EN9" s="254">
        <v>1389</v>
      </c>
      <c r="EO9" s="259">
        <v>1608</v>
      </c>
      <c r="EP9" s="253">
        <v>1047</v>
      </c>
      <c r="EQ9" s="257">
        <v>2713</v>
      </c>
      <c r="ER9" s="254">
        <v>3760</v>
      </c>
      <c r="ES9" s="256">
        <v>0</v>
      </c>
      <c r="ET9" s="257">
        <v>3946</v>
      </c>
      <c r="EU9" s="257">
        <v>5083</v>
      </c>
      <c r="EV9" s="257">
        <v>2798</v>
      </c>
      <c r="EW9" s="257">
        <v>1837</v>
      </c>
      <c r="EX9" s="257">
        <v>1009</v>
      </c>
      <c r="EY9" s="254">
        <v>14673</v>
      </c>
      <c r="EZ9" s="259">
        <v>18433</v>
      </c>
    </row>
    <row r="10" spans="2:156" ht="21" customHeight="1" x14ac:dyDescent="0.2">
      <c r="B10" s="437" t="s">
        <v>7</v>
      </c>
      <c r="C10" s="253">
        <v>0</v>
      </c>
      <c r="D10" s="257">
        <v>0</v>
      </c>
      <c r="E10" s="340">
        <v>0</v>
      </c>
      <c r="F10" s="256">
        <v>0</v>
      </c>
      <c r="G10" s="257">
        <v>1508</v>
      </c>
      <c r="H10" s="257">
        <v>1131</v>
      </c>
      <c r="I10" s="257">
        <v>595</v>
      </c>
      <c r="J10" s="257">
        <v>519</v>
      </c>
      <c r="K10" s="257">
        <v>383</v>
      </c>
      <c r="L10" s="258">
        <v>4136</v>
      </c>
      <c r="M10" s="259">
        <v>4136</v>
      </c>
      <c r="N10" s="253">
        <v>0</v>
      </c>
      <c r="O10" s="257">
        <v>0</v>
      </c>
      <c r="P10" s="254">
        <v>0</v>
      </c>
      <c r="Q10" s="256">
        <v>0</v>
      </c>
      <c r="R10" s="257">
        <v>7</v>
      </c>
      <c r="S10" s="257">
        <v>46</v>
      </c>
      <c r="T10" s="257">
        <v>57</v>
      </c>
      <c r="U10" s="257">
        <v>137</v>
      </c>
      <c r="V10" s="257">
        <v>199</v>
      </c>
      <c r="W10" s="254">
        <v>446</v>
      </c>
      <c r="X10" s="259">
        <v>446</v>
      </c>
      <c r="Y10" s="253">
        <v>18</v>
      </c>
      <c r="Z10" s="257">
        <v>30</v>
      </c>
      <c r="AA10" s="254">
        <v>48</v>
      </c>
      <c r="AB10" s="256">
        <v>0</v>
      </c>
      <c r="AC10" s="257">
        <v>535</v>
      </c>
      <c r="AD10" s="257">
        <v>541</v>
      </c>
      <c r="AE10" s="257">
        <v>348</v>
      </c>
      <c r="AF10" s="257">
        <v>339</v>
      </c>
      <c r="AG10" s="257">
        <v>295</v>
      </c>
      <c r="AH10" s="254">
        <v>2058</v>
      </c>
      <c r="AI10" s="259">
        <v>2106</v>
      </c>
      <c r="AJ10" s="253">
        <v>6</v>
      </c>
      <c r="AK10" s="257">
        <v>7</v>
      </c>
      <c r="AL10" s="254">
        <v>13</v>
      </c>
      <c r="AM10" s="256">
        <v>0</v>
      </c>
      <c r="AN10" s="257">
        <v>72</v>
      </c>
      <c r="AO10" s="257">
        <v>84</v>
      </c>
      <c r="AP10" s="257">
        <v>55</v>
      </c>
      <c r="AQ10" s="257">
        <v>55</v>
      </c>
      <c r="AR10" s="257">
        <v>27</v>
      </c>
      <c r="AS10" s="254">
        <v>293</v>
      </c>
      <c r="AT10" s="259">
        <v>306</v>
      </c>
      <c r="AU10" s="253">
        <v>127</v>
      </c>
      <c r="AV10" s="257">
        <v>95</v>
      </c>
      <c r="AW10" s="254">
        <v>222</v>
      </c>
      <c r="AX10" s="256">
        <v>0</v>
      </c>
      <c r="AY10" s="257">
        <v>1165</v>
      </c>
      <c r="AZ10" s="257">
        <v>1156</v>
      </c>
      <c r="BA10" s="257">
        <v>965</v>
      </c>
      <c r="BB10" s="257">
        <v>1003</v>
      </c>
      <c r="BC10" s="257">
        <v>682</v>
      </c>
      <c r="BD10" s="258">
        <v>4971</v>
      </c>
      <c r="BE10" s="259">
        <v>5193</v>
      </c>
      <c r="BF10" s="253">
        <v>0</v>
      </c>
      <c r="BG10" s="257">
        <v>0</v>
      </c>
      <c r="BH10" s="254">
        <v>0</v>
      </c>
      <c r="BI10" s="256">
        <v>0</v>
      </c>
      <c r="BJ10" s="257">
        <v>1793</v>
      </c>
      <c r="BK10" s="257">
        <v>1113</v>
      </c>
      <c r="BL10" s="257">
        <v>508</v>
      </c>
      <c r="BM10" s="257">
        <v>301</v>
      </c>
      <c r="BN10" s="257">
        <v>150</v>
      </c>
      <c r="BO10" s="254">
        <v>3865</v>
      </c>
      <c r="BP10" s="259">
        <v>3865</v>
      </c>
      <c r="BQ10" s="253">
        <v>44</v>
      </c>
      <c r="BR10" s="257">
        <v>58</v>
      </c>
      <c r="BS10" s="254">
        <v>102</v>
      </c>
      <c r="BT10" s="256">
        <v>0</v>
      </c>
      <c r="BU10" s="257">
        <v>274</v>
      </c>
      <c r="BV10" s="257">
        <v>229</v>
      </c>
      <c r="BW10" s="257">
        <v>140</v>
      </c>
      <c r="BX10" s="257">
        <v>65</v>
      </c>
      <c r="BY10" s="257">
        <v>26</v>
      </c>
      <c r="BZ10" s="254">
        <v>734</v>
      </c>
      <c r="CA10" s="259">
        <v>836</v>
      </c>
      <c r="CB10" s="253">
        <v>1</v>
      </c>
      <c r="CC10" s="257">
        <v>2</v>
      </c>
      <c r="CD10" s="254">
        <v>3</v>
      </c>
      <c r="CE10" s="256">
        <v>0</v>
      </c>
      <c r="CF10" s="257">
        <v>228</v>
      </c>
      <c r="CG10" s="257">
        <v>287</v>
      </c>
      <c r="CH10" s="257">
        <v>265</v>
      </c>
      <c r="CI10" s="257">
        <v>207</v>
      </c>
      <c r="CJ10" s="257">
        <v>121</v>
      </c>
      <c r="CK10" s="254">
        <v>1108</v>
      </c>
      <c r="CL10" s="259">
        <v>1111</v>
      </c>
      <c r="CM10" s="253">
        <v>0</v>
      </c>
      <c r="CN10" s="257">
        <v>0</v>
      </c>
      <c r="CO10" s="254">
        <v>0</v>
      </c>
      <c r="CP10" s="256">
        <v>0</v>
      </c>
      <c r="CQ10" s="257">
        <v>13</v>
      </c>
      <c r="CR10" s="257">
        <v>17</v>
      </c>
      <c r="CS10" s="257">
        <v>17</v>
      </c>
      <c r="CT10" s="257">
        <v>13</v>
      </c>
      <c r="CU10" s="257">
        <v>9</v>
      </c>
      <c r="CV10" s="254">
        <v>69</v>
      </c>
      <c r="CW10" s="259">
        <v>69</v>
      </c>
      <c r="CX10" s="253">
        <v>0</v>
      </c>
      <c r="CY10" s="257">
        <v>0</v>
      </c>
      <c r="CZ10" s="254">
        <v>0</v>
      </c>
      <c r="DA10" s="256">
        <v>0</v>
      </c>
      <c r="DB10" s="257">
        <v>0</v>
      </c>
      <c r="DC10" s="257">
        <v>0</v>
      </c>
      <c r="DD10" s="257">
        <v>0</v>
      </c>
      <c r="DE10" s="257">
        <v>0</v>
      </c>
      <c r="DF10" s="257">
        <v>0</v>
      </c>
      <c r="DG10" s="254">
        <v>0</v>
      </c>
      <c r="DH10" s="259">
        <v>0</v>
      </c>
      <c r="DI10" s="253">
        <v>0</v>
      </c>
      <c r="DJ10" s="257">
        <v>0</v>
      </c>
      <c r="DK10" s="254">
        <v>0</v>
      </c>
      <c r="DL10" s="256">
        <v>0</v>
      </c>
      <c r="DM10" s="257">
        <v>0</v>
      </c>
      <c r="DN10" s="257">
        <v>0</v>
      </c>
      <c r="DO10" s="257">
        <v>0</v>
      </c>
      <c r="DP10" s="257">
        <v>0</v>
      </c>
      <c r="DQ10" s="257">
        <v>0</v>
      </c>
      <c r="DR10" s="254">
        <v>0</v>
      </c>
      <c r="DS10" s="259">
        <v>0</v>
      </c>
      <c r="DT10" s="253">
        <v>378</v>
      </c>
      <c r="DU10" s="257">
        <v>739</v>
      </c>
      <c r="DV10" s="254">
        <v>1117</v>
      </c>
      <c r="DW10" s="256">
        <v>0</v>
      </c>
      <c r="DX10" s="257">
        <v>2150</v>
      </c>
      <c r="DY10" s="257">
        <v>2343</v>
      </c>
      <c r="DZ10" s="257">
        <v>1226</v>
      </c>
      <c r="EA10" s="257">
        <v>968</v>
      </c>
      <c r="EB10" s="257">
        <v>611</v>
      </c>
      <c r="EC10" s="254">
        <v>7298</v>
      </c>
      <c r="ED10" s="259">
        <v>8415</v>
      </c>
      <c r="EE10" s="253">
        <v>92</v>
      </c>
      <c r="EF10" s="257">
        <v>43</v>
      </c>
      <c r="EG10" s="254">
        <v>135</v>
      </c>
      <c r="EH10" s="256">
        <v>0</v>
      </c>
      <c r="EI10" s="257">
        <v>470</v>
      </c>
      <c r="EJ10" s="257">
        <v>312</v>
      </c>
      <c r="EK10" s="257">
        <v>256</v>
      </c>
      <c r="EL10" s="257">
        <v>275</v>
      </c>
      <c r="EM10" s="257">
        <v>160</v>
      </c>
      <c r="EN10" s="254">
        <v>1473</v>
      </c>
      <c r="EO10" s="259">
        <v>1608</v>
      </c>
      <c r="EP10" s="253">
        <v>437</v>
      </c>
      <c r="EQ10" s="257">
        <v>805</v>
      </c>
      <c r="ER10" s="254">
        <v>1242</v>
      </c>
      <c r="ES10" s="256">
        <v>0</v>
      </c>
      <c r="ET10" s="257">
        <v>4547</v>
      </c>
      <c r="EU10" s="257">
        <v>3111</v>
      </c>
      <c r="EV10" s="257">
        <v>1489</v>
      </c>
      <c r="EW10" s="257">
        <v>1065</v>
      </c>
      <c r="EX10" s="257">
        <v>639</v>
      </c>
      <c r="EY10" s="254">
        <v>10851</v>
      </c>
      <c r="EZ10" s="259">
        <v>12093</v>
      </c>
    </row>
    <row r="11" spans="2:156" ht="21" customHeight="1" x14ac:dyDescent="0.2">
      <c r="B11" s="437" t="s">
        <v>8</v>
      </c>
      <c r="C11" s="253">
        <v>0</v>
      </c>
      <c r="D11" s="257">
        <v>0</v>
      </c>
      <c r="E11" s="340">
        <v>0</v>
      </c>
      <c r="F11" s="256">
        <v>0</v>
      </c>
      <c r="G11" s="257">
        <v>448</v>
      </c>
      <c r="H11" s="257">
        <v>626</v>
      </c>
      <c r="I11" s="257">
        <v>393</v>
      </c>
      <c r="J11" s="257">
        <v>318</v>
      </c>
      <c r="K11" s="257">
        <v>266</v>
      </c>
      <c r="L11" s="258">
        <v>2051</v>
      </c>
      <c r="M11" s="259">
        <v>2051</v>
      </c>
      <c r="N11" s="253">
        <v>0</v>
      </c>
      <c r="O11" s="257">
        <v>0</v>
      </c>
      <c r="P11" s="254">
        <v>0</v>
      </c>
      <c r="Q11" s="256">
        <v>0</v>
      </c>
      <c r="R11" s="257">
        <v>6</v>
      </c>
      <c r="S11" s="257">
        <v>15</v>
      </c>
      <c r="T11" s="257">
        <v>27</v>
      </c>
      <c r="U11" s="257">
        <v>55</v>
      </c>
      <c r="V11" s="257">
        <v>92</v>
      </c>
      <c r="W11" s="254">
        <v>195</v>
      </c>
      <c r="X11" s="259">
        <v>195</v>
      </c>
      <c r="Y11" s="253">
        <v>59</v>
      </c>
      <c r="Z11" s="257">
        <v>78</v>
      </c>
      <c r="AA11" s="254">
        <v>137</v>
      </c>
      <c r="AB11" s="256">
        <v>0</v>
      </c>
      <c r="AC11" s="257">
        <v>309</v>
      </c>
      <c r="AD11" s="257">
        <v>432</v>
      </c>
      <c r="AE11" s="257">
        <v>266</v>
      </c>
      <c r="AF11" s="257">
        <v>236</v>
      </c>
      <c r="AG11" s="257">
        <v>204</v>
      </c>
      <c r="AH11" s="254">
        <v>1447</v>
      </c>
      <c r="AI11" s="259">
        <v>1584</v>
      </c>
      <c r="AJ11" s="253">
        <v>12</v>
      </c>
      <c r="AK11" s="257">
        <v>20</v>
      </c>
      <c r="AL11" s="254">
        <v>32</v>
      </c>
      <c r="AM11" s="256">
        <v>0</v>
      </c>
      <c r="AN11" s="257">
        <v>71</v>
      </c>
      <c r="AO11" s="257">
        <v>91</v>
      </c>
      <c r="AP11" s="257">
        <v>46</v>
      </c>
      <c r="AQ11" s="257">
        <v>51</v>
      </c>
      <c r="AR11" s="257">
        <v>29</v>
      </c>
      <c r="AS11" s="254">
        <v>288</v>
      </c>
      <c r="AT11" s="259">
        <v>320</v>
      </c>
      <c r="AU11" s="253">
        <v>81</v>
      </c>
      <c r="AV11" s="257">
        <v>51</v>
      </c>
      <c r="AW11" s="254">
        <v>132</v>
      </c>
      <c r="AX11" s="256">
        <v>0</v>
      </c>
      <c r="AY11" s="257">
        <v>497</v>
      </c>
      <c r="AZ11" s="257">
        <v>569</v>
      </c>
      <c r="BA11" s="257">
        <v>578</v>
      </c>
      <c r="BB11" s="257">
        <v>579</v>
      </c>
      <c r="BC11" s="257">
        <v>422</v>
      </c>
      <c r="BD11" s="258">
        <v>2645</v>
      </c>
      <c r="BE11" s="259">
        <v>2777</v>
      </c>
      <c r="BF11" s="253">
        <v>0</v>
      </c>
      <c r="BG11" s="257">
        <v>0</v>
      </c>
      <c r="BH11" s="254">
        <v>0</v>
      </c>
      <c r="BI11" s="256">
        <v>0</v>
      </c>
      <c r="BJ11" s="257">
        <v>591</v>
      </c>
      <c r="BK11" s="257">
        <v>638</v>
      </c>
      <c r="BL11" s="257">
        <v>365</v>
      </c>
      <c r="BM11" s="257">
        <v>230</v>
      </c>
      <c r="BN11" s="257">
        <v>108</v>
      </c>
      <c r="BO11" s="254">
        <v>1932</v>
      </c>
      <c r="BP11" s="259">
        <v>1932</v>
      </c>
      <c r="BQ11" s="253">
        <v>58</v>
      </c>
      <c r="BR11" s="257">
        <v>64</v>
      </c>
      <c r="BS11" s="254">
        <v>122</v>
      </c>
      <c r="BT11" s="256">
        <v>0</v>
      </c>
      <c r="BU11" s="257">
        <v>157</v>
      </c>
      <c r="BV11" s="257">
        <v>160</v>
      </c>
      <c r="BW11" s="257">
        <v>98</v>
      </c>
      <c r="BX11" s="257">
        <v>54</v>
      </c>
      <c r="BY11" s="257">
        <v>19</v>
      </c>
      <c r="BZ11" s="254">
        <v>488</v>
      </c>
      <c r="CA11" s="259">
        <v>610</v>
      </c>
      <c r="CB11" s="253">
        <v>0</v>
      </c>
      <c r="CC11" s="257">
        <v>10</v>
      </c>
      <c r="CD11" s="254">
        <v>10</v>
      </c>
      <c r="CE11" s="256">
        <v>0</v>
      </c>
      <c r="CF11" s="257">
        <v>93</v>
      </c>
      <c r="CG11" s="257">
        <v>180</v>
      </c>
      <c r="CH11" s="257">
        <v>221</v>
      </c>
      <c r="CI11" s="257">
        <v>125</v>
      </c>
      <c r="CJ11" s="257">
        <v>59</v>
      </c>
      <c r="CK11" s="254">
        <v>678</v>
      </c>
      <c r="CL11" s="259">
        <v>688</v>
      </c>
      <c r="CM11" s="253">
        <v>0</v>
      </c>
      <c r="CN11" s="257">
        <v>0</v>
      </c>
      <c r="CO11" s="254">
        <v>0</v>
      </c>
      <c r="CP11" s="256">
        <v>0</v>
      </c>
      <c r="CQ11" s="257">
        <v>1</v>
      </c>
      <c r="CR11" s="257">
        <v>7</v>
      </c>
      <c r="CS11" s="257">
        <v>4</v>
      </c>
      <c r="CT11" s="257">
        <v>6</v>
      </c>
      <c r="CU11" s="257">
        <v>3</v>
      </c>
      <c r="CV11" s="254">
        <v>21</v>
      </c>
      <c r="CW11" s="259">
        <v>21</v>
      </c>
      <c r="CX11" s="253">
        <v>0</v>
      </c>
      <c r="CY11" s="257">
        <v>0</v>
      </c>
      <c r="CZ11" s="254">
        <v>0</v>
      </c>
      <c r="DA11" s="256">
        <v>0</v>
      </c>
      <c r="DB11" s="257">
        <v>0</v>
      </c>
      <c r="DC11" s="257">
        <v>0</v>
      </c>
      <c r="DD11" s="257">
        <v>0</v>
      </c>
      <c r="DE11" s="257">
        <v>0</v>
      </c>
      <c r="DF11" s="257">
        <v>0</v>
      </c>
      <c r="DG11" s="254">
        <v>0</v>
      </c>
      <c r="DH11" s="259">
        <v>0</v>
      </c>
      <c r="DI11" s="253">
        <v>0</v>
      </c>
      <c r="DJ11" s="257">
        <v>0</v>
      </c>
      <c r="DK11" s="254">
        <v>0</v>
      </c>
      <c r="DL11" s="256">
        <v>0</v>
      </c>
      <c r="DM11" s="257">
        <v>0</v>
      </c>
      <c r="DN11" s="257">
        <v>0</v>
      </c>
      <c r="DO11" s="257">
        <v>0</v>
      </c>
      <c r="DP11" s="257">
        <v>0</v>
      </c>
      <c r="DQ11" s="257">
        <v>0</v>
      </c>
      <c r="DR11" s="254">
        <v>0</v>
      </c>
      <c r="DS11" s="259">
        <v>0</v>
      </c>
      <c r="DT11" s="253">
        <v>453</v>
      </c>
      <c r="DU11" s="257">
        <v>617</v>
      </c>
      <c r="DV11" s="254">
        <v>1070</v>
      </c>
      <c r="DW11" s="256">
        <v>0</v>
      </c>
      <c r="DX11" s="257">
        <v>1046</v>
      </c>
      <c r="DY11" s="257">
        <v>1587</v>
      </c>
      <c r="DZ11" s="257">
        <v>909</v>
      </c>
      <c r="EA11" s="257">
        <v>652</v>
      </c>
      <c r="EB11" s="257">
        <v>410</v>
      </c>
      <c r="EC11" s="254">
        <v>4604</v>
      </c>
      <c r="ED11" s="259">
        <v>5674</v>
      </c>
      <c r="EE11" s="253">
        <v>52</v>
      </c>
      <c r="EF11" s="257">
        <v>19</v>
      </c>
      <c r="EG11" s="254">
        <v>71</v>
      </c>
      <c r="EH11" s="256">
        <v>0</v>
      </c>
      <c r="EI11" s="257">
        <v>156</v>
      </c>
      <c r="EJ11" s="257">
        <v>127</v>
      </c>
      <c r="EK11" s="257">
        <v>112</v>
      </c>
      <c r="EL11" s="257">
        <v>136</v>
      </c>
      <c r="EM11" s="257">
        <v>72</v>
      </c>
      <c r="EN11" s="254">
        <v>603</v>
      </c>
      <c r="EO11" s="259">
        <v>674</v>
      </c>
      <c r="EP11" s="253">
        <v>541</v>
      </c>
      <c r="EQ11" s="257">
        <v>695</v>
      </c>
      <c r="ER11" s="254">
        <v>1236</v>
      </c>
      <c r="ES11" s="256">
        <v>0</v>
      </c>
      <c r="ET11" s="257">
        <v>1907</v>
      </c>
      <c r="EU11" s="257">
        <v>1977</v>
      </c>
      <c r="EV11" s="257">
        <v>1044</v>
      </c>
      <c r="EW11" s="257">
        <v>684</v>
      </c>
      <c r="EX11" s="257">
        <v>421</v>
      </c>
      <c r="EY11" s="254">
        <v>6033</v>
      </c>
      <c r="EZ11" s="259">
        <v>7269</v>
      </c>
    </row>
    <row r="12" spans="2:156" ht="21" customHeight="1" x14ac:dyDescent="0.2">
      <c r="B12" s="437" t="s">
        <v>9</v>
      </c>
      <c r="C12" s="253">
        <v>0</v>
      </c>
      <c r="D12" s="257">
        <v>0</v>
      </c>
      <c r="E12" s="340">
        <v>0</v>
      </c>
      <c r="F12" s="256">
        <v>0</v>
      </c>
      <c r="G12" s="257">
        <v>652</v>
      </c>
      <c r="H12" s="257">
        <v>492</v>
      </c>
      <c r="I12" s="257">
        <v>363</v>
      </c>
      <c r="J12" s="257">
        <v>335</v>
      </c>
      <c r="K12" s="257">
        <v>244</v>
      </c>
      <c r="L12" s="258">
        <v>2086</v>
      </c>
      <c r="M12" s="259">
        <v>2086</v>
      </c>
      <c r="N12" s="253">
        <v>0</v>
      </c>
      <c r="O12" s="257">
        <v>0</v>
      </c>
      <c r="P12" s="254">
        <v>0</v>
      </c>
      <c r="Q12" s="256">
        <v>0</v>
      </c>
      <c r="R12" s="257">
        <v>4</v>
      </c>
      <c r="S12" s="257">
        <v>8</v>
      </c>
      <c r="T12" s="257">
        <v>16</v>
      </c>
      <c r="U12" s="257">
        <v>54</v>
      </c>
      <c r="V12" s="257">
        <v>100</v>
      </c>
      <c r="W12" s="254">
        <v>182</v>
      </c>
      <c r="X12" s="259">
        <v>182</v>
      </c>
      <c r="Y12" s="253">
        <v>57</v>
      </c>
      <c r="Z12" s="257">
        <v>98</v>
      </c>
      <c r="AA12" s="254">
        <v>155</v>
      </c>
      <c r="AB12" s="256">
        <v>0</v>
      </c>
      <c r="AC12" s="257">
        <v>395</v>
      </c>
      <c r="AD12" s="257">
        <v>332</v>
      </c>
      <c r="AE12" s="257">
        <v>258</v>
      </c>
      <c r="AF12" s="257">
        <v>244</v>
      </c>
      <c r="AG12" s="257">
        <v>197</v>
      </c>
      <c r="AH12" s="254">
        <v>1426</v>
      </c>
      <c r="AI12" s="259">
        <v>1581</v>
      </c>
      <c r="AJ12" s="253">
        <v>7</v>
      </c>
      <c r="AK12" s="257">
        <v>17</v>
      </c>
      <c r="AL12" s="254">
        <v>24</v>
      </c>
      <c r="AM12" s="256">
        <v>0</v>
      </c>
      <c r="AN12" s="257">
        <v>41</v>
      </c>
      <c r="AO12" s="257">
        <v>52</v>
      </c>
      <c r="AP12" s="257">
        <v>42</v>
      </c>
      <c r="AQ12" s="257">
        <v>41</v>
      </c>
      <c r="AR12" s="257">
        <v>29</v>
      </c>
      <c r="AS12" s="254">
        <v>205</v>
      </c>
      <c r="AT12" s="259">
        <v>229</v>
      </c>
      <c r="AU12" s="253">
        <v>83</v>
      </c>
      <c r="AV12" s="257">
        <v>70</v>
      </c>
      <c r="AW12" s="254">
        <v>153</v>
      </c>
      <c r="AX12" s="256">
        <v>0</v>
      </c>
      <c r="AY12" s="257">
        <v>538</v>
      </c>
      <c r="AZ12" s="257">
        <v>570</v>
      </c>
      <c r="BA12" s="257">
        <v>574</v>
      </c>
      <c r="BB12" s="257">
        <v>608</v>
      </c>
      <c r="BC12" s="257">
        <v>429</v>
      </c>
      <c r="BD12" s="258">
        <v>2719</v>
      </c>
      <c r="BE12" s="259">
        <v>2872</v>
      </c>
      <c r="BF12" s="253">
        <v>0</v>
      </c>
      <c r="BG12" s="257">
        <v>0</v>
      </c>
      <c r="BH12" s="254">
        <v>0</v>
      </c>
      <c r="BI12" s="256">
        <v>0</v>
      </c>
      <c r="BJ12" s="257">
        <v>619</v>
      </c>
      <c r="BK12" s="257">
        <v>388</v>
      </c>
      <c r="BL12" s="257">
        <v>246</v>
      </c>
      <c r="BM12" s="257">
        <v>167</v>
      </c>
      <c r="BN12" s="257">
        <v>57</v>
      </c>
      <c r="BO12" s="254">
        <v>1477</v>
      </c>
      <c r="BP12" s="259">
        <v>1477</v>
      </c>
      <c r="BQ12" s="253">
        <v>48</v>
      </c>
      <c r="BR12" s="257">
        <v>81</v>
      </c>
      <c r="BS12" s="254">
        <v>129</v>
      </c>
      <c r="BT12" s="256">
        <v>0</v>
      </c>
      <c r="BU12" s="257">
        <v>160</v>
      </c>
      <c r="BV12" s="257">
        <v>131</v>
      </c>
      <c r="BW12" s="257">
        <v>84</v>
      </c>
      <c r="BX12" s="257">
        <v>89</v>
      </c>
      <c r="BY12" s="257">
        <v>29</v>
      </c>
      <c r="BZ12" s="254">
        <v>493</v>
      </c>
      <c r="CA12" s="259">
        <v>622</v>
      </c>
      <c r="CB12" s="253">
        <v>1</v>
      </c>
      <c r="CC12" s="257">
        <v>7</v>
      </c>
      <c r="CD12" s="254">
        <v>8</v>
      </c>
      <c r="CE12" s="256">
        <v>0</v>
      </c>
      <c r="CF12" s="257">
        <v>74</v>
      </c>
      <c r="CG12" s="257">
        <v>94</v>
      </c>
      <c r="CH12" s="257">
        <v>133</v>
      </c>
      <c r="CI12" s="257">
        <v>88</v>
      </c>
      <c r="CJ12" s="257">
        <v>59</v>
      </c>
      <c r="CK12" s="254">
        <v>448</v>
      </c>
      <c r="CL12" s="259">
        <v>456</v>
      </c>
      <c r="CM12" s="253">
        <v>0</v>
      </c>
      <c r="CN12" s="257">
        <v>1</v>
      </c>
      <c r="CO12" s="254">
        <v>1</v>
      </c>
      <c r="CP12" s="256">
        <v>0</v>
      </c>
      <c r="CQ12" s="257">
        <v>13</v>
      </c>
      <c r="CR12" s="257">
        <v>14</v>
      </c>
      <c r="CS12" s="257">
        <v>28</v>
      </c>
      <c r="CT12" s="257">
        <v>26</v>
      </c>
      <c r="CU12" s="257">
        <v>11</v>
      </c>
      <c r="CV12" s="254">
        <v>92</v>
      </c>
      <c r="CW12" s="259">
        <v>93</v>
      </c>
      <c r="CX12" s="253">
        <v>0</v>
      </c>
      <c r="CY12" s="257">
        <v>0</v>
      </c>
      <c r="CZ12" s="254">
        <v>0</v>
      </c>
      <c r="DA12" s="256">
        <v>0</v>
      </c>
      <c r="DB12" s="257">
        <v>0</v>
      </c>
      <c r="DC12" s="257">
        <v>0</v>
      </c>
      <c r="DD12" s="257">
        <v>0</v>
      </c>
      <c r="DE12" s="257">
        <v>0</v>
      </c>
      <c r="DF12" s="257">
        <v>0</v>
      </c>
      <c r="DG12" s="254">
        <v>0</v>
      </c>
      <c r="DH12" s="259">
        <v>0</v>
      </c>
      <c r="DI12" s="253">
        <v>0</v>
      </c>
      <c r="DJ12" s="257">
        <v>0</v>
      </c>
      <c r="DK12" s="254">
        <v>0</v>
      </c>
      <c r="DL12" s="256">
        <v>0</v>
      </c>
      <c r="DM12" s="257">
        <v>0</v>
      </c>
      <c r="DN12" s="257">
        <v>0</v>
      </c>
      <c r="DO12" s="257">
        <v>0</v>
      </c>
      <c r="DP12" s="257">
        <v>0</v>
      </c>
      <c r="DQ12" s="257">
        <v>0</v>
      </c>
      <c r="DR12" s="254">
        <v>0</v>
      </c>
      <c r="DS12" s="259">
        <v>0</v>
      </c>
      <c r="DT12" s="253">
        <v>367</v>
      </c>
      <c r="DU12" s="257">
        <v>488</v>
      </c>
      <c r="DV12" s="254">
        <v>855</v>
      </c>
      <c r="DW12" s="256">
        <v>0</v>
      </c>
      <c r="DX12" s="257">
        <v>974</v>
      </c>
      <c r="DY12" s="257">
        <v>955</v>
      </c>
      <c r="DZ12" s="257">
        <v>658</v>
      </c>
      <c r="EA12" s="257">
        <v>562</v>
      </c>
      <c r="EB12" s="257">
        <v>360</v>
      </c>
      <c r="EC12" s="254">
        <v>3509</v>
      </c>
      <c r="ED12" s="259">
        <v>4364</v>
      </c>
      <c r="EE12" s="253">
        <v>50</v>
      </c>
      <c r="EF12" s="257">
        <v>18</v>
      </c>
      <c r="EG12" s="254">
        <v>68</v>
      </c>
      <c r="EH12" s="256">
        <v>0</v>
      </c>
      <c r="EI12" s="257">
        <v>193</v>
      </c>
      <c r="EJ12" s="257">
        <v>157</v>
      </c>
      <c r="EK12" s="257">
        <v>167</v>
      </c>
      <c r="EL12" s="257">
        <v>177</v>
      </c>
      <c r="EM12" s="257">
        <v>122</v>
      </c>
      <c r="EN12" s="254">
        <v>816</v>
      </c>
      <c r="EO12" s="259">
        <v>884</v>
      </c>
      <c r="EP12" s="253">
        <v>433</v>
      </c>
      <c r="EQ12" s="257">
        <v>584</v>
      </c>
      <c r="ER12" s="254">
        <v>1017</v>
      </c>
      <c r="ES12" s="256">
        <v>0</v>
      </c>
      <c r="ET12" s="257">
        <v>1795</v>
      </c>
      <c r="EU12" s="257">
        <v>1244</v>
      </c>
      <c r="EV12" s="257">
        <v>766</v>
      </c>
      <c r="EW12" s="257">
        <v>598</v>
      </c>
      <c r="EX12" s="257">
        <v>363</v>
      </c>
      <c r="EY12" s="254">
        <v>4766</v>
      </c>
      <c r="EZ12" s="259">
        <v>5783</v>
      </c>
    </row>
    <row r="13" spans="2:156" ht="21" customHeight="1" x14ac:dyDescent="0.2">
      <c r="B13" s="437" t="s">
        <v>10</v>
      </c>
      <c r="C13" s="253">
        <v>0</v>
      </c>
      <c r="D13" s="257">
        <v>0</v>
      </c>
      <c r="E13" s="340">
        <v>0</v>
      </c>
      <c r="F13" s="256">
        <v>0</v>
      </c>
      <c r="G13" s="257">
        <v>1337</v>
      </c>
      <c r="H13" s="257">
        <v>761</v>
      </c>
      <c r="I13" s="257">
        <v>524</v>
      </c>
      <c r="J13" s="257">
        <v>463</v>
      </c>
      <c r="K13" s="257">
        <v>373</v>
      </c>
      <c r="L13" s="258">
        <v>3458</v>
      </c>
      <c r="M13" s="259">
        <v>3458</v>
      </c>
      <c r="N13" s="253">
        <v>0</v>
      </c>
      <c r="O13" s="257">
        <v>1</v>
      </c>
      <c r="P13" s="254">
        <v>1</v>
      </c>
      <c r="Q13" s="256">
        <v>0</v>
      </c>
      <c r="R13" s="257">
        <v>9</v>
      </c>
      <c r="S13" s="257">
        <v>26</v>
      </c>
      <c r="T13" s="257">
        <v>36</v>
      </c>
      <c r="U13" s="257">
        <v>80</v>
      </c>
      <c r="V13" s="257">
        <v>171</v>
      </c>
      <c r="W13" s="254">
        <v>322</v>
      </c>
      <c r="X13" s="259">
        <v>323</v>
      </c>
      <c r="Y13" s="253">
        <v>182</v>
      </c>
      <c r="Z13" s="257">
        <v>300</v>
      </c>
      <c r="AA13" s="254">
        <v>482</v>
      </c>
      <c r="AB13" s="256">
        <v>0</v>
      </c>
      <c r="AC13" s="257">
        <v>860</v>
      </c>
      <c r="AD13" s="257">
        <v>580</v>
      </c>
      <c r="AE13" s="257">
        <v>355</v>
      </c>
      <c r="AF13" s="257">
        <v>349</v>
      </c>
      <c r="AG13" s="257">
        <v>286</v>
      </c>
      <c r="AH13" s="254">
        <v>2430</v>
      </c>
      <c r="AI13" s="259">
        <v>2912</v>
      </c>
      <c r="AJ13" s="253">
        <v>27</v>
      </c>
      <c r="AK13" s="257">
        <v>50</v>
      </c>
      <c r="AL13" s="254">
        <v>77</v>
      </c>
      <c r="AM13" s="256">
        <v>0</v>
      </c>
      <c r="AN13" s="257">
        <v>102</v>
      </c>
      <c r="AO13" s="257">
        <v>87</v>
      </c>
      <c r="AP13" s="257">
        <v>66</v>
      </c>
      <c r="AQ13" s="257">
        <v>36</v>
      </c>
      <c r="AR13" s="257">
        <v>55</v>
      </c>
      <c r="AS13" s="254">
        <v>346</v>
      </c>
      <c r="AT13" s="259">
        <v>423</v>
      </c>
      <c r="AU13" s="253">
        <v>196</v>
      </c>
      <c r="AV13" s="257">
        <v>290</v>
      </c>
      <c r="AW13" s="254">
        <v>486</v>
      </c>
      <c r="AX13" s="256">
        <v>0</v>
      </c>
      <c r="AY13" s="257">
        <v>1302</v>
      </c>
      <c r="AZ13" s="257">
        <v>1122</v>
      </c>
      <c r="BA13" s="257">
        <v>980</v>
      </c>
      <c r="BB13" s="257">
        <v>1005</v>
      </c>
      <c r="BC13" s="257">
        <v>789</v>
      </c>
      <c r="BD13" s="258">
        <v>5198</v>
      </c>
      <c r="BE13" s="259">
        <v>5684</v>
      </c>
      <c r="BF13" s="253">
        <v>0</v>
      </c>
      <c r="BG13" s="257">
        <v>0</v>
      </c>
      <c r="BH13" s="254">
        <v>0</v>
      </c>
      <c r="BI13" s="256">
        <v>0</v>
      </c>
      <c r="BJ13" s="257">
        <v>1634</v>
      </c>
      <c r="BK13" s="257">
        <v>857</v>
      </c>
      <c r="BL13" s="257">
        <v>502</v>
      </c>
      <c r="BM13" s="257">
        <v>290</v>
      </c>
      <c r="BN13" s="257">
        <v>142</v>
      </c>
      <c r="BO13" s="254">
        <v>3425</v>
      </c>
      <c r="BP13" s="259">
        <v>3425</v>
      </c>
      <c r="BQ13" s="253">
        <v>52</v>
      </c>
      <c r="BR13" s="257">
        <v>93</v>
      </c>
      <c r="BS13" s="254">
        <v>145</v>
      </c>
      <c r="BT13" s="256">
        <v>0</v>
      </c>
      <c r="BU13" s="257">
        <v>266</v>
      </c>
      <c r="BV13" s="257">
        <v>201</v>
      </c>
      <c r="BW13" s="257">
        <v>95</v>
      </c>
      <c r="BX13" s="257">
        <v>65</v>
      </c>
      <c r="BY13" s="257">
        <v>30</v>
      </c>
      <c r="BZ13" s="254">
        <v>657</v>
      </c>
      <c r="CA13" s="259">
        <v>802</v>
      </c>
      <c r="CB13" s="253">
        <v>6</v>
      </c>
      <c r="CC13" s="257">
        <v>21</v>
      </c>
      <c r="CD13" s="254">
        <v>27</v>
      </c>
      <c r="CE13" s="256">
        <v>0</v>
      </c>
      <c r="CF13" s="257">
        <v>192</v>
      </c>
      <c r="CG13" s="257">
        <v>185</v>
      </c>
      <c r="CH13" s="257">
        <v>182</v>
      </c>
      <c r="CI13" s="257">
        <v>150</v>
      </c>
      <c r="CJ13" s="257">
        <v>95</v>
      </c>
      <c r="CK13" s="254">
        <v>804</v>
      </c>
      <c r="CL13" s="259">
        <v>831</v>
      </c>
      <c r="CM13" s="253">
        <v>0</v>
      </c>
      <c r="CN13" s="257">
        <v>2</v>
      </c>
      <c r="CO13" s="254">
        <v>2</v>
      </c>
      <c r="CP13" s="256">
        <v>0</v>
      </c>
      <c r="CQ13" s="257">
        <v>11</v>
      </c>
      <c r="CR13" s="257">
        <v>12</v>
      </c>
      <c r="CS13" s="257">
        <v>18</v>
      </c>
      <c r="CT13" s="257">
        <v>14</v>
      </c>
      <c r="CU13" s="257">
        <v>10</v>
      </c>
      <c r="CV13" s="254">
        <v>65</v>
      </c>
      <c r="CW13" s="259">
        <v>67</v>
      </c>
      <c r="CX13" s="253">
        <v>0</v>
      </c>
      <c r="CY13" s="257">
        <v>0</v>
      </c>
      <c r="CZ13" s="254">
        <v>0</v>
      </c>
      <c r="DA13" s="256">
        <v>0</v>
      </c>
      <c r="DB13" s="257">
        <v>0</v>
      </c>
      <c r="DC13" s="257">
        <v>0</v>
      </c>
      <c r="DD13" s="257">
        <v>0</v>
      </c>
      <c r="DE13" s="257">
        <v>0</v>
      </c>
      <c r="DF13" s="257">
        <v>0</v>
      </c>
      <c r="DG13" s="254">
        <v>0</v>
      </c>
      <c r="DH13" s="259">
        <v>0</v>
      </c>
      <c r="DI13" s="253">
        <v>0</v>
      </c>
      <c r="DJ13" s="257">
        <v>0</v>
      </c>
      <c r="DK13" s="254">
        <v>0</v>
      </c>
      <c r="DL13" s="256">
        <v>0</v>
      </c>
      <c r="DM13" s="257">
        <v>0</v>
      </c>
      <c r="DN13" s="257">
        <v>0</v>
      </c>
      <c r="DO13" s="257">
        <v>0</v>
      </c>
      <c r="DP13" s="257">
        <v>0</v>
      </c>
      <c r="DQ13" s="257">
        <v>0</v>
      </c>
      <c r="DR13" s="254">
        <v>0</v>
      </c>
      <c r="DS13" s="259">
        <v>0</v>
      </c>
      <c r="DT13" s="253">
        <v>994</v>
      </c>
      <c r="DU13" s="257">
        <v>1333</v>
      </c>
      <c r="DV13" s="254">
        <v>2327</v>
      </c>
      <c r="DW13" s="256">
        <v>0</v>
      </c>
      <c r="DX13" s="257">
        <v>2044</v>
      </c>
      <c r="DY13" s="257">
        <v>1651</v>
      </c>
      <c r="DZ13" s="257">
        <v>1051</v>
      </c>
      <c r="EA13" s="257">
        <v>889</v>
      </c>
      <c r="EB13" s="257">
        <v>627</v>
      </c>
      <c r="EC13" s="254">
        <v>6262</v>
      </c>
      <c r="ED13" s="259">
        <v>8589</v>
      </c>
      <c r="EE13" s="253">
        <v>76</v>
      </c>
      <c r="EF13" s="257">
        <v>67</v>
      </c>
      <c r="EG13" s="254">
        <v>143</v>
      </c>
      <c r="EH13" s="256">
        <v>0</v>
      </c>
      <c r="EI13" s="257">
        <v>294</v>
      </c>
      <c r="EJ13" s="257">
        <v>237</v>
      </c>
      <c r="EK13" s="257">
        <v>221</v>
      </c>
      <c r="EL13" s="257">
        <v>240</v>
      </c>
      <c r="EM13" s="257">
        <v>149</v>
      </c>
      <c r="EN13" s="254">
        <v>1141</v>
      </c>
      <c r="EO13" s="259">
        <v>1284</v>
      </c>
      <c r="EP13" s="253">
        <v>1172</v>
      </c>
      <c r="EQ13" s="257">
        <v>1523</v>
      </c>
      <c r="ER13" s="254">
        <v>2695</v>
      </c>
      <c r="ES13" s="256">
        <v>0</v>
      </c>
      <c r="ET13" s="257">
        <v>3596</v>
      </c>
      <c r="EU13" s="257">
        <v>2020</v>
      </c>
      <c r="EV13" s="257">
        <v>1156</v>
      </c>
      <c r="EW13" s="257">
        <v>860</v>
      </c>
      <c r="EX13" s="257">
        <v>589</v>
      </c>
      <c r="EY13" s="254">
        <v>8221</v>
      </c>
      <c r="EZ13" s="259">
        <v>10916</v>
      </c>
    </row>
    <row r="14" spans="2:156" ht="21" customHeight="1" x14ac:dyDescent="0.2">
      <c r="B14" s="437" t="s">
        <v>11</v>
      </c>
      <c r="C14" s="253">
        <v>0</v>
      </c>
      <c r="D14" s="257">
        <v>0</v>
      </c>
      <c r="E14" s="340">
        <v>0</v>
      </c>
      <c r="F14" s="256">
        <v>0</v>
      </c>
      <c r="G14" s="257">
        <v>522</v>
      </c>
      <c r="H14" s="257">
        <v>370</v>
      </c>
      <c r="I14" s="257">
        <v>262</v>
      </c>
      <c r="J14" s="257">
        <v>256</v>
      </c>
      <c r="K14" s="257">
        <v>175</v>
      </c>
      <c r="L14" s="258">
        <v>1585</v>
      </c>
      <c r="M14" s="259">
        <v>1585</v>
      </c>
      <c r="N14" s="253">
        <v>0</v>
      </c>
      <c r="O14" s="257">
        <v>0</v>
      </c>
      <c r="P14" s="254">
        <v>0</v>
      </c>
      <c r="Q14" s="256">
        <v>0</v>
      </c>
      <c r="R14" s="257">
        <v>6</v>
      </c>
      <c r="S14" s="257">
        <v>9</v>
      </c>
      <c r="T14" s="257">
        <v>24</v>
      </c>
      <c r="U14" s="257">
        <v>58</v>
      </c>
      <c r="V14" s="257">
        <v>64</v>
      </c>
      <c r="W14" s="254">
        <v>161</v>
      </c>
      <c r="X14" s="259">
        <v>161</v>
      </c>
      <c r="Y14" s="253">
        <v>49</v>
      </c>
      <c r="Z14" s="257">
        <v>60</v>
      </c>
      <c r="AA14" s="254">
        <v>109</v>
      </c>
      <c r="AB14" s="256">
        <v>0</v>
      </c>
      <c r="AC14" s="257">
        <v>360</v>
      </c>
      <c r="AD14" s="257">
        <v>242</v>
      </c>
      <c r="AE14" s="257">
        <v>198</v>
      </c>
      <c r="AF14" s="257">
        <v>214</v>
      </c>
      <c r="AG14" s="257">
        <v>148</v>
      </c>
      <c r="AH14" s="254">
        <v>1162</v>
      </c>
      <c r="AI14" s="259">
        <v>1271</v>
      </c>
      <c r="AJ14" s="253">
        <v>3</v>
      </c>
      <c r="AK14" s="257">
        <v>7</v>
      </c>
      <c r="AL14" s="254">
        <v>10</v>
      </c>
      <c r="AM14" s="256">
        <v>0</v>
      </c>
      <c r="AN14" s="257">
        <v>22</v>
      </c>
      <c r="AO14" s="257">
        <v>31</v>
      </c>
      <c r="AP14" s="257">
        <v>27</v>
      </c>
      <c r="AQ14" s="257">
        <v>24</v>
      </c>
      <c r="AR14" s="257">
        <v>6</v>
      </c>
      <c r="AS14" s="254">
        <v>110</v>
      </c>
      <c r="AT14" s="259">
        <v>120</v>
      </c>
      <c r="AU14" s="253">
        <v>50</v>
      </c>
      <c r="AV14" s="257">
        <v>48</v>
      </c>
      <c r="AW14" s="254">
        <v>98</v>
      </c>
      <c r="AX14" s="256">
        <v>0</v>
      </c>
      <c r="AY14" s="257">
        <v>443</v>
      </c>
      <c r="AZ14" s="257">
        <v>478</v>
      </c>
      <c r="BA14" s="257">
        <v>430</v>
      </c>
      <c r="BB14" s="257">
        <v>484</v>
      </c>
      <c r="BC14" s="257">
        <v>292</v>
      </c>
      <c r="BD14" s="258">
        <v>2127</v>
      </c>
      <c r="BE14" s="259">
        <v>2225</v>
      </c>
      <c r="BF14" s="253">
        <v>0</v>
      </c>
      <c r="BG14" s="257">
        <v>0</v>
      </c>
      <c r="BH14" s="254">
        <v>0</v>
      </c>
      <c r="BI14" s="256">
        <v>0</v>
      </c>
      <c r="BJ14" s="257">
        <v>713</v>
      </c>
      <c r="BK14" s="257">
        <v>416</v>
      </c>
      <c r="BL14" s="257">
        <v>274</v>
      </c>
      <c r="BM14" s="257">
        <v>189</v>
      </c>
      <c r="BN14" s="257">
        <v>88</v>
      </c>
      <c r="BO14" s="254">
        <v>1680</v>
      </c>
      <c r="BP14" s="259">
        <v>1680</v>
      </c>
      <c r="BQ14" s="253">
        <v>105</v>
      </c>
      <c r="BR14" s="257">
        <v>82</v>
      </c>
      <c r="BS14" s="254">
        <v>187</v>
      </c>
      <c r="BT14" s="256">
        <v>0</v>
      </c>
      <c r="BU14" s="257">
        <v>242</v>
      </c>
      <c r="BV14" s="257">
        <v>151</v>
      </c>
      <c r="BW14" s="257">
        <v>98</v>
      </c>
      <c r="BX14" s="257">
        <v>72</v>
      </c>
      <c r="BY14" s="257">
        <v>21</v>
      </c>
      <c r="BZ14" s="254">
        <v>584</v>
      </c>
      <c r="CA14" s="259">
        <v>771</v>
      </c>
      <c r="CB14" s="253">
        <v>5</v>
      </c>
      <c r="CC14" s="257">
        <v>10</v>
      </c>
      <c r="CD14" s="254">
        <v>15</v>
      </c>
      <c r="CE14" s="256">
        <v>0</v>
      </c>
      <c r="CF14" s="257">
        <v>95</v>
      </c>
      <c r="CG14" s="257">
        <v>73</v>
      </c>
      <c r="CH14" s="257">
        <v>119</v>
      </c>
      <c r="CI14" s="257">
        <v>88</v>
      </c>
      <c r="CJ14" s="257">
        <v>40</v>
      </c>
      <c r="CK14" s="254">
        <v>415</v>
      </c>
      <c r="CL14" s="259">
        <v>430</v>
      </c>
      <c r="CM14" s="253">
        <v>0</v>
      </c>
      <c r="CN14" s="257">
        <v>1</v>
      </c>
      <c r="CO14" s="254">
        <v>1</v>
      </c>
      <c r="CP14" s="256">
        <v>0</v>
      </c>
      <c r="CQ14" s="257">
        <v>8</v>
      </c>
      <c r="CR14" s="257">
        <v>10</v>
      </c>
      <c r="CS14" s="257">
        <v>6</v>
      </c>
      <c r="CT14" s="257">
        <v>6</v>
      </c>
      <c r="CU14" s="257">
        <v>7</v>
      </c>
      <c r="CV14" s="254">
        <v>37</v>
      </c>
      <c r="CW14" s="259">
        <v>38</v>
      </c>
      <c r="CX14" s="253">
        <v>0</v>
      </c>
      <c r="CY14" s="257">
        <v>0</v>
      </c>
      <c r="CZ14" s="254">
        <v>0</v>
      </c>
      <c r="DA14" s="256">
        <v>0</v>
      </c>
      <c r="DB14" s="257">
        <v>0</v>
      </c>
      <c r="DC14" s="257">
        <v>0</v>
      </c>
      <c r="DD14" s="257">
        <v>0</v>
      </c>
      <c r="DE14" s="257">
        <v>0</v>
      </c>
      <c r="DF14" s="257">
        <v>0</v>
      </c>
      <c r="DG14" s="254">
        <v>0</v>
      </c>
      <c r="DH14" s="259">
        <v>0</v>
      </c>
      <c r="DI14" s="253">
        <v>0</v>
      </c>
      <c r="DJ14" s="257">
        <v>0</v>
      </c>
      <c r="DK14" s="254">
        <v>0</v>
      </c>
      <c r="DL14" s="256">
        <v>0</v>
      </c>
      <c r="DM14" s="257">
        <v>0</v>
      </c>
      <c r="DN14" s="257">
        <v>0</v>
      </c>
      <c r="DO14" s="257">
        <v>0</v>
      </c>
      <c r="DP14" s="257">
        <v>0</v>
      </c>
      <c r="DQ14" s="257">
        <v>0</v>
      </c>
      <c r="DR14" s="254">
        <v>0</v>
      </c>
      <c r="DS14" s="259">
        <v>0</v>
      </c>
      <c r="DT14" s="253">
        <v>393</v>
      </c>
      <c r="DU14" s="257">
        <v>489</v>
      </c>
      <c r="DV14" s="254">
        <v>882</v>
      </c>
      <c r="DW14" s="256">
        <v>0</v>
      </c>
      <c r="DX14" s="257">
        <v>1007</v>
      </c>
      <c r="DY14" s="257">
        <v>876</v>
      </c>
      <c r="DZ14" s="257">
        <v>638</v>
      </c>
      <c r="EA14" s="257">
        <v>562</v>
      </c>
      <c r="EB14" s="257">
        <v>280</v>
      </c>
      <c r="EC14" s="254">
        <v>3363</v>
      </c>
      <c r="ED14" s="259">
        <v>4245</v>
      </c>
      <c r="EE14" s="253">
        <v>37</v>
      </c>
      <c r="EF14" s="257">
        <v>24</v>
      </c>
      <c r="EG14" s="254">
        <v>61</v>
      </c>
      <c r="EH14" s="256">
        <v>0</v>
      </c>
      <c r="EI14" s="257">
        <v>179</v>
      </c>
      <c r="EJ14" s="257">
        <v>149</v>
      </c>
      <c r="EK14" s="257">
        <v>115</v>
      </c>
      <c r="EL14" s="257">
        <v>161</v>
      </c>
      <c r="EM14" s="257">
        <v>67</v>
      </c>
      <c r="EN14" s="254">
        <v>671</v>
      </c>
      <c r="EO14" s="259">
        <v>732</v>
      </c>
      <c r="EP14" s="253">
        <v>505</v>
      </c>
      <c r="EQ14" s="257">
        <v>584</v>
      </c>
      <c r="ER14" s="254">
        <v>1089</v>
      </c>
      <c r="ES14" s="256">
        <v>0</v>
      </c>
      <c r="ET14" s="257">
        <v>1920</v>
      </c>
      <c r="EU14" s="257">
        <v>1130</v>
      </c>
      <c r="EV14" s="257">
        <v>755</v>
      </c>
      <c r="EW14" s="257">
        <v>595</v>
      </c>
      <c r="EX14" s="257">
        <v>293</v>
      </c>
      <c r="EY14" s="254">
        <v>4693</v>
      </c>
      <c r="EZ14" s="259">
        <v>5782</v>
      </c>
    </row>
    <row r="15" spans="2:156" ht="21" customHeight="1" x14ac:dyDescent="0.2">
      <c r="B15" s="437" t="s">
        <v>12</v>
      </c>
      <c r="C15" s="253">
        <v>0</v>
      </c>
      <c r="D15" s="257">
        <v>0</v>
      </c>
      <c r="E15" s="340">
        <v>0</v>
      </c>
      <c r="F15" s="256">
        <v>0</v>
      </c>
      <c r="G15" s="257">
        <v>533</v>
      </c>
      <c r="H15" s="257">
        <v>494</v>
      </c>
      <c r="I15" s="257">
        <v>311</v>
      </c>
      <c r="J15" s="257">
        <v>289</v>
      </c>
      <c r="K15" s="257">
        <v>225</v>
      </c>
      <c r="L15" s="258">
        <v>1852</v>
      </c>
      <c r="M15" s="259">
        <v>1852</v>
      </c>
      <c r="N15" s="253">
        <v>0</v>
      </c>
      <c r="O15" s="257">
        <v>4</v>
      </c>
      <c r="P15" s="254">
        <v>4</v>
      </c>
      <c r="Q15" s="256">
        <v>0</v>
      </c>
      <c r="R15" s="257">
        <v>1</v>
      </c>
      <c r="S15" s="257">
        <v>15</v>
      </c>
      <c r="T15" s="257">
        <v>18</v>
      </c>
      <c r="U15" s="257">
        <v>69</v>
      </c>
      <c r="V15" s="257">
        <v>78</v>
      </c>
      <c r="W15" s="254">
        <v>181</v>
      </c>
      <c r="X15" s="259">
        <v>185</v>
      </c>
      <c r="Y15" s="253">
        <v>127</v>
      </c>
      <c r="Z15" s="257">
        <v>294</v>
      </c>
      <c r="AA15" s="254">
        <v>421</v>
      </c>
      <c r="AB15" s="256">
        <v>0</v>
      </c>
      <c r="AC15" s="257">
        <v>357</v>
      </c>
      <c r="AD15" s="257">
        <v>423</v>
      </c>
      <c r="AE15" s="257">
        <v>260</v>
      </c>
      <c r="AF15" s="257">
        <v>233</v>
      </c>
      <c r="AG15" s="257">
        <v>184</v>
      </c>
      <c r="AH15" s="254">
        <v>1457</v>
      </c>
      <c r="AI15" s="259">
        <v>1878</v>
      </c>
      <c r="AJ15" s="253">
        <v>6</v>
      </c>
      <c r="AK15" s="257">
        <v>30</v>
      </c>
      <c r="AL15" s="254">
        <v>36</v>
      </c>
      <c r="AM15" s="256">
        <v>0</v>
      </c>
      <c r="AN15" s="257">
        <v>14</v>
      </c>
      <c r="AO15" s="257">
        <v>38</v>
      </c>
      <c r="AP15" s="257">
        <v>27</v>
      </c>
      <c r="AQ15" s="257">
        <v>23</v>
      </c>
      <c r="AR15" s="257">
        <v>15</v>
      </c>
      <c r="AS15" s="254">
        <v>117</v>
      </c>
      <c r="AT15" s="259">
        <v>153</v>
      </c>
      <c r="AU15" s="253">
        <v>87</v>
      </c>
      <c r="AV15" s="257">
        <v>133</v>
      </c>
      <c r="AW15" s="254">
        <v>220</v>
      </c>
      <c r="AX15" s="256">
        <v>0</v>
      </c>
      <c r="AY15" s="257">
        <v>346</v>
      </c>
      <c r="AZ15" s="257">
        <v>414</v>
      </c>
      <c r="BA15" s="257">
        <v>384</v>
      </c>
      <c r="BB15" s="257">
        <v>448</v>
      </c>
      <c r="BC15" s="257">
        <v>342</v>
      </c>
      <c r="BD15" s="258">
        <v>1934</v>
      </c>
      <c r="BE15" s="259">
        <v>2154</v>
      </c>
      <c r="BF15" s="253">
        <v>0</v>
      </c>
      <c r="BG15" s="257">
        <v>0</v>
      </c>
      <c r="BH15" s="254">
        <v>0</v>
      </c>
      <c r="BI15" s="256">
        <v>0</v>
      </c>
      <c r="BJ15" s="257">
        <v>660</v>
      </c>
      <c r="BK15" s="257">
        <v>475</v>
      </c>
      <c r="BL15" s="257">
        <v>293</v>
      </c>
      <c r="BM15" s="257">
        <v>212</v>
      </c>
      <c r="BN15" s="257">
        <v>95</v>
      </c>
      <c r="BO15" s="254">
        <v>1735</v>
      </c>
      <c r="BP15" s="259">
        <v>1735</v>
      </c>
      <c r="BQ15" s="253">
        <v>112</v>
      </c>
      <c r="BR15" s="257">
        <v>131</v>
      </c>
      <c r="BS15" s="254">
        <v>243</v>
      </c>
      <c r="BT15" s="256">
        <v>0</v>
      </c>
      <c r="BU15" s="257">
        <v>127</v>
      </c>
      <c r="BV15" s="257">
        <v>178</v>
      </c>
      <c r="BW15" s="257">
        <v>127</v>
      </c>
      <c r="BX15" s="257">
        <v>82</v>
      </c>
      <c r="BY15" s="257">
        <v>26</v>
      </c>
      <c r="BZ15" s="254">
        <v>540</v>
      </c>
      <c r="CA15" s="259">
        <v>783</v>
      </c>
      <c r="CB15" s="253">
        <v>3</v>
      </c>
      <c r="CC15" s="257">
        <v>13</v>
      </c>
      <c r="CD15" s="254">
        <v>16</v>
      </c>
      <c r="CE15" s="256">
        <v>0</v>
      </c>
      <c r="CF15" s="257">
        <v>102</v>
      </c>
      <c r="CG15" s="257">
        <v>116</v>
      </c>
      <c r="CH15" s="257">
        <v>124</v>
      </c>
      <c r="CI15" s="257">
        <v>110</v>
      </c>
      <c r="CJ15" s="257">
        <v>60</v>
      </c>
      <c r="CK15" s="254">
        <v>512</v>
      </c>
      <c r="CL15" s="259">
        <v>528</v>
      </c>
      <c r="CM15" s="253">
        <v>0</v>
      </c>
      <c r="CN15" s="257">
        <v>0</v>
      </c>
      <c r="CO15" s="254">
        <v>0</v>
      </c>
      <c r="CP15" s="256">
        <v>0</v>
      </c>
      <c r="CQ15" s="257">
        <v>5</v>
      </c>
      <c r="CR15" s="257">
        <v>3</v>
      </c>
      <c r="CS15" s="257">
        <v>9</v>
      </c>
      <c r="CT15" s="257">
        <v>6</v>
      </c>
      <c r="CU15" s="257">
        <v>3</v>
      </c>
      <c r="CV15" s="254">
        <v>26</v>
      </c>
      <c r="CW15" s="259">
        <v>26</v>
      </c>
      <c r="CX15" s="253">
        <v>0</v>
      </c>
      <c r="CY15" s="257">
        <v>0</v>
      </c>
      <c r="CZ15" s="254">
        <v>0</v>
      </c>
      <c r="DA15" s="256">
        <v>0</v>
      </c>
      <c r="DB15" s="257">
        <v>0</v>
      </c>
      <c r="DC15" s="257">
        <v>0</v>
      </c>
      <c r="DD15" s="257">
        <v>0</v>
      </c>
      <c r="DE15" s="257">
        <v>0</v>
      </c>
      <c r="DF15" s="257">
        <v>0</v>
      </c>
      <c r="DG15" s="254">
        <v>0</v>
      </c>
      <c r="DH15" s="259">
        <v>0</v>
      </c>
      <c r="DI15" s="253">
        <v>0</v>
      </c>
      <c r="DJ15" s="257">
        <v>0</v>
      </c>
      <c r="DK15" s="254">
        <v>0</v>
      </c>
      <c r="DL15" s="256">
        <v>0</v>
      </c>
      <c r="DM15" s="257">
        <v>0</v>
      </c>
      <c r="DN15" s="257">
        <v>0</v>
      </c>
      <c r="DO15" s="257">
        <v>0</v>
      </c>
      <c r="DP15" s="257">
        <v>0</v>
      </c>
      <c r="DQ15" s="257">
        <v>0</v>
      </c>
      <c r="DR15" s="254">
        <v>0</v>
      </c>
      <c r="DS15" s="259">
        <v>0</v>
      </c>
      <c r="DT15" s="253">
        <v>488</v>
      </c>
      <c r="DU15" s="257">
        <v>892</v>
      </c>
      <c r="DV15" s="254">
        <v>1380</v>
      </c>
      <c r="DW15" s="256">
        <v>0</v>
      </c>
      <c r="DX15" s="257">
        <v>641</v>
      </c>
      <c r="DY15" s="257">
        <v>1060</v>
      </c>
      <c r="DZ15" s="257">
        <v>695</v>
      </c>
      <c r="EA15" s="257">
        <v>619</v>
      </c>
      <c r="EB15" s="257">
        <v>363</v>
      </c>
      <c r="EC15" s="254">
        <v>3378</v>
      </c>
      <c r="ED15" s="259">
        <v>4758</v>
      </c>
      <c r="EE15" s="253">
        <v>40</v>
      </c>
      <c r="EF15" s="257">
        <v>41</v>
      </c>
      <c r="EG15" s="254">
        <v>81</v>
      </c>
      <c r="EH15" s="256">
        <v>0</v>
      </c>
      <c r="EI15" s="257">
        <v>126</v>
      </c>
      <c r="EJ15" s="257">
        <v>110</v>
      </c>
      <c r="EK15" s="257">
        <v>111</v>
      </c>
      <c r="EL15" s="257">
        <v>141</v>
      </c>
      <c r="EM15" s="257">
        <v>70</v>
      </c>
      <c r="EN15" s="254">
        <v>558</v>
      </c>
      <c r="EO15" s="259">
        <v>639</v>
      </c>
      <c r="EP15" s="253">
        <v>670</v>
      </c>
      <c r="EQ15" s="257">
        <v>1084</v>
      </c>
      <c r="ER15" s="254">
        <v>1754</v>
      </c>
      <c r="ES15" s="256">
        <v>0</v>
      </c>
      <c r="ET15" s="257">
        <v>1580</v>
      </c>
      <c r="EU15" s="257">
        <v>1332</v>
      </c>
      <c r="EV15" s="257">
        <v>783</v>
      </c>
      <c r="EW15" s="257">
        <v>629</v>
      </c>
      <c r="EX15" s="257">
        <v>345</v>
      </c>
      <c r="EY15" s="254">
        <v>4669</v>
      </c>
      <c r="EZ15" s="259">
        <v>6423</v>
      </c>
    </row>
    <row r="16" spans="2:156" ht="21" customHeight="1" x14ac:dyDescent="0.2">
      <c r="B16" s="437" t="s">
        <v>13</v>
      </c>
      <c r="C16" s="253">
        <v>0</v>
      </c>
      <c r="D16" s="257">
        <v>0</v>
      </c>
      <c r="E16" s="340">
        <v>0</v>
      </c>
      <c r="F16" s="256">
        <v>0</v>
      </c>
      <c r="G16" s="257">
        <v>250</v>
      </c>
      <c r="H16" s="257">
        <v>244</v>
      </c>
      <c r="I16" s="257">
        <v>140</v>
      </c>
      <c r="J16" s="257">
        <v>102</v>
      </c>
      <c r="K16" s="257">
        <v>117</v>
      </c>
      <c r="L16" s="258">
        <v>853</v>
      </c>
      <c r="M16" s="259">
        <v>853</v>
      </c>
      <c r="N16" s="253">
        <v>0</v>
      </c>
      <c r="O16" s="257">
        <v>0</v>
      </c>
      <c r="P16" s="254">
        <v>0</v>
      </c>
      <c r="Q16" s="256">
        <v>0</v>
      </c>
      <c r="R16" s="257">
        <v>0</v>
      </c>
      <c r="S16" s="257">
        <v>2</v>
      </c>
      <c r="T16" s="257">
        <v>4</v>
      </c>
      <c r="U16" s="257">
        <v>16</v>
      </c>
      <c r="V16" s="257">
        <v>42</v>
      </c>
      <c r="W16" s="254">
        <v>64</v>
      </c>
      <c r="X16" s="259">
        <v>64</v>
      </c>
      <c r="Y16" s="253">
        <v>8</v>
      </c>
      <c r="Z16" s="257">
        <v>25</v>
      </c>
      <c r="AA16" s="254">
        <v>33</v>
      </c>
      <c r="AB16" s="256">
        <v>0</v>
      </c>
      <c r="AC16" s="257">
        <v>116</v>
      </c>
      <c r="AD16" s="257">
        <v>170</v>
      </c>
      <c r="AE16" s="257">
        <v>95</v>
      </c>
      <c r="AF16" s="257">
        <v>77</v>
      </c>
      <c r="AG16" s="257">
        <v>82</v>
      </c>
      <c r="AH16" s="254">
        <v>540</v>
      </c>
      <c r="AI16" s="259">
        <v>573</v>
      </c>
      <c r="AJ16" s="253">
        <v>2</v>
      </c>
      <c r="AK16" s="257">
        <v>4</v>
      </c>
      <c r="AL16" s="254">
        <v>6</v>
      </c>
      <c r="AM16" s="256">
        <v>0</v>
      </c>
      <c r="AN16" s="257">
        <v>21</v>
      </c>
      <c r="AO16" s="257">
        <v>22</v>
      </c>
      <c r="AP16" s="257">
        <v>14</v>
      </c>
      <c r="AQ16" s="257">
        <v>11</v>
      </c>
      <c r="AR16" s="257">
        <v>7</v>
      </c>
      <c r="AS16" s="254">
        <v>75</v>
      </c>
      <c r="AT16" s="259">
        <v>81</v>
      </c>
      <c r="AU16" s="253">
        <v>29</v>
      </c>
      <c r="AV16" s="257">
        <v>24</v>
      </c>
      <c r="AW16" s="254">
        <v>53</v>
      </c>
      <c r="AX16" s="256">
        <v>0</v>
      </c>
      <c r="AY16" s="257">
        <v>184</v>
      </c>
      <c r="AZ16" s="257">
        <v>225</v>
      </c>
      <c r="BA16" s="257">
        <v>191</v>
      </c>
      <c r="BB16" s="257">
        <v>176</v>
      </c>
      <c r="BC16" s="257">
        <v>181</v>
      </c>
      <c r="BD16" s="258">
        <v>957</v>
      </c>
      <c r="BE16" s="259">
        <v>1010</v>
      </c>
      <c r="BF16" s="253">
        <v>0</v>
      </c>
      <c r="BG16" s="257">
        <v>0</v>
      </c>
      <c r="BH16" s="254">
        <v>0</v>
      </c>
      <c r="BI16" s="256">
        <v>0</v>
      </c>
      <c r="BJ16" s="257">
        <v>185</v>
      </c>
      <c r="BK16" s="257">
        <v>202</v>
      </c>
      <c r="BL16" s="257">
        <v>109</v>
      </c>
      <c r="BM16" s="257">
        <v>55</v>
      </c>
      <c r="BN16" s="257">
        <v>32</v>
      </c>
      <c r="BO16" s="254">
        <v>583</v>
      </c>
      <c r="BP16" s="259">
        <v>583</v>
      </c>
      <c r="BQ16" s="253">
        <v>10</v>
      </c>
      <c r="BR16" s="257">
        <v>21</v>
      </c>
      <c r="BS16" s="254">
        <v>31</v>
      </c>
      <c r="BT16" s="256">
        <v>0</v>
      </c>
      <c r="BU16" s="257">
        <v>39</v>
      </c>
      <c r="BV16" s="257">
        <v>43</v>
      </c>
      <c r="BW16" s="257">
        <v>33</v>
      </c>
      <c r="BX16" s="257">
        <v>25</v>
      </c>
      <c r="BY16" s="257">
        <v>14</v>
      </c>
      <c r="BZ16" s="254">
        <v>154</v>
      </c>
      <c r="CA16" s="259">
        <v>185</v>
      </c>
      <c r="CB16" s="253">
        <v>0</v>
      </c>
      <c r="CC16" s="257">
        <v>0</v>
      </c>
      <c r="CD16" s="254">
        <v>0</v>
      </c>
      <c r="CE16" s="256">
        <v>0</v>
      </c>
      <c r="CF16" s="257">
        <v>9</v>
      </c>
      <c r="CG16" s="257">
        <v>28</v>
      </c>
      <c r="CH16" s="257">
        <v>41</v>
      </c>
      <c r="CI16" s="257">
        <v>27</v>
      </c>
      <c r="CJ16" s="257">
        <v>16</v>
      </c>
      <c r="CK16" s="254">
        <v>121</v>
      </c>
      <c r="CL16" s="259">
        <v>121</v>
      </c>
      <c r="CM16" s="253">
        <v>0</v>
      </c>
      <c r="CN16" s="257">
        <v>0</v>
      </c>
      <c r="CO16" s="254">
        <v>0</v>
      </c>
      <c r="CP16" s="256">
        <v>0</v>
      </c>
      <c r="CQ16" s="257">
        <v>2</v>
      </c>
      <c r="CR16" s="257">
        <v>6</v>
      </c>
      <c r="CS16" s="257">
        <v>3</v>
      </c>
      <c r="CT16" s="257">
        <v>5</v>
      </c>
      <c r="CU16" s="257">
        <v>2</v>
      </c>
      <c r="CV16" s="254">
        <v>18</v>
      </c>
      <c r="CW16" s="259">
        <v>18</v>
      </c>
      <c r="CX16" s="253">
        <v>0</v>
      </c>
      <c r="CY16" s="257">
        <v>0</v>
      </c>
      <c r="CZ16" s="254">
        <v>0</v>
      </c>
      <c r="DA16" s="256">
        <v>0</v>
      </c>
      <c r="DB16" s="257">
        <v>0</v>
      </c>
      <c r="DC16" s="257">
        <v>0</v>
      </c>
      <c r="DD16" s="257">
        <v>0</v>
      </c>
      <c r="DE16" s="257">
        <v>0</v>
      </c>
      <c r="DF16" s="257">
        <v>0</v>
      </c>
      <c r="DG16" s="254">
        <v>0</v>
      </c>
      <c r="DH16" s="259">
        <v>0</v>
      </c>
      <c r="DI16" s="253">
        <v>0</v>
      </c>
      <c r="DJ16" s="257">
        <v>0</v>
      </c>
      <c r="DK16" s="254">
        <v>0</v>
      </c>
      <c r="DL16" s="256">
        <v>0</v>
      </c>
      <c r="DM16" s="257">
        <v>0</v>
      </c>
      <c r="DN16" s="257">
        <v>0</v>
      </c>
      <c r="DO16" s="257">
        <v>0</v>
      </c>
      <c r="DP16" s="257">
        <v>0</v>
      </c>
      <c r="DQ16" s="257">
        <v>0</v>
      </c>
      <c r="DR16" s="254">
        <v>0</v>
      </c>
      <c r="DS16" s="259">
        <v>0</v>
      </c>
      <c r="DT16" s="253">
        <v>78</v>
      </c>
      <c r="DU16" s="257">
        <v>168</v>
      </c>
      <c r="DV16" s="254">
        <v>246</v>
      </c>
      <c r="DW16" s="256">
        <v>0</v>
      </c>
      <c r="DX16" s="257">
        <v>272</v>
      </c>
      <c r="DY16" s="257">
        <v>417</v>
      </c>
      <c r="DZ16" s="257">
        <v>253</v>
      </c>
      <c r="EA16" s="257">
        <v>184</v>
      </c>
      <c r="EB16" s="257">
        <v>150</v>
      </c>
      <c r="EC16" s="254">
        <v>1276</v>
      </c>
      <c r="ED16" s="259">
        <v>1522</v>
      </c>
      <c r="EE16" s="253">
        <v>17</v>
      </c>
      <c r="EF16" s="257">
        <v>11</v>
      </c>
      <c r="EG16" s="254">
        <v>28</v>
      </c>
      <c r="EH16" s="256">
        <v>0</v>
      </c>
      <c r="EI16" s="257">
        <v>75</v>
      </c>
      <c r="EJ16" s="257">
        <v>78</v>
      </c>
      <c r="EK16" s="257">
        <v>65</v>
      </c>
      <c r="EL16" s="257">
        <v>71</v>
      </c>
      <c r="EM16" s="257">
        <v>48</v>
      </c>
      <c r="EN16" s="254">
        <v>337</v>
      </c>
      <c r="EO16" s="259">
        <v>365</v>
      </c>
      <c r="EP16" s="253">
        <v>94</v>
      </c>
      <c r="EQ16" s="257">
        <v>196</v>
      </c>
      <c r="ER16" s="254">
        <v>290</v>
      </c>
      <c r="ES16" s="256">
        <v>0</v>
      </c>
      <c r="ET16" s="257">
        <v>576</v>
      </c>
      <c r="EU16" s="257">
        <v>598</v>
      </c>
      <c r="EV16" s="257">
        <v>316</v>
      </c>
      <c r="EW16" s="257">
        <v>205</v>
      </c>
      <c r="EX16" s="257">
        <v>168</v>
      </c>
      <c r="EY16" s="254">
        <v>1863</v>
      </c>
      <c r="EZ16" s="259">
        <v>2153</v>
      </c>
    </row>
    <row r="17" spans="2:156" ht="21" customHeight="1" x14ac:dyDescent="0.2">
      <c r="B17" s="437" t="s">
        <v>15</v>
      </c>
      <c r="C17" s="253">
        <v>0</v>
      </c>
      <c r="D17" s="257">
        <v>0</v>
      </c>
      <c r="E17" s="340">
        <v>0</v>
      </c>
      <c r="F17" s="256">
        <v>0</v>
      </c>
      <c r="G17" s="257">
        <v>130</v>
      </c>
      <c r="H17" s="257">
        <v>180</v>
      </c>
      <c r="I17" s="257">
        <v>86</v>
      </c>
      <c r="J17" s="257">
        <v>52</v>
      </c>
      <c r="K17" s="257">
        <v>40</v>
      </c>
      <c r="L17" s="258">
        <v>488</v>
      </c>
      <c r="M17" s="259">
        <v>488</v>
      </c>
      <c r="N17" s="253">
        <v>0</v>
      </c>
      <c r="O17" s="257">
        <v>0</v>
      </c>
      <c r="P17" s="254">
        <v>0</v>
      </c>
      <c r="Q17" s="256">
        <v>0</v>
      </c>
      <c r="R17" s="257">
        <v>0</v>
      </c>
      <c r="S17" s="257">
        <v>4</v>
      </c>
      <c r="T17" s="257">
        <v>12</v>
      </c>
      <c r="U17" s="257">
        <v>16</v>
      </c>
      <c r="V17" s="257">
        <v>23</v>
      </c>
      <c r="W17" s="254">
        <v>55</v>
      </c>
      <c r="X17" s="259">
        <v>55</v>
      </c>
      <c r="Y17" s="253">
        <v>5</v>
      </c>
      <c r="Z17" s="257">
        <v>20</v>
      </c>
      <c r="AA17" s="254">
        <v>25</v>
      </c>
      <c r="AB17" s="256">
        <v>0</v>
      </c>
      <c r="AC17" s="257">
        <v>60</v>
      </c>
      <c r="AD17" s="257">
        <v>85</v>
      </c>
      <c r="AE17" s="257">
        <v>48</v>
      </c>
      <c r="AF17" s="257">
        <v>39</v>
      </c>
      <c r="AG17" s="257">
        <v>38</v>
      </c>
      <c r="AH17" s="254">
        <v>270</v>
      </c>
      <c r="AI17" s="259">
        <v>295</v>
      </c>
      <c r="AJ17" s="253">
        <v>0</v>
      </c>
      <c r="AK17" s="257">
        <v>2</v>
      </c>
      <c r="AL17" s="254">
        <v>2</v>
      </c>
      <c r="AM17" s="256">
        <v>0</v>
      </c>
      <c r="AN17" s="257">
        <v>9</v>
      </c>
      <c r="AO17" s="257">
        <v>16</v>
      </c>
      <c r="AP17" s="257">
        <v>5</v>
      </c>
      <c r="AQ17" s="257">
        <v>4</v>
      </c>
      <c r="AR17" s="257">
        <v>6</v>
      </c>
      <c r="AS17" s="254">
        <v>40</v>
      </c>
      <c r="AT17" s="259">
        <v>42</v>
      </c>
      <c r="AU17" s="253">
        <v>11</v>
      </c>
      <c r="AV17" s="257">
        <v>16</v>
      </c>
      <c r="AW17" s="254">
        <v>27</v>
      </c>
      <c r="AX17" s="256">
        <v>0</v>
      </c>
      <c r="AY17" s="257">
        <v>114</v>
      </c>
      <c r="AZ17" s="257">
        <v>127</v>
      </c>
      <c r="BA17" s="257">
        <v>107</v>
      </c>
      <c r="BB17" s="257">
        <v>104</v>
      </c>
      <c r="BC17" s="257">
        <v>77</v>
      </c>
      <c r="BD17" s="258">
        <v>529</v>
      </c>
      <c r="BE17" s="259">
        <v>556</v>
      </c>
      <c r="BF17" s="253">
        <v>0</v>
      </c>
      <c r="BG17" s="257">
        <v>0</v>
      </c>
      <c r="BH17" s="254">
        <v>0</v>
      </c>
      <c r="BI17" s="256">
        <v>0</v>
      </c>
      <c r="BJ17" s="257">
        <v>136</v>
      </c>
      <c r="BK17" s="257">
        <v>135</v>
      </c>
      <c r="BL17" s="257">
        <v>67</v>
      </c>
      <c r="BM17" s="257">
        <v>30</v>
      </c>
      <c r="BN17" s="257">
        <v>12</v>
      </c>
      <c r="BO17" s="254">
        <v>380</v>
      </c>
      <c r="BP17" s="259">
        <v>380</v>
      </c>
      <c r="BQ17" s="253">
        <v>1</v>
      </c>
      <c r="BR17" s="257">
        <v>5</v>
      </c>
      <c r="BS17" s="254">
        <v>6</v>
      </c>
      <c r="BT17" s="256">
        <v>0</v>
      </c>
      <c r="BU17" s="257">
        <v>36</v>
      </c>
      <c r="BV17" s="257">
        <v>38</v>
      </c>
      <c r="BW17" s="257">
        <v>23</v>
      </c>
      <c r="BX17" s="257">
        <v>17</v>
      </c>
      <c r="BY17" s="257">
        <v>6</v>
      </c>
      <c r="BZ17" s="254">
        <v>120</v>
      </c>
      <c r="CA17" s="259">
        <v>126</v>
      </c>
      <c r="CB17" s="253">
        <v>0</v>
      </c>
      <c r="CC17" s="257">
        <v>1</v>
      </c>
      <c r="CD17" s="254">
        <v>1</v>
      </c>
      <c r="CE17" s="256">
        <v>0</v>
      </c>
      <c r="CF17" s="257">
        <v>18</v>
      </c>
      <c r="CG17" s="257">
        <v>32</v>
      </c>
      <c r="CH17" s="257">
        <v>57</v>
      </c>
      <c r="CI17" s="257">
        <v>31</v>
      </c>
      <c r="CJ17" s="257">
        <v>13</v>
      </c>
      <c r="CK17" s="254">
        <v>151</v>
      </c>
      <c r="CL17" s="259">
        <v>152</v>
      </c>
      <c r="CM17" s="253">
        <v>0</v>
      </c>
      <c r="CN17" s="257">
        <v>0</v>
      </c>
      <c r="CO17" s="254">
        <v>0</v>
      </c>
      <c r="CP17" s="256">
        <v>0</v>
      </c>
      <c r="CQ17" s="257">
        <v>3</v>
      </c>
      <c r="CR17" s="257">
        <v>2</v>
      </c>
      <c r="CS17" s="257">
        <v>4</v>
      </c>
      <c r="CT17" s="257">
        <v>5</v>
      </c>
      <c r="CU17" s="257">
        <v>0</v>
      </c>
      <c r="CV17" s="254">
        <v>14</v>
      </c>
      <c r="CW17" s="259">
        <v>14</v>
      </c>
      <c r="CX17" s="253">
        <v>0</v>
      </c>
      <c r="CY17" s="257">
        <v>0</v>
      </c>
      <c r="CZ17" s="254">
        <v>0</v>
      </c>
      <c r="DA17" s="256">
        <v>0</v>
      </c>
      <c r="DB17" s="257">
        <v>0</v>
      </c>
      <c r="DC17" s="257">
        <v>0</v>
      </c>
      <c r="DD17" s="257">
        <v>0</v>
      </c>
      <c r="DE17" s="257">
        <v>0</v>
      </c>
      <c r="DF17" s="257">
        <v>0</v>
      </c>
      <c r="DG17" s="254">
        <v>0</v>
      </c>
      <c r="DH17" s="259">
        <v>0</v>
      </c>
      <c r="DI17" s="253">
        <v>0</v>
      </c>
      <c r="DJ17" s="257">
        <v>0</v>
      </c>
      <c r="DK17" s="254">
        <v>0</v>
      </c>
      <c r="DL17" s="256">
        <v>0</v>
      </c>
      <c r="DM17" s="257">
        <v>0</v>
      </c>
      <c r="DN17" s="257">
        <v>0</v>
      </c>
      <c r="DO17" s="257">
        <v>0</v>
      </c>
      <c r="DP17" s="257">
        <v>0</v>
      </c>
      <c r="DQ17" s="257">
        <v>0</v>
      </c>
      <c r="DR17" s="254">
        <v>0</v>
      </c>
      <c r="DS17" s="259">
        <v>0</v>
      </c>
      <c r="DT17" s="253">
        <v>73</v>
      </c>
      <c r="DU17" s="257">
        <v>162</v>
      </c>
      <c r="DV17" s="254">
        <v>235</v>
      </c>
      <c r="DW17" s="256">
        <v>0</v>
      </c>
      <c r="DX17" s="257">
        <v>249</v>
      </c>
      <c r="DY17" s="257">
        <v>377</v>
      </c>
      <c r="DZ17" s="257">
        <v>189</v>
      </c>
      <c r="EA17" s="257">
        <v>109</v>
      </c>
      <c r="EB17" s="257">
        <v>77</v>
      </c>
      <c r="EC17" s="254">
        <v>1001</v>
      </c>
      <c r="ED17" s="259">
        <v>1236</v>
      </c>
      <c r="EE17" s="253">
        <v>20</v>
      </c>
      <c r="EF17" s="257">
        <v>10</v>
      </c>
      <c r="EG17" s="254">
        <v>30</v>
      </c>
      <c r="EH17" s="256">
        <v>0</v>
      </c>
      <c r="EI17" s="257">
        <v>56</v>
      </c>
      <c r="EJ17" s="257">
        <v>32</v>
      </c>
      <c r="EK17" s="257">
        <v>33</v>
      </c>
      <c r="EL17" s="257">
        <v>37</v>
      </c>
      <c r="EM17" s="257">
        <v>16</v>
      </c>
      <c r="EN17" s="254">
        <v>174</v>
      </c>
      <c r="EO17" s="259">
        <v>204</v>
      </c>
      <c r="EP17" s="253">
        <v>79</v>
      </c>
      <c r="EQ17" s="257">
        <v>172</v>
      </c>
      <c r="ER17" s="254">
        <v>251</v>
      </c>
      <c r="ES17" s="256">
        <v>0</v>
      </c>
      <c r="ET17" s="257">
        <v>476</v>
      </c>
      <c r="EU17" s="257">
        <v>497</v>
      </c>
      <c r="EV17" s="257">
        <v>244</v>
      </c>
      <c r="EW17" s="257">
        <v>134</v>
      </c>
      <c r="EX17" s="257">
        <v>85</v>
      </c>
      <c r="EY17" s="254">
        <v>1436</v>
      </c>
      <c r="EZ17" s="259">
        <v>1687</v>
      </c>
    </row>
    <row r="18" spans="2:156" ht="21" customHeight="1" x14ac:dyDescent="0.2">
      <c r="B18" s="437" t="s">
        <v>16</v>
      </c>
      <c r="C18" s="253">
        <v>0</v>
      </c>
      <c r="D18" s="257">
        <v>0</v>
      </c>
      <c r="E18" s="340">
        <v>0</v>
      </c>
      <c r="F18" s="256">
        <v>0</v>
      </c>
      <c r="G18" s="257">
        <v>210</v>
      </c>
      <c r="H18" s="257">
        <v>323</v>
      </c>
      <c r="I18" s="257">
        <v>167</v>
      </c>
      <c r="J18" s="257">
        <v>144</v>
      </c>
      <c r="K18" s="257">
        <v>89</v>
      </c>
      <c r="L18" s="258">
        <v>933</v>
      </c>
      <c r="M18" s="259">
        <v>933</v>
      </c>
      <c r="N18" s="253">
        <v>0</v>
      </c>
      <c r="O18" s="257">
        <v>1</v>
      </c>
      <c r="P18" s="254">
        <v>1</v>
      </c>
      <c r="Q18" s="256">
        <v>0</v>
      </c>
      <c r="R18" s="257">
        <v>3</v>
      </c>
      <c r="S18" s="257">
        <v>6</v>
      </c>
      <c r="T18" s="257">
        <v>12</v>
      </c>
      <c r="U18" s="257">
        <v>28</v>
      </c>
      <c r="V18" s="257">
        <v>50</v>
      </c>
      <c r="W18" s="254">
        <v>99</v>
      </c>
      <c r="X18" s="259">
        <v>100</v>
      </c>
      <c r="Y18" s="253">
        <v>26</v>
      </c>
      <c r="Z18" s="257">
        <v>59</v>
      </c>
      <c r="AA18" s="254">
        <v>85</v>
      </c>
      <c r="AB18" s="256">
        <v>0</v>
      </c>
      <c r="AC18" s="257">
        <v>165</v>
      </c>
      <c r="AD18" s="257">
        <v>310</v>
      </c>
      <c r="AE18" s="257">
        <v>175</v>
      </c>
      <c r="AF18" s="257">
        <v>162</v>
      </c>
      <c r="AG18" s="257">
        <v>114</v>
      </c>
      <c r="AH18" s="254">
        <v>926</v>
      </c>
      <c r="AI18" s="259">
        <v>1011</v>
      </c>
      <c r="AJ18" s="253">
        <v>4</v>
      </c>
      <c r="AK18" s="257">
        <v>9</v>
      </c>
      <c r="AL18" s="254">
        <v>13</v>
      </c>
      <c r="AM18" s="256">
        <v>0</v>
      </c>
      <c r="AN18" s="257">
        <v>6</v>
      </c>
      <c r="AO18" s="257">
        <v>33</v>
      </c>
      <c r="AP18" s="257">
        <v>13</v>
      </c>
      <c r="AQ18" s="257">
        <v>6</v>
      </c>
      <c r="AR18" s="257">
        <v>11</v>
      </c>
      <c r="AS18" s="254">
        <v>69</v>
      </c>
      <c r="AT18" s="259">
        <v>82</v>
      </c>
      <c r="AU18" s="253">
        <v>38</v>
      </c>
      <c r="AV18" s="257">
        <v>43</v>
      </c>
      <c r="AW18" s="254">
        <v>81</v>
      </c>
      <c r="AX18" s="256">
        <v>0</v>
      </c>
      <c r="AY18" s="257">
        <v>215</v>
      </c>
      <c r="AZ18" s="257">
        <v>349</v>
      </c>
      <c r="BA18" s="257">
        <v>286</v>
      </c>
      <c r="BB18" s="257">
        <v>296</v>
      </c>
      <c r="BC18" s="257">
        <v>225</v>
      </c>
      <c r="BD18" s="258">
        <v>1371</v>
      </c>
      <c r="BE18" s="259">
        <v>1452</v>
      </c>
      <c r="BF18" s="253">
        <v>0</v>
      </c>
      <c r="BG18" s="257">
        <v>0</v>
      </c>
      <c r="BH18" s="254">
        <v>0</v>
      </c>
      <c r="BI18" s="256">
        <v>0</v>
      </c>
      <c r="BJ18" s="257">
        <v>324</v>
      </c>
      <c r="BK18" s="257">
        <v>459</v>
      </c>
      <c r="BL18" s="257">
        <v>234</v>
      </c>
      <c r="BM18" s="257">
        <v>144</v>
      </c>
      <c r="BN18" s="257">
        <v>93</v>
      </c>
      <c r="BO18" s="254">
        <v>1254</v>
      </c>
      <c r="BP18" s="259">
        <v>1254</v>
      </c>
      <c r="BQ18" s="253">
        <v>44</v>
      </c>
      <c r="BR18" s="257">
        <v>97</v>
      </c>
      <c r="BS18" s="254">
        <v>141</v>
      </c>
      <c r="BT18" s="256">
        <v>0</v>
      </c>
      <c r="BU18" s="257">
        <v>171</v>
      </c>
      <c r="BV18" s="257">
        <v>263</v>
      </c>
      <c r="BW18" s="257">
        <v>103</v>
      </c>
      <c r="BX18" s="257">
        <v>56</v>
      </c>
      <c r="BY18" s="257">
        <v>16</v>
      </c>
      <c r="BZ18" s="254">
        <v>609</v>
      </c>
      <c r="CA18" s="259">
        <v>750</v>
      </c>
      <c r="CB18" s="253">
        <v>3</v>
      </c>
      <c r="CC18" s="257">
        <v>3</v>
      </c>
      <c r="CD18" s="254">
        <v>6</v>
      </c>
      <c r="CE18" s="256">
        <v>0</v>
      </c>
      <c r="CF18" s="257">
        <v>47</v>
      </c>
      <c r="CG18" s="257">
        <v>105</v>
      </c>
      <c r="CH18" s="257">
        <v>101</v>
      </c>
      <c r="CI18" s="257">
        <v>60</v>
      </c>
      <c r="CJ18" s="257">
        <v>26</v>
      </c>
      <c r="CK18" s="254">
        <v>339</v>
      </c>
      <c r="CL18" s="259">
        <v>345</v>
      </c>
      <c r="CM18" s="253">
        <v>0</v>
      </c>
      <c r="CN18" s="257">
        <v>0</v>
      </c>
      <c r="CO18" s="254">
        <v>0</v>
      </c>
      <c r="CP18" s="256">
        <v>0</v>
      </c>
      <c r="CQ18" s="257">
        <v>2</v>
      </c>
      <c r="CR18" s="257">
        <v>14</v>
      </c>
      <c r="CS18" s="257">
        <v>14</v>
      </c>
      <c r="CT18" s="257">
        <v>10</v>
      </c>
      <c r="CU18" s="257">
        <v>6</v>
      </c>
      <c r="CV18" s="254">
        <v>46</v>
      </c>
      <c r="CW18" s="259">
        <v>46</v>
      </c>
      <c r="CX18" s="253">
        <v>0</v>
      </c>
      <c r="CY18" s="257">
        <v>0</v>
      </c>
      <c r="CZ18" s="254">
        <v>0</v>
      </c>
      <c r="DA18" s="256">
        <v>0</v>
      </c>
      <c r="DB18" s="257">
        <v>0</v>
      </c>
      <c r="DC18" s="257">
        <v>0</v>
      </c>
      <c r="DD18" s="257">
        <v>0</v>
      </c>
      <c r="DE18" s="257">
        <v>0</v>
      </c>
      <c r="DF18" s="257">
        <v>0</v>
      </c>
      <c r="DG18" s="254">
        <v>0</v>
      </c>
      <c r="DH18" s="259">
        <v>0</v>
      </c>
      <c r="DI18" s="253">
        <v>0</v>
      </c>
      <c r="DJ18" s="257">
        <v>0</v>
      </c>
      <c r="DK18" s="254">
        <v>0</v>
      </c>
      <c r="DL18" s="256">
        <v>0</v>
      </c>
      <c r="DM18" s="257">
        <v>0</v>
      </c>
      <c r="DN18" s="257">
        <v>0</v>
      </c>
      <c r="DO18" s="257">
        <v>0</v>
      </c>
      <c r="DP18" s="257">
        <v>0</v>
      </c>
      <c r="DQ18" s="257">
        <v>0</v>
      </c>
      <c r="DR18" s="254">
        <v>0</v>
      </c>
      <c r="DS18" s="259">
        <v>0</v>
      </c>
      <c r="DT18" s="253">
        <v>166</v>
      </c>
      <c r="DU18" s="257">
        <v>389</v>
      </c>
      <c r="DV18" s="254">
        <v>555</v>
      </c>
      <c r="DW18" s="256">
        <v>0</v>
      </c>
      <c r="DX18" s="257">
        <v>422</v>
      </c>
      <c r="DY18" s="257">
        <v>917</v>
      </c>
      <c r="DZ18" s="257">
        <v>469</v>
      </c>
      <c r="EA18" s="257">
        <v>365</v>
      </c>
      <c r="EB18" s="257">
        <v>234</v>
      </c>
      <c r="EC18" s="254">
        <v>2407</v>
      </c>
      <c r="ED18" s="259">
        <v>2962</v>
      </c>
      <c r="EE18" s="253">
        <v>25</v>
      </c>
      <c r="EF18" s="257">
        <v>20</v>
      </c>
      <c r="EG18" s="254">
        <v>45</v>
      </c>
      <c r="EH18" s="256">
        <v>0</v>
      </c>
      <c r="EI18" s="257">
        <v>97</v>
      </c>
      <c r="EJ18" s="257">
        <v>111</v>
      </c>
      <c r="EK18" s="257">
        <v>92</v>
      </c>
      <c r="EL18" s="257">
        <v>125</v>
      </c>
      <c r="EM18" s="257">
        <v>78</v>
      </c>
      <c r="EN18" s="254">
        <v>503</v>
      </c>
      <c r="EO18" s="259">
        <v>548</v>
      </c>
      <c r="EP18" s="253">
        <v>218</v>
      </c>
      <c r="EQ18" s="257">
        <v>466</v>
      </c>
      <c r="ER18" s="254">
        <v>684</v>
      </c>
      <c r="ES18" s="256">
        <v>0</v>
      </c>
      <c r="ET18" s="257">
        <v>863</v>
      </c>
      <c r="EU18" s="257">
        <v>1220</v>
      </c>
      <c r="EV18" s="257">
        <v>575</v>
      </c>
      <c r="EW18" s="257">
        <v>383</v>
      </c>
      <c r="EX18" s="257">
        <v>230</v>
      </c>
      <c r="EY18" s="254">
        <v>3271</v>
      </c>
      <c r="EZ18" s="259">
        <v>3955</v>
      </c>
    </row>
    <row r="19" spans="2:156" ht="21" customHeight="1" x14ac:dyDescent="0.2">
      <c r="B19" s="437" t="s">
        <v>17</v>
      </c>
      <c r="C19" s="253">
        <v>0</v>
      </c>
      <c r="D19" s="257">
        <v>0</v>
      </c>
      <c r="E19" s="340">
        <v>0</v>
      </c>
      <c r="F19" s="256">
        <v>0</v>
      </c>
      <c r="G19" s="257">
        <v>224</v>
      </c>
      <c r="H19" s="257">
        <v>480</v>
      </c>
      <c r="I19" s="257">
        <v>319</v>
      </c>
      <c r="J19" s="257">
        <v>223</v>
      </c>
      <c r="K19" s="257">
        <v>137</v>
      </c>
      <c r="L19" s="258">
        <v>1383</v>
      </c>
      <c r="M19" s="259">
        <v>1383</v>
      </c>
      <c r="N19" s="253">
        <v>0</v>
      </c>
      <c r="O19" s="257">
        <v>0</v>
      </c>
      <c r="P19" s="254">
        <v>0</v>
      </c>
      <c r="Q19" s="256">
        <v>0</v>
      </c>
      <c r="R19" s="257">
        <v>3</v>
      </c>
      <c r="S19" s="257">
        <v>6</v>
      </c>
      <c r="T19" s="257">
        <v>16</v>
      </c>
      <c r="U19" s="257">
        <v>50</v>
      </c>
      <c r="V19" s="257">
        <v>80</v>
      </c>
      <c r="W19" s="254">
        <v>155</v>
      </c>
      <c r="X19" s="259">
        <v>155</v>
      </c>
      <c r="Y19" s="253">
        <v>37</v>
      </c>
      <c r="Z19" s="257">
        <v>98</v>
      </c>
      <c r="AA19" s="254">
        <v>135</v>
      </c>
      <c r="AB19" s="256">
        <v>0</v>
      </c>
      <c r="AC19" s="257">
        <v>201</v>
      </c>
      <c r="AD19" s="257">
        <v>360</v>
      </c>
      <c r="AE19" s="257">
        <v>228</v>
      </c>
      <c r="AF19" s="257">
        <v>201</v>
      </c>
      <c r="AG19" s="257">
        <v>142</v>
      </c>
      <c r="AH19" s="254">
        <v>1132</v>
      </c>
      <c r="AI19" s="259">
        <v>1267</v>
      </c>
      <c r="AJ19" s="253">
        <v>2</v>
      </c>
      <c r="AK19" s="257">
        <v>9</v>
      </c>
      <c r="AL19" s="254">
        <v>11</v>
      </c>
      <c r="AM19" s="256">
        <v>0</v>
      </c>
      <c r="AN19" s="257">
        <v>11</v>
      </c>
      <c r="AO19" s="257">
        <v>39</v>
      </c>
      <c r="AP19" s="257">
        <v>35</v>
      </c>
      <c r="AQ19" s="257">
        <v>19</v>
      </c>
      <c r="AR19" s="257">
        <v>21</v>
      </c>
      <c r="AS19" s="254">
        <v>125</v>
      </c>
      <c r="AT19" s="259">
        <v>136</v>
      </c>
      <c r="AU19" s="253">
        <v>53</v>
      </c>
      <c r="AV19" s="257">
        <v>62</v>
      </c>
      <c r="AW19" s="254">
        <v>115</v>
      </c>
      <c r="AX19" s="256">
        <v>0</v>
      </c>
      <c r="AY19" s="257">
        <v>261</v>
      </c>
      <c r="AZ19" s="257">
        <v>472</v>
      </c>
      <c r="BA19" s="257">
        <v>445</v>
      </c>
      <c r="BB19" s="257">
        <v>423</v>
      </c>
      <c r="BC19" s="257">
        <v>315</v>
      </c>
      <c r="BD19" s="258">
        <v>1916</v>
      </c>
      <c r="BE19" s="259">
        <v>2031</v>
      </c>
      <c r="BF19" s="253">
        <v>0</v>
      </c>
      <c r="BG19" s="257">
        <v>0</v>
      </c>
      <c r="BH19" s="254">
        <v>0</v>
      </c>
      <c r="BI19" s="256">
        <v>0</v>
      </c>
      <c r="BJ19" s="257">
        <v>345</v>
      </c>
      <c r="BK19" s="257">
        <v>554</v>
      </c>
      <c r="BL19" s="257">
        <v>320</v>
      </c>
      <c r="BM19" s="257">
        <v>182</v>
      </c>
      <c r="BN19" s="257">
        <v>101</v>
      </c>
      <c r="BO19" s="254">
        <v>1502</v>
      </c>
      <c r="BP19" s="259">
        <v>1502</v>
      </c>
      <c r="BQ19" s="253">
        <v>35</v>
      </c>
      <c r="BR19" s="257">
        <v>79</v>
      </c>
      <c r="BS19" s="254">
        <v>114</v>
      </c>
      <c r="BT19" s="256">
        <v>0</v>
      </c>
      <c r="BU19" s="257">
        <v>61</v>
      </c>
      <c r="BV19" s="257">
        <v>197</v>
      </c>
      <c r="BW19" s="257">
        <v>106</v>
      </c>
      <c r="BX19" s="257">
        <v>53</v>
      </c>
      <c r="BY19" s="257">
        <v>23</v>
      </c>
      <c r="BZ19" s="254">
        <v>440</v>
      </c>
      <c r="CA19" s="259">
        <v>554</v>
      </c>
      <c r="CB19" s="253">
        <v>2</v>
      </c>
      <c r="CC19" s="257">
        <v>4</v>
      </c>
      <c r="CD19" s="254">
        <v>6</v>
      </c>
      <c r="CE19" s="256">
        <v>0</v>
      </c>
      <c r="CF19" s="257">
        <v>39</v>
      </c>
      <c r="CG19" s="257">
        <v>96</v>
      </c>
      <c r="CH19" s="257">
        <v>113</v>
      </c>
      <c r="CI19" s="257">
        <v>100</v>
      </c>
      <c r="CJ19" s="257">
        <v>44</v>
      </c>
      <c r="CK19" s="254">
        <v>392</v>
      </c>
      <c r="CL19" s="259">
        <v>398</v>
      </c>
      <c r="CM19" s="253">
        <v>0</v>
      </c>
      <c r="CN19" s="257">
        <v>0</v>
      </c>
      <c r="CO19" s="254">
        <v>0</v>
      </c>
      <c r="CP19" s="256">
        <v>0</v>
      </c>
      <c r="CQ19" s="257">
        <v>4</v>
      </c>
      <c r="CR19" s="257">
        <v>16</v>
      </c>
      <c r="CS19" s="257">
        <v>12</v>
      </c>
      <c r="CT19" s="257">
        <v>11</v>
      </c>
      <c r="CU19" s="257">
        <v>7</v>
      </c>
      <c r="CV19" s="254">
        <v>50</v>
      </c>
      <c r="CW19" s="259">
        <v>50</v>
      </c>
      <c r="CX19" s="253">
        <v>0</v>
      </c>
      <c r="CY19" s="257">
        <v>0</v>
      </c>
      <c r="CZ19" s="254">
        <v>0</v>
      </c>
      <c r="DA19" s="256">
        <v>0</v>
      </c>
      <c r="DB19" s="257">
        <v>0</v>
      </c>
      <c r="DC19" s="257">
        <v>0</v>
      </c>
      <c r="DD19" s="257">
        <v>0</v>
      </c>
      <c r="DE19" s="257">
        <v>0</v>
      </c>
      <c r="DF19" s="257">
        <v>0</v>
      </c>
      <c r="DG19" s="254">
        <v>0</v>
      </c>
      <c r="DH19" s="259">
        <v>0</v>
      </c>
      <c r="DI19" s="253">
        <v>0</v>
      </c>
      <c r="DJ19" s="257">
        <v>0</v>
      </c>
      <c r="DK19" s="254">
        <v>0</v>
      </c>
      <c r="DL19" s="256">
        <v>0</v>
      </c>
      <c r="DM19" s="257">
        <v>0</v>
      </c>
      <c r="DN19" s="257">
        <v>0</v>
      </c>
      <c r="DO19" s="257">
        <v>0</v>
      </c>
      <c r="DP19" s="257">
        <v>0</v>
      </c>
      <c r="DQ19" s="257">
        <v>0</v>
      </c>
      <c r="DR19" s="254">
        <v>0</v>
      </c>
      <c r="DS19" s="259">
        <v>0</v>
      </c>
      <c r="DT19" s="253">
        <v>197</v>
      </c>
      <c r="DU19" s="257">
        <v>537</v>
      </c>
      <c r="DV19" s="254">
        <v>734</v>
      </c>
      <c r="DW19" s="256">
        <v>0</v>
      </c>
      <c r="DX19" s="257">
        <v>433</v>
      </c>
      <c r="DY19" s="257">
        <v>1210</v>
      </c>
      <c r="DZ19" s="257">
        <v>743</v>
      </c>
      <c r="EA19" s="257">
        <v>541</v>
      </c>
      <c r="EB19" s="257">
        <v>314</v>
      </c>
      <c r="EC19" s="254">
        <v>3241</v>
      </c>
      <c r="ED19" s="259">
        <v>3975</v>
      </c>
      <c r="EE19" s="253">
        <v>32</v>
      </c>
      <c r="EF19" s="257">
        <v>30</v>
      </c>
      <c r="EG19" s="254">
        <v>62</v>
      </c>
      <c r="EH19" s="256">
        <v>0</v>
      </c>
      <c r="EI19" s="257">
        <v>102</v>
      </c>
      <c r="EJ19" s="257">
        <v>124</v>
      </c>
      <c r="EK19" s="257">
        <v>98</v>
      </c>
      <c r="EL19" s="257">
        <v>94</v>
      </c>
      <c r="EM19" s="257">
        <v>65</v>
      </c>
      <c r="EN19" s="254">
        <v>483</v>
      </c>
      <c r="EO19" s="259">
        <v>545</v>
      </c>
      <c r="EP19" s="253">
        <v>256</v>
      </c>
      <c r="EQ19" s="257">
        <v>615</v>
      </c>
      <c r="ER19" s="254">
        <v>871</v>
      </c>
      <c r="ES19" s="256">
        <v>0</v>
      </c>
      <c r="ET19" s="257">
        <v>988</v>
      </c>
      <c r="EU19" s="257">
        <v>1582</v>
      </c>
      <c r="EV19" s="257">
        <v>870</v>
      </c>
      <c r="EW19" s="257">
        <v>598</v>
      </c>
      <c r="EX19" s="257">
        <v>322</v>
      </c>
      <c r="EY19" s="254">
        <v>4360</v>
      </c>
      <c r="EZ19" s="259">
        <v>5231</v>
      </c>
    </row>
    <row r="20" spans="2:156" ht="21" customHeight="1" x14ac:dyDescent="0.2">
      <c r="B20" s="437" t="s">
        <v>18</v>
      </c>
      <c r="C20" s="253">
        <v>0</v>
      </c>
      <c r="D20" s="257">
        <v>0</v>
      </c>
      <c r="E20" s="340">
        <v>0</v>
      </c>
      <c r="F20" s="256">
        <v>0</v>
      </c>
      <c r="G20" s="257">
        <v>483</v>
      </c>
      <c r="H20" s="257">
        <v>514</v>
      </c>
      <c r="I20" s="257">
        <v>301</v>
      </c>
      <c r="J20" s="257">
        <v>259</v>
      </c>
      <c r="K20" s="257">
        <v>191</v>
      </c>
      <c r="L20" s="258">
        <v>1748</v>
      </c>
      <c r="M20" s="259">
        <v>1748</v>
      </c>
      <c r="N20" s="253">
        <v>0</v>
      </c>
      <c r="O20" s="257">
        <v>0</v>
      </c>
      <c r="P20" s="254">
        <v>0</v>
      </c>
      <c r="Q20" s="256">
        <v>0</v>
      </c>
      <c r="R20" s="257">
        <v>3</v>
      </c>
      <c r="S20" s="257">
        <v>9</v>
      </c>
      <c r="T20" s="257">
        <v>14</v>
      </c>
      <c r="U20" s="257">
        <v>52</v>
      </c>
      <c r="V20" s="257">
        <v>74</v>
      </c>
      <c r="W20" s="254">
        <v>152</v>
      </c>
      <c r="X20" s="259">
        <v>152</v>
      </c>
      <c r="Y20" s="253">
        <v>61</v>
      </c>
      <c r="Z20" s="257">
        <v>119</v>
      </c>
      <c r="AA20" s="254">
        <v>180</v>
      </c>
      <c r="AB20" s="256">
        <v>0</v>
      </c>
      <c r="AC20" s="257">
        <v>359</v>
      </c>
      <c r="AD20" s="257">
        <v>408</v>
      </c>
      <c r="AE20" s="257">
        <v>259</v>
      </c>
      <c r="AF20" s="257">
        <v>217</v>
      </c>
      <c r="AG20" s="257">
        <v>153</v>
      </c>
      <c r="AH20" s="254">
        <v>1396</v>
      </c>
      <c r="AI20" s="259">
        <v>1576</v>
      </c>
      <c r="AJ20" s="253">
        <v>7</v>
      </c>
      <c r="AK20" s="257">
        <v>12</v>
      </c>
      <c r="AL20" s="254">
        <v>19</v>
      </c>
      <c r="AM20" s="256">
        <v>0</v>
      </c>
      <c r="AN20" s="257">
        <v>35</v>
      </c>
      <c r="AO20" s="257">
        <v>48</v>
      </c>
      <c r="AP20" s="257">
        <v>29</v>
      </c>
      <c r="AQ20" s="257">
        <v>25</v>
      </c>
      <c r="AR20" s="257">
        <v>13</v>
      </c>
      <c r="AS20" s="254">
        <v>150</v>
      </c>
      <c r="AT20" s="259">
        <v>169</v>
      </c>
      <c r="AU20" s="253">
        <v>60</v>
      </c>
      <c r="AV20" s="257">
        <v>72</v>
      </c>
      <c r="AW20" s="254">
        <v>132</v>
      </c>
      <c r="AX20" s="256">
        <v>0</v>
      </c>
      <c r="AY20" s="257">
        <v>505</v>
      </c>
      <c r="AZ20" s="257">
        <v>603</v>
      </c>
      <c r="BA20" s="257">
        <v>537</v>
      </c>
      <c r="BB20" s="257">
        <v>522</v>
      </c>
      <c r="BC20" s="257">
        <v>383</v>
      </c>
      <c r="BD20" s="258">
        <v>2550</v>
      </c>
      <c r="BE20" s="259">
        <v>2682</v>
      </c>
      <c r="BF20" s="253">
        <v>0</v>
      </c>
      <c r="BG20" s="257">
        <v>0</v>
      </c>
      <c r="BH20" s="254">
        <v>0</v>
      </c>
      <c r="BI20" s="256">
        <v>0</v>
      </c>
      <c r="BJ20" s="257">
        <v>727</v>
      </c>
      <c r="BK20" s="257">
        <v>642</v>
      </c>
      <c r="BL20" s="257">
        <v>360</v>
      </c>
      <c r="BM20" s="257">
        <v>195</v>
      </c>
      <c r="BN20" s="257">
        <v>84</v>
      </c>
      <c r="BO20" s="254">
        <v>2008</v>
      </c>
      <c r="BP20" s="259">
        <v>2008</v>
      </c>
      <c r="BQ20" s="253">
        <v>73</v>
      </c>
      <c r="BR20" s="257">
        <v>110</v>
      </c>
      <c r="BS20" s="254">
        <v>183</v>
      </c>
      <c r="BT20" s="256">
        <v>0</v>
      </c>
      <c r="BU20" s="257">
        <v>199</v>
      </c>
      <c r="BV20" s="257">
        <v>213</v>
      </c>
      <c r="BW20" s="257">
        <v>118</v>
      </c>
      <c r="BX20" s="257">
        <v>66</v>
      </c>
      <c r="BY20" s="257">
        <v>22</v>
      </c>
      <c r="BZ20" s="254">
        <v>618</v>
      </c>
      <c r="CA20" s="259">
        <v>801</v>
      </c>
      <c r="CB20" s="253">
        <v>1</v>
      </c>
      <c r="CC20" s="257">
        <v>7</v>
      </c>
      <c r="CD20" s="254">
        <v>8</v>
      </c>
      <c r="CE20" s="256">
        <v>0</v>
      </c>
      <c r="CF20" s="257">
        <v>65</v>
      </c>
      <c r="CG20" s="257">
        <v>104</v>
      </c>
      <c r="CH20" s="257">
        <v>136</v>
      </c>
      <c r="CI20" s="257">
        <v>101</v>
      </c>
      <c r="CJ20" s="257">
        <v>55</v>
      </c>
      <c r="CK20" s="254">
        <v>461</v>
      </c>
      <c r="CL20" s="259">
        <v>469</v>
      </c>
      <c r="CM20" s="253">
        <v>1</v>
      </c>
      <c r="CN20" s="257">
        <v>0</v>
      </c>
      <c r="CO20" s="254">
        <v>1</v>
      </c>
      <c r="CP20" s="256">
        <v>0</v>
      </c>
      <c r="CQ20" s="257">
        <v>2</v>
      </c>
      <c r="CR20" s="257">
        <v>5</v>
      </c>
      <c r="CS20" s="257">
        <v>3</v>
      </c>
      <c r="CT20" s="257">
        <v>3</v>
      </c>
      <c r="CU20" s="257">
        <v>2</v>
      </c>
      <c r="CV20" s="254">
        <v>15</v>
      </c>
      <c r="CW20" s="259">
        <v>16</v>
      </c>
      <c r="CX20" s="253">
        <v>0</v>
      </c>
      <c r="CY20" s="257">
        <v>0</v>
      </c>
      <c r="CZ20" s="254">
        <v>0</v>
      </c>
      <c r="DA20" s="256">
        <v>0</v>
      </c>
      <c r="DB20" s="257">
        <v>0</v>
      </c>
      <c r="DC20" s="257">
        <v>0</v>
      </c>
      <c r="DD20" s="257">
        <v>0</v>
      </c>
      <c r="DE20" s="257">
        <v>0</v>
      </c>
      <c r="DF20" s="257">
        <v>0</v>
      </c>
      <c r="DG20" s="254">
        <v>0</v>
      </c>
      <c r="DH20" s="259">
        <v>0</v>
      </c>
      <c r="DI20" s="253">
        <v>0</v>
      </c>
      <c r="DJ20" s="257">
        <v>0</v>
      </c>
      <c r="DK20" s="254">
        <v>0</v>
      </c>
      <c r="DL20" s="256">
        <v>0</v>
      </c>
      <c r="DM20" s="257">
        <v>0</v>
      </c>
      <c r="DN20" s="257">
        <v>0</v>
      </c>
      <c r="DO20" s="257">
        <v>0</v>
      </c>
      <c r="DP20" s="257">
        <v>0</v>
      </c>
      <c r="DQ20" s="257">
        <v>0</v>
      </c>
      <c r="DR20" s="254">
        <v>0</v>
      </c>
      <c r="DS20" s="259">
        <v>0</v>
      </c>
      <c r="DT20" s="253">
        <v>240</v>
      </c>
      <c r="DU20" s="257">
        <v>537</v>
      </c>
      <c r="DV20" s="254">
        <v>777</v>
      </c>
      <c r="DW20" s="256">
        <v>0</v>
      </c>
      <c r="DX20" s="257">
        <v>816</v>
      </c>
      <c r="DY20" s="257">
        <v>1152</v>
      </c>
      <c r="DZ20" s="257">
        <v>702</v>
      </c>
      <c r="EA20" s="257">
        <v>540</v>
      </c>
      <c r="EB20" s="257">
        <v>331</v>
      </c>
      <c r="EC20" s="254">
        <v>3541</v>
      </c>
      <c r="ED20" s="259">
        <v>4318</v>
      </c>
      <c r="EE20" s="253">
        <v>34</v>
      </c>
      <c r="EF20" s="257">
        <v>8</v>
      </c>
      <c r="EG20" s="254">
        <v>42</v>
      </c>
      <c r="EH20" s="256">
        <v>0</v>
      </c>
      <c r="EI20" s="257">
        <v>136</v>
      </c>
      <c r="EJ20" s="257">
        <v>121</v>
      </c>
      <c r="EK20" s="257">
        <v>105</v>
      </c>
      <c r="EL20" s="257">
        <v>109</v>
      </c>
      <c r="EM20" s="257">
        <v>68</v>
      </c>
      <c r="EN20" s="254">
        <v>539</v>
      </c>
      <c r="EO20" s="259">
        <v>581</v>
      </c>
      <c r="EP20" s="253">
        <v>346</v>
      </c>
      <c r="EQ20" s="257">
        <v>665</v>
      </c>
      <c r="ER20" s="254">
        <v>1011</v>
      </c>
      <c r="ES20" s="256">
        <v>0</v>
      </c>
      <c r="ET20" s="257">
        <v>1697</v>
      </c>
      <c r="EU20" s="257">
        <v>1525</v>
      </c>
      <c r="EV20" s="257">
        <v>830</v>
      </c>
      <c r="EW20" s="257">
        <v>582</v>
      </c>
      <c r="EX20" s="257">
        <v>328</v>
      </c>
      <c r="EY20" s="254">
        <v>4962</v>
      </c>
      <c r="EZ20" s="259">
        <v>5973</v>
      </c>
    </row>
    <row r="21" spans="2:156" ht="21" customHeight="1" x14ac:dyDescent="0.2">
      <c r="B21" s="437" t="s">
        <v>19</v>
      </c>
      <c r="C21" s="253">
        <v>0</v>
      </c>
      <c r="D21" s="257">
        <v>0</v>
      </c>
      <c r="E21" s="340">
        <v>0</v>
      </c>
      <c r="F21" s="256">
        <v>0</v>
      </c>
      <c r="G21" s="257">
        <v>191</v>
      </c>
      <c r="H21" s="257">
        <v>157</v>
      </c>
      <c r="I21" s="257">
        <v>104</v>
      </c>
      <c r="J21" s="257">
        <v>85</v>
      </c>
      <c r="K21" s="257">
        <v>61</v>
      </c>
      <c r="L21" s="258">
        <v>598</v>
      </c>
      <c r="M21" s="259">
        <v>598</v>
      </c>
      <c r="N21" s="253">
        <v>0</v>
      </c>
      <c r="O21" s="257">
        <v>0</v>
      </c>
      <c r="P21" s="254">
        <v>0</v>
      </c>
      <c r="Q21" s="256">
        <v>0</v>
      </c>
      <c r="R21" s="257">
        <v>5</v>
      </c>
      <c r="S21" s="257">
        <v>7</v>
      </c>
      <c r="T21" s="257">
        <v>11</v>
      </c>
      <c r="U21" s="257">
        <v>20</v>
      </c>
      <c r="V21" s="257">
        <v>27</v>
      </c>
      <c r="W21" s="254">
        <v>70</v>
      </c>
      <c r="X21" s="259">
        <v>70</v>
      </c>
      <c r="Y21" s="253">
        <v>42</v>
      </c>
      <c r="Z21" s="257">
        <v>56</v>
      </c>
      <c r="AA21" s="254">
        <v>98</v>
      </c>
      <c r="AB21" s="256">
        <v>0</v>
      </c>
      <c r="AC21" s="257">
        <v>174</v>
      </c>
      <c r="AD21" s="257">
        <v>148</v>
      </c>
      <c r="AE21" s="257">
        <v>111</v>
      </c>
      <c r="AF21" s="257">
        <v>85</v>
      </c>
      <c r="AG21" s="257">
        <v>71</v>
      </c>
      <c r="AH21" s="254">
        <v>589</v>
      </c>
      <c r="AI21" s="259">
        <v>687</v>
      </c>
      <c r="AJ21" s="253">
        <v>3</v>
      </c>
      <c r="AK21" s="257">
        <v>5</v>
      </c>
      <c r="AL21" s="254">
        <v>8</v>
      </c>
      <c r="AM21" s="256">
        <v>0</v>
      </c>
      <c r="AN21" s="257">
        <v>19</v>
      </c>
      <c r="AO21" s="257">
        <v>16</v>
      </c>
      <c r="AP21" s="257">
        <v>6</v>
      </c>
      <c r="AQ21" s="257">
        <v>10</v>
      </c>
      <c r="AR21" s="257">
        <v>2</v>
      </c>
      <c r="AS21" s="254">
        <v>53</v>
      </c>
      <c r="AT21" s="259">
        <v>61</v>
      </c>
      <c r="AU21" s="253">
        <v>43</v>
      </c>
      <c r="AV21" s="257">
        <v>38</v>
      </c>
      <c r="AW21" s="254">
        <v>81</v>
      </c>
      <c r="AX21" s="256">
        <v>0</v>
      </c>
      <c r="AY21" s="257">
        <v>196</v>
      </c>
      <c r="AZ21" s="257">
        <v>231</v>
      </c>
      <c r="BA21" s="257">
        <v>193</v>
      </c>
      <c r="BB21" s="257">
        <v>185</v>
      </c>
      <c r="BC21" s="257">
        <v>157</v>
      </c>
      <c r="BD21" s="258">
        <v>962</v>
      </c>
      <c r="BE21" s="259">
        <v>1043</v>
      </c>
      <c r="BF21" s="253">
        <v>0</v>
      </c>
      <c r="BG21" s="257">
        <v>0</v>
      </c>
      <c r="BH21" s="254">
        <v>0</v>
      </c>
      <c r="BI21" s="256">
        <v>0</v>
      </c>
      <c r="BJ21" s="257">
        <v>283</v>
      </c>
      <c r="BK21" s="257">
        <v>247</v>
      </c>
      <c r="BL21" s="257">
        <v>127</v>
      </c>
      <c r="BM21" s="257">
        <v>63</v>
      </c>
      <c r="BN21" s="257">
        <v>33</v>
      </c>
      <c r="BO21" s="254">
        <v>753</v>
      </c>
      <c r="BP21" s="259">
        <v>753</v>
      </c>
      <c r="BQ21" s="253">
        <v>35</v>
      </c>
      <c r="BR21" s="257">
        <v>67</v>
      </c>
      <c r="BS21" s="254">
        <v>102</v>
      </c>
      <c r="BT21" s="256">
        <v>0</v>
      </c>
      <c r="BU21" s="257">
        <v>130</v>
      </c>
      <c r="BV21" s="257">
        <v>104</v>
      </c>
      <c r="BW21" s="257">
        <v>67</v>
      </c>
      <c r="BX21" s="257">
        <v>28</v>
      </c>
      <c r="BY21" s="257">
        <v>10</v>
      </c>
      <c r="BZ21" s="254">
        <v>339</v>
      </c>
      <c r="CA21" s="259">
        <v>441</v>
      </c>
      <c r="CB21" s="253">
        <v>1</v>
      </c>
      <c r="CC21" s="257">
        <v>3</v>
      </c>
      <c r="CD21" s="254">
        <v>4</v>
      </c>
      <c r="CE21" s="256">
        <v>0</v>
      </c>
      <c r="CF21" s="257">
        <v>21</v>
      </c>
      <c r="CG21" s="257">
        <v>56</v>
      </c>
      <c r="CH21" s="257">
        <v>58</v>
      </c>
      <c r="CI21" s="257">
        <v>26</v>
      </c>
      <c r="CJ21" s="257">
        <v>12</v>
      </c>
      <c r="CK21" s="254">
        <v>173</v>
      </c>
      <c r="CL21" s="259">
        <v>177</v>
      </c>
      <c r="CM21" s="253">
        <v>0</v>
      </c>
      <c r="CN21" s="257">
        <v>0</v>
      </c>
      <c r="CO21" s="254">
        <v>0</v>
      </c>
      <c r="CP21" s="256">
        <v>0</v>
      </c>
      <c r="CQ21" s="257">
        <v>5</v>
      </c>
      <c r="CR21" s="257">
        <v>13</v>
      </c>
      <c r="CS21" s="257">
        <v>9</v>
      </c>
      <c r="CT21" s="257">
        <v>12</v>
      </c>
      <c r="CU21" s="257">
        <v>4</v>
      </c>
      <c r="CV21" s="254">
        <v>43</v>
      </c>
      <c r="CW21" s="259">
        <v>43</v>
      </c>
      <c r="CX21" s="253">
        <v>0</v>
      </c>
      <c r="CY21" s="257">
        <v>0</v>
      </c>
      <c r="CZ21" s="254">
        <v>0</v>
      </c>
      <c r="DA21" s="256">
        <v>0</v>
      </c>
      <c r="DB21" s="257">
        <v>0</v>
      </c>
      <c r="DC21" s="257">
        <v>0</v>
      </c>
      <c r="DD21" s="257">
        <v>0</v>
      </c>
      <c r="DE21" s="257">
        <v>0</v>
      </c>
      <c r="DF21" s="257">
        <v>0</v>
      </c>
      <c r="DG21" s="254">
        <v>0</v>
      </c>
      <c r="DH21" s="259">
        <v>0</v>
      </c>
      <c r="DI21" s="253">
        <v>0</v>
      </c>
      <c r="DJ21" s="257">
        <v>0</v>
      </c>
      <c r="DK21" s="254">
        <v>0</v>
      </c>
      <c r="DL21" s="256">
        <v>0</v>
      </c>
      <c r="DM21" s="257">
        <v>0</v>
      </c>
      <c r="DN21" s="257">
        <v>0</v>
      </c>
      <c r="DO21" s="257">
        <v>0</v>
      </c>
      <c r="DP21" s="257">
        <v>0</v>
      </c>
      <c r="DQ21" s="257">
        <v>0</v>
      </c>
      <c r="DR21" s="254">
        <v>0</v>
      </c>
      <c r="DS21" s="259">
        <v>0</v>
      </c>
      <c r="DT21" s="253">
        <v>149</v>
      </c>
      <c r="DU21" s="257">
        <v>246</v>
      </c>
      <c r="DV21" s="254">
        <v>395</v>
      </c>
      <c r="DW21" s="256">
        <v>0</v>
      </c>
      <c r="DX21" s="257">
        <v>437</v>
      </c>
      <c r="DY21" s="257">
        <v>446</v>
      </c>
      <c r="DZ21" s="257">
        <v>270</v>
      </c>
      <c r="EA21" s="257">
        <v>191</v>
      </c>
      <c r="EB21" s="257">
        <v>128</v>
      </c>
      <c r="EC21" s="254">
        <v>1472</v>
      </c>
      <c r="ED21" s="259">
        <v>1867</v>
      </c>
      <c r="EE21" s="253">
        <v>16</v>
      </c>
      <c r="EF21" s="257">
        <v>17</v>
      </c>
      <c r="EG21" s="254">
        <v>33</v>
      </c>
      <c r="EH21" s="256">
        <v>0</v>
      </c>
      <c r="EI21" s="257">
        <v>66</v>
      </c>
      <c r="EJ21" s="257">
        <v>55</v>
      </c>
      <c r="EK21" s="257">
        <v>61</v>
      </c>
      <c r="EL21" s="257">
        <v>50</v>
      </c>
      <c r="EM21" s="257">
        <v>36</v>
      </c>
      <c r="EN21" s="254">
        <v>268</v>
      </c>
      <c r="EO21" s="259">
        <v>301</v>
      </c>
      <c r="EP21" s="253">
        <v>205</v>
      </c>
      <c r="EQ21" s="257">
        <v>310</v>
      </c>
      <c r="ER21" s="254">
        <v>515</v>
      </c>
      <c r="ES21" s="256">
        <v>0</v>
      </c>
      <c r="ET21" s="257">
        <v>766</v>
      </c>
      <c r="EU21" s="257">
        <v>598</v>
      </c>
      <c r="EV21" s="257">
        <v>322</v>
      </c>
      <c r="EW21" s="257">
        <v>186</v>
      </c>
      <c r="EX21" s="257">
        <v>113</v>
      </c>
      <c r="EY21" s="254">
        <v>1985</v>
      </c>
      <c r="EZ21" s="259">
        <v>2500</v>
      </c>
    </row>
    <row r="22" spans="2:156" ht="21" customHeight="1" x14ac:dyDescent="0.2">
      <c r="B22" s="437" t="s">
        <v>20</v>
      </c>
      <c r="C22" s="253">
        <v>0</v>
      </c>
      <c r="D22" s="257">
        <v>0</v>
      </c>
      <c r="E22" s="340">
        <v>0</v>
      </c>
      <c r="F22" s="256">
        <v>0</v>
      </c>
      <c r="G22" s="257">
        <v>279</v>
      </c>
      <c r="H22" s="257">
        <v>197</v>
      </c>
      <c r="I22" s="257">
        <v>137</v>
      </c>
      <c r="J22" s="257">
        <v>104</v>
      </c>
      <c r="K22" s="257">
        <v>74</v>
      </c>
      <c r="L22" s="258">
        <v>791</v>
      </c>
      <c r="M22" s="259">
        <v>791</v>
      </c>
      <c r="N22" s="253">
        <v>0</v>
      </c>
      <c r="O22" s="257">
        <v>0</v>
      </c>
      <c r="P22" s="254">
        <v>0</v>
      </c>
      <c r="Q22" s="256">
        <v>0</v>
      </c>
      <c r="R22" s="257">
        <v>3</v>
      </c>
      <c r="S22" s="257">
        <v>5</v>
      </c>
      <c r="T22" s="257">
        <v>11</v>
      </c>
      <c r="U22" s="257">
        <v>24</v>
      </c>
      <c r="V22" s="257">
        <v>37</v>
      </c>
      <c r="W22" s="254">
        <v>80</v>
      </c>
      <c r="X22" s="259">
        <v>80</v>
      </c>
      <c r="Y22" s="253">
        <v>44</v>
      </c>
      <c r="Z22" s="257">
        <v>98</v>
      </c>
      <c r="AA22" s="254">
        <v>142</v>
      </c>
      <c r="AB22" s="256">
        <v>0</v>
      </c>
      <c r="AC22" s="257">
        <v>253</v>
      </c>
      <c r="AD22" s="257">
        <v>212</v>
      </c>
      <c r="AE22" s="257">
        <v>120</v>
      </c>
      <c r="AF22" s="257">
        <v>103</v>
      </c>
      <c r="AG22" s="257">
        <v>50</v>
      </c>
      <c r="AH22" s="254">
        <v>738</v>
      </c>
      <c r="AI22" s="259">
        <v>880</v>
      </c>
      <c r="AJ22" s="253">
        <v>13</v>
      </c>
      <c r="AK22" s="257">
        <v>42</v>
      </c>
      <c r="AL22" s="254">
        <v>55</v>
      </c>
      <c r="AM22" s="256">
        <v>0</v>
      </c>
      <c r="AN22" s="257">
        <v>54</v>
      </c>
      <c r="AO22" s="257">
        <v>62</v>
      </c>
      <c r="AP22" s="257">
        <v>44</v>
      </c>
      <c r="AQ22" s="257">
        <v>29</v>
      </c>
      <c r="AR22" s="257">
        <v>16</v>
      </c>
      <c r="AS22" s="254">
        <v>205</v>
      </c>
      <c r="AT22" s="259">
        <v>260</v>
      </c>
      <c r="AU22" s="253">
        <v>25</v>
      </c>
      <c r="AV22" s="257">
        <v>39</v>
      </c>
      <c r="AW22" s="254">
        <v>64</v>
      </c>
      <c r="AX22" s="256">
        <v>0</v>
      </c>
      <c r="AY22" s="257">
        <v>235</v>
      </c>
      <c r="AZ22" s="257">
        <v>232</v>
      </c>
      <c r="BA22" s="257">
        <v>274</v>
      </c>
      <c r="BB22" s="257">
        <v>219</v>
      </c>
      <c r="BC22" s="257">
        <v>158</v>
      </c>
      <c r="BD22" s="258">
        <v>1118</v>
      </c>
      <c r="BE22" s="259">
        <v>1182</v>
      </c>
      <c r="BF22" s="253">
        <v>0</v>
      </c>
      <c r="BG22" s="257">
        <v>0</v>
      </c>
      <c r="BH22" s="254">
        <v>0</v>
      </c>
      <c r="BI22" s="256">
        <v>0</v>
      </c>
      <c r="BJ22" s="257">
        <v>366</v>
      </c>
      <c r="BK22" s="257">
        <v>267</v>
      </c>
      <c r="BL22" s="257">
        <v>150</v>
      </c>
      <c r="BM22" s="257">
        <v>75</v>
      </c>
      <c r="BN22" s="257">
        <v>32</v>
      </c>
      <c r="BO22" s="254">
        <v>890</v>
      </c>
      <c r="BP22" s="259">
        <v>890</v>
      </c>
      <c r="BQ22" s="253">
        <v>17</v>
      </c>
      <c r="BR22" s="257">
        <v>35</v>
      </c>
      <c r="BS22" s="254">
        <v>52</v>
      </c>
      <c r="BT22" s="256">
        <v>0</v>
      </c>
      <c r="BU22" s="257">
        <v>131</v>
      </c>
      <c r="BV22" s="257">
        <v>99</v>
      </c>
      <c r="BW22" s="257">
        <v>48</v>
      </c>
      <c r="BX22" s="257">
        <v>45</v>
      </c>
      <c r="BY22" s="257">
        <v>14</v>
      </c>
      <c r="BZ22" s="254">
        <v>337</v>
      </c>
      <c r="CA22" s="259">
        <v>389</v>
      </c>
      <c r="CB22" s="253">
        <v>0</v>
      </c>
      <c r="CC22" s="257">
        <v>7</v>
      </c>
      <c r="CD22" s="254">
        <v>7</v>
      </c>
      <c r="CE22" s="256">
        <v>0</v>
      </c>
      <c r="CF22" s="257">
        <v>56</v>
      </c>
      <c r="CG22" s="257">
        <v>49</v>
      </c>
      <c r="CH22" s="257">
        <v>70</v>
      </c>
      <c r="CI22" s="257">
        <v>55</v>
      </c>
      <c r="CJ22" s="257">
        <v>25</v>
      </c>
      <c r="CK22" s="254">
        <v>255</v>
      </c>
      <c r="CL22" s="259">
        <v>262</v>
      </c>
      <c r="CM22" s="253">
        <v>0</v>
      </c>
      <c r="CN22" s="257">
        <v>0</v>
      </c>
      <c r="CO22" s="254">
        <v>0</v>
      </c>
      <c r="CP22" s="256">
        <v>0</v>
      </c>
      <c r="CQ22" s="257">
        <v>2</v>
      </c>
      <c r="CR22" s="257">
        <v>3</v>
      </c>
      <c r="CS22" s="257">
        <v>7</v>
      </c>
      <c r="CT22" s="257">
        <v>12</v>
      </c>
      <c r="CU22" s="257">
        <v>3</v>
      </c>
      <c r="CV22" s="254">
        <v>27</v>
      </c>
      <c r="CW22" s="259">
        <v>27</v>
      </c>
      <c r="CX22" s="253">
        <v>0</v>
      </c>
      <c r="CY22" s="257">
        <v>0</v>
      </c>
      <c r="CZ22" s="254">
        <v>0</v>
      </c>
      <c r="DA22" s="256">
        <v>0</v>
      </c>
      <c r="DB22" s="257">
        <v>0</v>
      </c>
      <c r="DC22" s="257">
        <v>0</v>
      </c>
      <c r="DD22" s="257">
        <v>0</v>
      </c>
      <c r="DE22" s="257">
        <v>0</v>
      </c>
      <c r="DF22" s="257">
        <v>0</v>
      </c>
      <c r="DG22" s="254">
        <v>0</v>
      </c>
      <c r="DH22" s="259">
        <v>0</v>
      </c>
      <c r="DI22" s="253">
        <v>0</v>
      </c>
      <c r="DJ22" s="257">
        <v>0</v>
      </c>
      <c r="DK22" s="254">
        <v>0</v>
      </c>
      <c r="DL22" s="256">
        <v>0</v>
      </c>
      <c r="DM22" s="257">
        <v>0</v>
      </c>
      <c r="DN22" s="257">
        <v>0</v>
      </c>
      <c r="DO22" s="257">
        <v>0</v>
      </c>
      <c r="DP22" s="257">
        <v>0</v>
      </c>
      <c r="DQ22" s="257">
        <v>0</v>
      </c>
      <c r="DR22" s="254">
        <v>0</v>
      </c>
      <c r="DS22" s="259">
        <v>0</v>
      </c>
      <c r="DT22" s="253">
        <v>150</v>
      </c>
      <c r="DU22" s="257">
        <v>349</v>
      </c>
      <c r="DV22" s="254">
        <v>499</v>
      </c>
      <c r="DW22" s="256">
        <v>0</v>
      </c>
      <c r="DX22" s="257">
        <v>558</v>
      </c>
      <c r="DY22" s="257">
        <v>494</v>
      </c>
      <c r="DZ22" s="257">
        <v>313</v>
      </c>
      <c r="EA22" s="257">
        <v>263</v>
      </c>
      <c r="EB22" s="257">
        <v>126</v>
      </c>
      <c r="EC22" s="254">
        <v>1754</v>
      </c>
      <c r="ED22" s="259">
        <v>2253</v>
      </c>
      <c r="EE22" s="253">
        <v>13</v>
      </c>
      <c r="EF22" s="257">
        <v>12</v>
      </c>
      <c r="EG22" s="254">
        <v>25</v>
      </c>
      <c r="EH22" s="256">
        <v>0</v>
      </c>
      <c r="EI22" s="257">
        <v>72</v>
      </c>
      <c r="EJ22" s="257">
        <v>53</v>
      </c>
      <c r="EK22" s="257">
        <v>62</v>
      </c>
      <c r="EL22" s="257">
        <v>62</v>
      </c>
      <c r="EM22" s="257">
        <v>33</v>
      </c>
      <c r="EN22" s="254">
        <v>282</v>
      </c>
      <c r="EO22" s="259">
        <v>307</v>
      </c>
      <c r="EP22" s="253">
        <v>185</v>
      </c>
      <c r="EQ22" s="257">
        <v>397</v>
      </c>
      <c r="ER22" s="254">
        <v>582</v>
      </c>
      <c r="ES22" s="256">
        <v>0</v>
      </c>
      <c r="ET22" s="257">
        <v>1046</v>
      </c>
      <c r="EU22" s="257">
        <v>708</v>
      </c>
      <c r="EV22" s="257">
        <v>396</v>
      </c>
      <c r="EW22" s="257">
        <v>283</v>
      </c>
      <c r="EX22" s="257">
        <v>135</v>
      </c>
      <c r="EY22" s="254">
        <v>2568</v>
      </c>
      <c r="EZ22" s="259">
        <v>3150</v>
      </c>
    </row>
    <row r="23" spans="2:156" ht="21" customHeight="1" x14ac:dyDescent="0.2">
      <c r="B23" s="437" t="s">
        <v>21</v>
      </c>
      <c r="C23" s="253">
        <v>0</v>
      </c>
      <c r="D23" s="257">
        <v>0</v>
      </c>
      <c r="E23" s="340">
        <v>0</v>
      </c>
      <c r="F23" s="256">
        <v>0</v>
      </c>
      <c r="G23" s="257">
        <v>267</v>
      </c>
      <c r="H23" s="257">
        <v>355</v>
      </c>
      <c r="I23" s="257">
        <v>212</v>
      </c>
      <c r="J23" s="257">
        <v>131</v>
      </c>
      <c r="K23" s="257">
        <v>105</v>
      </c>
      <c r="L23" s="258">
        <v>1070</v>
      </c>
      <c r="M23" s="259">
        <v>1070</v>
      </c>
      <c r="N23" s="253">
        <v>0</v>
      </c>
      <c r="O23" s="257">
        <v>0</v>
      </c>
      <c r="P23" s="254">
        <v>0</v>
      </c>
      <c r="Q23" s="256">
        <v>0</v>
      </c>
      <c r="R23" s="257">
        <v>2</v>
      </c>
      <c r="S23" s="257">
        <v>6</v>
      </c>
      <c r="T23" s="257">
        <v>10</v>
      </c>
      <c r="U23" s="257">
        <v>29</v>
      </c>
      <c r="V23" s="257">
        <v>37</v>
      </c>
      <c r="W23" s="254">
        <v>84</v>
      </c>
      <c r="X23" s="259">
        <v>84</v>
      </c>
      <c r="Y23" s="253">
        <v>51</v>
      </c>
      <c r="Z23" s="257">
        <v>112</v>
      </c>
      <c r="AA23" s="254">
        <v>163</v>
      </c>
      <c r="AB23" s="256">
        <v>0</v>
      </c>
      <c r="AC23" s="257">
        <v>215</v>
      </c>
      <c r="AD23" s="257">
        <v>300</v>
      </c>
      <c r="AE23" s="257">
        <v>163</v>
      </c>
      <c r="AF23" s="257">
        <v>139</v>
      </c>
      <c r="AG23" s="257">
        <v>86</v>
      </c>
      <c r="AH23" s="254">
        <v>903</v>
      </c>
      <c r="AI23" s="259">
        <v>1066</v>
      </c>
      <c r="AJ23" s="253">
        <v>18</v>
      </c>
      <c r="AK23" s="257">
        <v>27</v>
      </c>
      <c r="AL23" s="254">
        <v>45</v>
      </c>
      <c r="AM23" s="256">
        <v>0</v>
      </c>
      <c r="AN23" s="257">
        <v>28</v>
      </c>
      <c r="AO23" s="257">
        <v>40</v>
      </c>
      <c r="AP23" s="257">
        <v>22</v>
      </c>
      <c r="AQ23" s="257">
        <v>14</v>
      </c>
      <c r="AR23" s="257">
        <v>6</v>
      </c>
      <c r="AS23" s="254">
        <v>110</v>
      </c>
      <c r="AT23" s="259">
        <v>155</v>
      </c>
      <c r="AU23" s="253">
        <v>41</v>
      </c>
      <c r="AV23" s="257">
        <v>47</v>
      </c>
      <c r="AW23" s="254">
        <v>88</v>
      </c>
      <c r="AX23" s="256">
        <v>0</v>
      </c>
      <c r="AY23" s="257">
        <v>255</v>
      </c>
      <c r="AZ23" s="257">
        <v>348</v>
      </c>
      <c r="BA23" s="257">
        <v>322</v>
      </c>
      <c r="BB23" s="257">
        <v>248</v>
      </c>
      <c r="BC23" s="257">
        <v>199</v>
      </c>
      <c r="BD23" s="258">
        <v>1372</v>
      </c>
      <c r="BE23" s="259">
        <v>1460</v>
      </c>
      <c r="BF23" s="253">
        <v>0</v>
      </c>
      <c r="BG23" s="257">
        <v>0</v>
      </c>
      <c r="BH23" s="254">
        <v>0</v>
      </c>
      <c r="BI23" s="256">
        <v>0</v>
      </c>
      <c r="BJ23" s="257">
        <v>333</v>
      </c>
      <c r="BK23" s="257">
        <v>357</v>
      </c>
      <c r="BL23" s="257">
        <v>218</v>
      </c>
      <c r="BM23" s="257">
        <v>99</v>
      </c>
      <c r="BN23" s="257">
        <v>40</v>
      </c>
      <c r="BO23" s="254">
        <v>1047</v>
      </c>
      <c r="BP23" s="259">
        <v>1047</v>
      </c>
      <c r="BQ23" s="253">
        <v>24</v>
      </c>
      <c r="BR23" s="257">
        <v>38</v>
      </c>
      <c r="BS23" s="254">
        <v>62</v>
      </c>
      <c r="BT23" s="256">
        <v>0</v>
      </c>
      <c r="BU23" s="257">
        <v>59</v>
      </c>
      <c r="BV23" s="257">
        <v>73</v>
      </c>
      <c r="BW23" s="257">
        <v>44</v>
      </c>
      <c r="BX23" s="257">
        <v>21</v>
      </c>
      <c r="BY23" s="257">
        <v>7</v>
      </c>
      <c r="BZ23" s="254">
        <v>204</v>
      </c>
      <c r="CA23" s="259">
        <v>266</v>
      </c>
      <c r="CB23" s="253">
        <v>3</v>
      </c>
      <c r="CC23" s="257">
        <v>2</v>
      </c>
      <c r="CD23" s="254">
        <v>5</v>
      </c>
      <c r="CE23" s="256">
        <v>0</v>
      </c>
      <c r="CF23" s="257">
        <v>35</v>
      </c>
      <c r="CG23" s="257">
        <v>59</v>
      </c>
      <c r="CH23" s="257">
        <v>70</v>
      </c>
      <c r="CI23" s="257">
        <v>61</v>
      </c>
      <c r="CJ23" s="257">
        <v>25</v>
      </c>
      <c r="CK23" s="254">
        <v>250</v>
      </c>
      <c r="CL23" s="259">
        <v>255</v>
      </c>
      <c r="CM23" s="253">
        <v>0</v>
      </c>
      <c r="CN23" s="257">
        <v>1</v>
      </c>
      <c r="CO23" s="254">
        <v>1</v>
      </c>
      <c r="CP23" s="256">
        <v>0</v>
      </c>
      <c r="CQ23" s="257">
        <v>3</v>
      </c>
      <c r="CR23" s="257">
        <v>5</v>
      </c>
      <c r="CS23" s="257">
        <v>4</v>
      </c>
      <c r="CT23" s="257">
        <v>2</v>
      </c>
      <c r="CU23" s="257">
        <v>1</v>
      </c>
      <c r="CV23" s="254">
        <v>15</v>
      </c>
      <c r="CW23" s="259">
        <v>16</v>
      </c>
      <c r="CX23" s="253">
        <v>0</v>
      </c>
      <c r="CY23" s="257">
        <v>0</v>
      </c>
      <c r="CZ23" s="254">
        <v>0</v>
      </c>
      <c r="DA23" s="256">
        <v>0</v>
      </c>
      <c r="DB23" s="257">
        <v>0</v>
      </c>
      <c r="DC23" s="257">
        <v>0</v>
      </c>
      <c r="DD23" s="257">
        <v>0</v>
      </c>
      <c r="DE23" s="257">
        <v>0</v>
      </c>
      <c r="DF23" s="257">
        <v>0</v>
      </c>
      <c r="DG23" s="254">
        <v>0</v>
      </c>
      <c r="DH23" s="259">
        <v>0</v>
      </c>
      <c r="DI23" s="253">
        <v>0</v>
      </c>
      <c r="DJ23" s="257">
        <v>0</v>
      </c>
      <c r="DK23" s="254">
        <v>0</v>
      </c>
      <c r="DL23" s="256">
        <v>0</v>
      </c>
      <c r="DM23" s="257">
        <v>0</v>
      </c>
      <c r="DN23" s="257">
        <v>0</v>
      </c>
      <c r="DO23" s="257">
        <v>0</v>
      </c>
      <c r="DP23" s="257">
        <v>0</v>
      </c>
      <c r="DQ23" s="257">
        <v>0</v>
      </c>
      <c r="DR23" s="254">
        <v>0</v>
      </c>
      <c r="DS23" s="259">
        <v>0</v>
      </c>
      <c r="DT23" s="253">
        <v>201</v>
      </c>
      <c r="DU23" s="257">
        <v>333</v>
      </c>
      <c r="DV23" s="254">
        <v>534</v>
      </c>
      <c r="DW23" s="256">
        <v>0</v>
      </c>
      <c r="DX23" s="257">
        <v>374</v>
      </c>
      <c r="DY23" s="257">
        <v>678</v>
      </c>
      <c r="DZ23" s="257">
        <v>414</v>
      </c>
      <c r="EA23" s="257">
        <v>287</v>
      </c>
      <c r="EB23" s="257">
        <v>159</v>
      </c>
      <c r="EC23" s="254">
        <v>1912</v>
      </c>
      <c r="ED23" s="259">
        <v>2446</v>
      </c>
      <c r="EE23" s="253">
        <v>17</v>
      </c>
      <c r="EF23" s="257">
        <v>17</v>
      </c>
      <c r="EG23" s="254">
        <v>34</v>
      </c>
      <c r="EH23" s="256">
        <v>0</v>
      </c>
      <c r="EI23" s="257">
        <v>63</v>
      </c>
      <c r="EJ23" s="257">
        <v>67</v>
      </c>
      <c r="EK23" s="257">
        <v>59</v>
      </c>
      <c r="EL23" s="257">
        <v>57</v>
      </c>
      <c r="EM23" s="257">
        <v>45</v>
      </c>
      <c r="EN23" s="254">
        <v>291</v>
      </c>
      <c r="EO23" s="259">
        <v>325</v>
      </c>
      <c r="EP23" s="253">
        <v>267</v>
      </c>
      <c r="EQ23" s="257">
        <v>423</v>
      </c>
      <c r="ER23" s="254">
        <v>690</v>
      </c>
      <c r="ES23" s="256">
        <v>0</v>
      </c>
      <c r="ET23" s="257">
        <v>850</v>
      </c>
      <c r="EU23" s="257">
        <v>927</v>
      </c>
      <c r="EV23" s="257">
        <v>488</v>
      </c>
      <c r="EW23" s="257">
        <v>310</v>
      </c>
      <c r="EX23" s="257">
        <v>173</v>
      </c>
      <c r="EY23" s="254">
        <v>2748</v>
      </c>
      <c r="EZ23" s="259">
        <v>3438</v>
      </c>
    </row>
    <row r="24" spans="2:156" ht="21" customHeight="1" x14ac:dyDescent="0.2">
      <c r="B24" s="437" t="s">
        <v>22</v>
      </c>
      <c r="C24" s="253">
        <v>0</v>
      </c>
      <c r="D24" s="257">
        <v>0</v>
      </c>
      <c r="E24" s="340">
        <v>0</v>
      </c>
      <c r="F24" s="256">
        <v>0</v>
      </c>
      <c r="G24" s="257">
        <v>73</v>
      </c>
      <c r="H24" s="257">
        <v>70</v>
      </c>
      <c r="I24" s="257">
        <v>28</v>
      </c>
      <c r="J24" s="257">
        <v>36</v>
      </c>
      <c r="K24" s="257">
        <v>28</v>
      </c>
      <c r="L24" s="258">
        <v>235</v>
      </c>
      <c r="M24" s="259">
        <v>235</v>
      </c>
      <c r="N24" s="253">
        <v>0</v>
      </c>
      <c r="O24" s="257">
        <v>0</v>
      </c>
      <c r="P24" s="254">
        <v>0</v>
      </c>
      <c r="Q24" s="256">
        <v>0</v>
      </c>
      <c r="R24" s="257">
        <v>3</v>
      </c>
      <c r="S24" s="257">
        <v>1</v>
      </c>
      <c r="T24" s="257">
        <v>4</v>
      </c>
      <c r="U24" s="257">
        <v>9</v>
      </c>
      <c r="V24" s="257">
        <v>18</v>
      </c>
      <c r="W24" s="254">
        <v>35</v>
      </c>
      <c r="X24" s="259">
        <v>35</v>
      </c>
      <c r="Y24" s="253">
        <v>8</v>
      </c>
      <c r="Z24" s="257">
        <v>14</v>
      </c>
      <c r="AA24" s="254">
        <v>22</v>
      </c>
      <c r="AB24" s="256">
        <v>0</v>
      </c>
      <c r="AC24" s="257">
        <v>52</v>
      </c>
      <c r="AD24" s="257">
        <v>62</v>
      </c>
      <c r="AE24" s="257">
        <v>37</v>
      </c>
      <c r="AF24" s="257">
        <v>50</v>
      </c>
      <c r="AG24" s="257">
        <v>39</v>
      </c>
      <c r="AH24" s="254">
        <v>240</v>
      </c>
      <c r="AI24" s="259">
        <v>262</v>
      </c>
      <c r="AJ24" s="253">
        <v>0</v>
      </c>
      <c r="AK24" s="257">
        <v>1</v>
      </c>
      <c r="AL24" s="254">
        <v>1</v>
      </c>
      <c r="AM24" s="256">
        <v>0</v>
      </c>
      <c r="AN24" s="257">
        <v>10</v>
      </c>
      <c r="AO24" s="257">
        <v>9</v>
      </c>
      <c r="AP24" s="257">
        <v>4</v>
      </c>
      <c r="AQ24" s="257">
        <v>6</v>
      </c>
      <c r="AR24" s="257">
        <v>3</v>
      </c>
      <c r="AS24" s="254">
        <v>32</v>
      </c>
      <c r="AT24" s="259">
        <v>33</v>
      </c>
      <c r="AU24" s="253">
        <v>8</v>
      </c>
      <c r="AV24" s="257">
        <v>8</v>
      </c>
      <c r="AW24" s="254">
        <v>16</v>
      </c>
      <c r="AX24" s="256">
        <v>0</v>
      </c>
      <c r="AY24" s="257">
        <v>60</v>
      </c>
      <c r="AZ24" s="257">
        <v>84</v>
      </c>
      <c r="BA24" s="257">
        <v>61</v>
      </c>
      <c r="BB24" s="257">
        <v>64</v>
      </c>
      <c r="BC24" s="257">
        <v>44</v>
      </c>
      <c r="BD24" s="258">
        <v>313</v>
      </c>
      <c r="BE24" s="259">
        <v>329</v>
      </c>
      <c r="BF24" s="253">
        <v>0</v>
      </c>
      <c r="BG24" s="257">
        <v>0</v>
      </c>
      <c r="BH24" s="254">
        <v>0</v>
      </c>
      <c r="BI24" s="256">
        <v>0</v>
      </c>
      <c r="BJ24" s="257">
        <v>95</v>
      </c>
      <c r="BK24" s="257">
        <v>116</v>
      </c>
      <c r="BL24" s="257">
        <v>61</v>
      </c>
      <c r="BM24" s="257">
        <v>34</v>
      </c>
      <c r="BN24" s="257">
        <v>17</v>
      </c>
      <c r="BO24" s="254">
        <v>323</v>
      </c>
      <c r="BP24" s="259">
        <v>323</v>
      </c>
      <c r="BQ24" s="253">
        <v>6</v>
      </c>
      <c r="BR24" s="257">
        <v>12</v>
      </c>
      <c r="BS24" s="254">
        <v>18</v>
      </c>
      <c r="BT24" s="256">
        <v>0</v>
      </c>
      <c r="BU24" s="257">
        <v>30</v>
      </c>
      <c r="BV24" s="257">
        <v>39</v>
      </c>
      <c r="BW24" s="257">
        <v>14</v>
      </c>
      <c r="BX24" s="257">
        <v>16</v>
      </c>
      <c r="BY24" s="257">
        <v>5</v>
      </c>
      <c r="BZ24" s="254">
        <v>104</v>
      </c>
      <c r="CA24" s="259">
        <v>122</v>
      </c>
      <c r="CB24" s="253">
        <v>0</v>
      </c>
      <c r="CC24" s="257">
        <v>3</v>
      </c>
      <c r="CD24" s="254">
        <v>3</v>
      </c>
      <c r="CE24" s="256">
        <v>0</v>
      </c>
      <c r="CF24" s="257">
        <v>12</v>
      </c>
      <c r="CG24" s="257">
        <v>26</v>
      </c>
      <c r="CH24" s="257">
        <v>30</v>
      </c>
      <c r="CI24" s="257">
        <v>15</v>
      </c>
      <c r="CJ24" s="257">
        <v>10</v>
      </c>
      <c r="CK24" s="254">
        <v>93</v>
      </c>
      <c r="CL24" s="259">
        <v>96</v>
      </c>
      <c r="CM24" s="253">
        <v>0</v>
      </c>
      <c r="CN24" s="257">
        <v>0</v>
      </c>
      <c r="CO24" s="254">
        <v>0</v>
      </c>
      <c r="CP24" s="256">
        <v>0</v>
      </c>
      <c r="CQ24" s="257">
        <v>3</v>
      </c>
      <c r="CR24" s="257">
        <v>0</v>
      </c>
      <c r="CS24" s="257">
        <v>4</v>
      </c>
      <c r="CT24" s="257">
        <v>9</v>
      </c>
      <c r="CU24" s="257">
        <v>3</v>
      </c>
      <c r="CV24" s="254">
        <v>19</v>
      </c>
      <c r="CW24" s="259">
        <v>19</v>
      </c>
      <c r="CX24" s="253">
        <v>0</v>
      </c>
      <c r="CY24" s="257">
        <v>0</v>
      </c>
      <c r="CZ24" s="254">
        <v>0</v>
      </c>
      <c r="DA24" s="256">
        <v>0</v>
      </c>
      <c r="DB24" s="257">
        <v>0</v>
      </c>
      <c r="DC24" s="257">
        <v>0</v>
      </c>
      <c r="DD24" s="257">
        <v>0</v>
      </c>
      <c r="DE24" s="257">
        <v>0</v>
      </c>
      <c r="DF24" s="257">
        <v>0</v>
      </c>
      <c r="DG24" s="254">
        <v>0</v>
      </c>
      <c r="DH24" s="259">
        <v>0</v>
      </c>
      <c r="DI24" s="253">
        <v>0</v>
      </c>
      <c r="DJ24" s="257">
        <v>0</v>
      </c>
      <c r="DK24" s="254">
        <v>0</v>
      </c>
      <c r="DL24" s="256">
        <v>0</v>
      </c>
      <c r="DM24" s="257">
        <v>0</v>
      </c>
      <c r="DN24" s="257">
        <v>0</v>
      </c>
      <c r="DO24" s="257">
        <v>0</v>
      </c>
      <c r="DP24" s="257">
        <v>0</v>
      </c>
      <c r="DQ24" s="257">
        <v>0</v>
      </c>
      <c r="DR24" s="254">
        <v>0</v>
      </c>
      <c r="DS24" s="259">
        <v>0</v>
      </c>
      <c r="DT24" s="253">
        <v>50</v>
      </c>
      <c r="DU24" s="257">
        <v>149</v>
      </c>
      <c r="DV24" s="254">
        <v>199</v>
      </c>
      <c r="DW24" s="256">
        <v>0</v>
      </c>
      <c r="DX24" s="257">
        <v>191</v>
      </c>
      <c r="DY24" s="257">
        <v>252</v>
      </c>
      <c r="DZ24" s="257">
        <v>118</v>
      </c>
      <c r="EA24" s="257">
        <v>102</v>
      </c>
      <c r="EB24" s="257">
        <v>64</v>
      </c>
      <c r="EC24" s="254">
        <v>727</v>
      </c>
      <c r="ED24" s="259">
        <v>926</v>
      </c>
      <c r="EE24" s="253">
        <v>8</v>
      </c>
      <c r="EF24" s="257">
        <v>7</v>
      </c>
      <c r="EG24" s="254">
        <v>15</v>
      </c>
      <c r="EH24" s="256">
        <v>0</v>
      </c>
      <c r="EI24" s="257">
        <v>26</v>
      </c>
      <c r="EJ24" s="257">
        <v>30</v>
      </c>
      <c r="EK24" s="257">
        <v>21</v>
      </c>
      <c r="EL24" s="257">
        <v>19</v>
      </c>
      <c r="EM24" s="257">
        <v>11</v>
      </c>
      <c r="EN24" s="254">
        <v>107</v>
      </c>
      <c r="EO24" s="259">
        <v>122</v>
      </c>
      <c r="EP24" s="253">
        <v>60</v>
      </c>
      <c r="EQ24" s="257">
        <v>161</v>
      </c>
      <c r="ER24" s="254">
        <v>221</v>
      </c>
      <c r="ES24" s="256">
        <v>0</v>
      </c>
      <c r="ET24" s="257">
        <v>317</v>
      </c>
      <c r="EU24" s="257">
        <v>321</v>
      </c>
      <c r="EV24" s="257">
        <v>154</v>
      </c>
      <c r="EW24" s="257">
        <v>108</v>
      </c>
      <c r="EX24" s="257">
        <v>66</v>
      </c>
      <c r="EY24" s="254">
        <v>966</v>
      </c>
      <c r="EZ24" s="259">
        <v>1187</v>
      </c>
    </row>
    <row r="25" spans="2:156" ht="21" customHeight="1" x14ac:dyDescent="0.2">
      <c r="B25" s="437" t="s">
        <v>23</v>
      </c>
      <c r="C25" s="253">
        <v>0</v>
      </c>
      <c r="D25" s="257">
        <v>0</v>
      </c>
      <c r="E25" s="340">
        <v>0</v>
      </c>
      <c r="F25" s="256">
        <v>0</v>
      </c>
      <c r="G25" s="257">
        <v>132</v>
      </c>
      <c r="H25" s="257">
        <v>149</v>
      </c>
      <c r="I25" s="257">
        <v>74</v>
      </c>
      <c r="J25" s="257">
        <v>67</v>
      </c>
      <c r="K25" s="257">
        <v>39</v>
      </c>
      <c r="L25" s="258">
        <v>461</v>
      </c>
      <c r="M25" s="259">
        <v>461</v>
      </c>
      <c r="N25" s="253">
        <v>0</v>
      </c>
      <c r="O25" s="257">
        <v>0</v>
      </c>
      <c r="P25" s="254">
        <v>0</v>
      </c>
      <c r="Q25" s="256">
        <v>0</v>
      </c>
      <c r="R25" s="257">
        <v>0</v>
      </c>
      <c r="S25" s="257">
        <v>7</v>
      </c>
      <c r="T25" s="257">
        <v>5</v>
      </c>
      <c r="U25" s="257">
        <v>21</v>
      </c>
      <c r="V25" s="257">
        <v>25</v>
      </c>
      <c r="W25" s="254">
        <v>58</v>
      </c>
      <c r="X25" s="259">
        <v>58</v>
      </c>
      <c r="Y25" s="253">
        <v>35</v>
      </c>
      <c r="Z25" s="257">
        <v>62</v>
      </c>
      <c r="AA25" s="254">
        <v>97</v>
      </c>
      <c r="AB25" s="256">
        <v>0</v>
      </c>
      <c r="AC25" s="257">
        <v>92</v>
      </c>
      <c r="AD25" s="257">
        <v>164</v>
      </c>
      <c r="AE25" s="257">
        <v>72</v>
      </c>
      <c r="AF25" s="257">
        <v>75</v>
      </c>
      <c r="AG25" s="257">
        <v>46</v>
      </c>
      <c r="AH25" s="254">
        <v>449</v>
      </c>
      <c r="AI25" s="259">
        <v>546</v>
      </c>
      <c r="AJ25" s="253">
        <v>5</v>
      </c>
      <c r="AK25" s="257">
        <v>11</v>
      </c>
      <c r="AL25" s="254">
        <v>16</v>
      </c>
      <c r="AM25" s="256">
        <v>0</v>
      </c>
      <c r="AN25" s="257">
        <v>8</v>
      </c>
      <c r="AO25" s="257">
        <v>21</v>
      </c>
      <c r="AP25" s="257">
        <v>9</v>
      </c>
      <c r="AQ25" s="257">
        <v>7</v>
      </c>
      <c r="AR25" s="257">
        <v>4</v>
      </c>
      <c r="AS25" s="254">
        <v>49</v>
      </c>
      <c r="AT25" s="259">
        <v>65</v>
      </c>
      <c r="AU25" s="253">
        <v>20</v>
      </c>
      <c r="AV25" s="257">
        <v>15</v>
      </c>
      <c r="AW25" s="254">
        <v>35</v>
      </c>
      <c r="AX25" s="256">
        <v>0</v>
      </c>
      <c r="AY25" s="257">
        <v>177</v>
      </c>
      <c r="AZ25" s="257">
        <v>169</v>
      </c>
      <c r="BA25" s="257">
        <v>135</v>
      </c>
      <c r="BB25" s="257">
        <v>173</v>
      </c>
      <c r="BC25" s="257">
        <v>114</v>
      </c>
      <c r="BD25" s="258">
        <v>768</v>
      </c>
      <c r="BE25" s="259">
        <v>803</v>
      </c>
      <c r="BF25" s="253">
        <v>0</v>
      </c>
      <c r="BG25" s="257">
        <v>0</v>
      </c>
      <c r="BH25" s="254">
        <v>0</v>
      </c>
      <c r="BI25" s="256">
        <v>0</v>
      </c>
      <c r="BJ25" s="257">
        <v>283</v>
      </c>
      <c r="BK25" s="257">
        <v>252</v>
      </c>
      <c r="BL25" s="257">
        <v>130</v>
      </c>
      <c r="BM25" s="257">
        <v>79</v>
      </c>
      <c r="BN25" s="257">
        <v>28</v>
      </c>
      <c r="BO25" s="254">
        <v>772</v>
      </c>
      <c r="BP25" s="259">
        <v>772</v>
      </c>
      <c r="BQ25" s="253">
        <v>1</v>
      </c>
      <c r="BR25" s="257">
        <v>11</v>
      </c>
      <c r="BS25" s="254">
        <v>12</v>
      </c>
      <c r="BT25" s="256">
        <v>0</v>
      </c>
      <c r="BU25" s="257">
        <v>40</v>
      </c>
      <c r="BV25" s="257">
        <v>48</v>
      </c>
      <c r="BW25" s="257">
        <v>37</v>
      </c>
      <c r="BX25" s="257">
        <v>25</v>
      </c>
      <c r="BY25" s="257">
        <v>8</v>
      </c>
      <c r="BZ25" s="254">
        <v>158</v>
      </c>
      <c r="CA25" s="259">
        <v>170</v>
      </c>
      <c r="CB25" s="253">
        <v>4</v>
      </c>
      <c r="CC25" s="257">
        <v>1</v>
      </c>
      <c r="CD25" s="254">
        <v>5</v>
      </c>
      <c r="CE25" s="256">
        <v>0</v>
      </c>
      <c r="CF25" s="257">
        <v>26</v>
      </c>
      <c r="CG25" s="257">
        <v>34</v>
      </c>
      <c r="CH25" s="257">
        <v>59</v>
      </c>
      <c r="CI25" s="257">
        <v>32</v>
      </c>
      <c r="CJ25" s="257">
        <v>16</v>
      </c>
      <c r="CK25" s="254">
        <v>167</v>
      </c>
      <c r="CL25" s="259">
        <v>172</v>
      </c>
      <c r="CM25" s="253">
        <v>1</v>
      </c>
      <c r="CN25" s="257">
        <v>0</v>
      </c>
      <c r="CO25" s="254">
        <v>1</v>
      </c>
      <c r="CP25" s="256">
        <v>0</v>
      </c>
      <c r="CQ25" s="257">
        <v>1</v>
      </c>
      <c r="CR25" s="257">
        <v>1</v>
      </c>
      <c r="CS25" s="257">
        <v>1</v>
      </c>
      <c r="CT25" s="257">
        <v>3</v>
      </c>
      <c r="CU25" s="257">
        <v>3</v>
      </c>
      <c r="CV25" s="254">
        <v>9</v>
      </c>
      <c r="CW25" s="259">
        <v>10</v>
      </c>
      <c r="CX25" s="253">
        <v>0</v>
      </c>
      <c r="CY25" s="257">
        <v>0</v>
      </c>
      <c r="CZ25" s="254">
        <v>0</v>
      </c>
      <c r="DA25" s="256">
        <v>0</v>
      </c>
      <c r="DB25" s="257">
        <v>0</v>
      </c>
      <c r="DC25" s="257">
        <v>0</v>
      </c>
      <c r="DD25" s="257">
        <v>0</v>
      </c>
      <c r="DE25" s="257">
        <v>0</v>
      </c>
      <c r="DF25" s="257">
        <v>0</v>
      </c>
      <c r="DG25" s="254">
        <v>0</v>
      </c>
      <c r="DH25" s="259">
        <v>0</v>
      </c>
      <c r="DI25" s="253">
        <v>0</v>
      </c>
      <c r="DJ25" s="257">
        <v>0</v>
      </c>
      <c r="DK25" s="254">
        <v>0</v>
      </c>
      <c r="DL25" s="256">
        <v>0</v>
      </c>
      <c r="DM25" s="257">
        <v>0</v>
      </c>
      <c r="DN25" s="257">
        <v>0</v>
      </c>
      <c r="DO25" s="257">
        <v>0</v>
      </c>
      <c r="DP25" s="257">
        <v>0</v>
      </c>
      <c r="DQ25" s="257">
        <v>0</v>
      </c>
      <c r="DR25" s="254">
        <v>0</v>
      </c>
      <c r="DS25" s="259">
        <v>0</v>
      </c>
      <c r="DT25" s="253">
        <v>99</v>
      </c>
      <c r="DU25" s="257">
        <v>239</v>
      </c>
      <c r="DV25" s="254">
        <v>338</v>
      </c>
      <c r="DW25" s="256">
        <v>0</v>
      </c>
      <c r="DX25" s="257">
        <v>252</v>
      </c>
      <c r="DY25" s="257">
        <v>415</v>
      </c>
      <c r="DZ25" s="257">
        <v>231</v>
      </c>
      <c r="EA25" s="257">
        <v>181</v>
      </c>
      <c r="EB25" s="257">
        <v>88</v>
      </c>
      <c r="EC25" s="254">
        <v>1167</v>
      </c>
      <c r="ED25" s="259">
        <v>1505</v>
      </c>
      <c r="EE25" s="253">
        <v>8</v>
      </c>
      <c r="EF25" s="257">
        <v>3</v>
      </c>
      <c r="EG25" s="254">
        <v>11</v>
      </c>
      <c r="EH25" s="256">
        <v>0</v>
      </c>
      <c r="EI25" s="257">
        <v>58</v>
      </c>
      <c r="EJ25" s="257">
        <v>46</v>
      </c>
      <c r="EK25" s="257">
        <v>35</v>
      </c>
      <c r="EL25" s="257">
        <v>55</v>
      </c>
      <c r="EM25" s="257">
        <v>38</v>
      </c>
      <c r="EN25" s="254">
        <v>232</v>
      </c>
      <c r="EO25" s="259">
        <v>243</v>
      </c>
      <c r="EP25" s="253">
        <v>134</v>
      </c>
      <c r="EQ25" s="257">
        <v>273</v>
      </c>
      <c r="ER25" s="254">
        <v>407</v>
      </c>
      <c r="ES25" s="256">
        <v>0</v>
      </c>
      <c r="ET25" s="257">
        <v>510</v>
      </c>
      <c r="EU25" s="257">
        <v>539</v>
      </c>
      <c r="EV25" s="257">
        <v>284</v>
      </c>
      <c r="EW25" s="257">
        <v>200</v>
      </c>
      <c r="EX25" s="257">
        <v>98</v>
      </c>
      <c r="EY25" s="254">
        <v>1631</v>
      </c>
      <c r="EZ25" s="259">
        <v>2038</v>
      </c>
    </row>
    <row r="26" spans="2:156" ht="21" customHeight="1" x14ac:dyDescent="0.2">
      <c r="B26" s="437" t="s">
        <v>24</v>
      </c>
      <c r="C26" s="253">
        <v>0</v>
      </c>
      <c r="D26" s="257">
        <v>0</v>
      </c>
      <c r="E26" s="340">
        <v>0</v>
      </c>
      <c r="F26" s="256">
        <v>0</v>
      </c>
      <c r="G26" s="257">
        <v>78</v>
      </c>
      <c r="H26" s="257">
        <v>58</v>
      </c>
      <c r="I26" s="257">
        <v>40</v>
      </c>
      <c r="J26" s="257">
        <v>29</v>
      </c>
      <c r="K26" s="257">
        <v>35</v>
      </c>
      <c r="L26" s="258">
        <v>240</v>
      </c>
      <c r="M26" s="259">
        <v>240</v>
      </c>
      <c r="N26" s="253">
        <v>0</v>
      </c>
      <c r="O26" s="257">
        <v>0</v>
      </c>
      <c r="P26" s="254">
        <v>0</v>
      </c>
      <c r="Q26" s="256">
        <v>0</v>
      </c>
      <c r="R26" s="257">
        <v>1</v>
      </c>
      <c r="S26" s="257">
        <v>3</v>
      </c>
      <c r="T26" s="257">
        <v>3</v>
      </c>
      <c r="U26" s="257">
        <v>11</v>
      </c>
      <c r="V26" s="257">
        <v>21</v>
      </c>
      <c r="W26" s="254">
        <v>39</v>
      </c>
      <c r="X26" s="259">
        <v>39</v>
      </c>
      <c r="Y26" s="253">
        <v>17</v>
      </c>
      <c r="Z26" s="257">
        <v>25</v>
      </c>
      <c r="AA26" s="254">
        <v>42</v>
      </c>
      <c r="AB26" s="256">
        <v>0</v>
      </c>
      <c r="AC26" s="257">
        <v>72</v>
      </c>
      <c r="AD26" s="257">
        <v>74</v>
      </c>
      <c r="AE26" s="257">
        <v>35</v>
      </c>
      <c r="AF26" s="257">
        <v>41</v>
      </c>
      <c r="AG26" s="257">
        <v>29</v>
      </c>
      <c r="AH26" s="254">
        <v>251</v>
      </c>
      <c r="AI26" s="259">
        <v>293</v>
      </c>
      <c r="AJ26" s="253">
        <v>0</v>
      </c>
      <c r="AK26" s="257">
        <v>1</v>
      </c>
      <c r="AL26" s="254">
        <v>1</v>
      </c>
      <c r="AM26" s="256">
        <v>0</v>
      </c>
      <c r="AN26" s="257">
        <v>3</v>
      </c>
      <c r="AO26" s="257">
        <v>6</v>
      </c>
      <c r="AP26" s="257">
        <v>3</v>
      </c>
      <c r="AQ26" s="257">
        <v>5</v>
      </c>
      <c r="AR26" s="257">
        <v>3</v>
      </c>
      <c r="AS26" s="254">
        <v>20</v>
      </c>
      <c r="AT26" s="259">
        <v>21</v>
      </c>
      <c r="AU26" s="253">
        <v>19</v>
      </c>
      <c r="AV26" s="257">
        <v>21</v>
      </c>
      <c r="AW26" s="254">
        <v>40</v>
      </c>
      <c r="AX26" s="256">
        <v>0</v>
      </c>
      <c r="AY26" s="257">
        <v>86</v>
      </c>
      <c r="AZ26" s="257">
        <v>79</v>
      </c>
      <c r="BA26" s="257">
        <v>81</v>
      </c>
      <c r="BB26" s="257">
        <v>91</v>
      </c>
      <c r="BC26" s="257">
        <v>66</v>
      </c>
      <c r="BD26" s="258">
        <v>403</v>
      </c>
      <c r="BE26" s="259">
        <v>443</v>
      </c>
      <c r="BF26" s="253">
        <v>0</v>
      </c>
      <c r="BG26" s="257">
        <v>0</v>
      </c>
      <c r="BH26" s="254">
        <v>0</v>
      </c>
      <c r="BI26" s="256">
        <v>0</v>
      </c>
      <c r="BJ26" s="257">
        <v>119</v>
      </c>
      <c r="BK26" s="257">
        <v>87</v>
      </c>
      <c r="BL26" s="257">
        <v>32</v>
      </c>
      <c r="BM26" s="257">
        <v>23</v>
      </c>
      <c r="BN26" s="257">
        <v>10</v>
      </c>
      <c r="BO26" s="254">
        <v>271</v>
      </c>
      <c r="BP26" s="259">
        <v>271</v>
      </c>
      <c r="BQ26" s="253">
        <v>14</v>
      </c>
      <c r="BR26" s="257">
        <v>13</v>
      </c>
      <c r="BS26" s="254">
        <v>27</v>
      </c>
      <c r="BT26" s="256">
        <v>0</v>
      </c>
      <c r="BU26" s="257">
        <v>42</v>
      </c>
      <c r="BV26" s="257">
        <v>32</v>
      </c>
      <c r="BW26" s="257">
        <v>24</v>
      </c>
      <c r="BX26" s="257">
        <v>16</v>
      </c>
      <c r="BY26" s="257">
        <v>10</v>
      </c>
      <c r="BZ26" s="254">
        <v>124</v>
      </c>
      <c r="CA26" s="259">
        <v>151</v>
      </c>
      <c r="CB26" s="253">
        <v>3</v>
      </c>
      <c r="CC26" s="257">
        <v>1</v>
      </c>
      <c r="CD26" s="254">
        <v>4</v>
      </c>
      <c r="CE26" s="256">
        <v>0</v>
      </c>
      <c r="CF26" s="257">
        <v>17</v>
      </c>
      <c r="CG26" s="257">
        <v>16</v>
      </c>
      <c r="CH26" s="257">
        <v>19</v>
      </c>
      <c r="CI26" s="257">
        <v>22</v>
      </c>
      <c r="CJ26" s="257">
        <v>11</v>
      </c>
      <c r="CK26" s="254">
        <v>85</v>
      </c>
      <c r="CL26" s="259">
        <v>89</v>
      </c>
      <c r="CM26" s="253">
        <v>0</v>
      </c>
      <c r="CN26" s="257">
        <v>0</v>
      </c>
      <c r="CO26" s="254">
        <v>0</v>
      </c>
      <c r="CP26" s="256">
        <v>0</v>
      </c>
      <c r="CQ26" s="257">
        <v>2</v>
      </c>
      <c r="CR26" s="257">
        <v>1</v>
      </c>
      <c r="CS26" s="257">
        <v>3</v>
      </c>
      <c r="CT26" s="257">
        <v>1</v>
      </c>
      <c r="CU26" s="257">
        <v>2</v>
      </c>
      <c r="CV26" s="254">
        <v>9</v>
      </c>
      <c r="CW26" s="259">
        <v>9</v>
      </c>
      <c r="CX26" s="253">
        <v>0</v>
      </c>
      <c r="CY26" s="257">
        <v>0</v>
      </c>
      <c r="CZ26" s="254">
        <v>0</v>
      </c>
      <c r="DA26" s="256">
        <v>0</v>
      </c>
      <c r="DB26" s="257">
        <v>0</v>
      </c>
      <c r="DC26" s="257">
        <v>0</v>
      </c>
      <c r="DD26" s="257">
        <v>0</v>
      </c>
      <c r="DE26" s="257">
        <v>0</v>
      </c>
      <c r="DF26" s="257">
        <v>0</v>
      </c>
      <c r="DG26" s="254">
        <v>0</v>
      </c>
      <c r="DH26" s="259">
        <v>0</v>
      </c>
      <c r="DI26" s="253">
        <v>0</v>
      </c>
      <c r="DJ26" s="257">
        <v>0</v>
      </c>
      <c r="DK26" s="254">
        <v>0</v>
      </c>
      <c r="DL26" s="256">
        <v>0</v>
      </c>
      <c r="DM26" s="257">
        <v>0</v>
      </c>
      <c r="DN26" s="257">
        <v>0</v>
      </c>
      <c r="DO26" s="257">
        <v>0</v>
      </c>
      <c r="DP26" s="257">
        <v>0</v>
      </c>
      <c r="DQ26" s="257">
        <v>0</v>
      </c>
      <c r="DR26" s="254">
        <v>0</v>
      </c>
      <c r="DS26" s="259">
        <v>0</v>
      </c>
      <c r="DT26" s="253">
        <v>80</v>
      </c>
      <c r="DU26" s="257">
        <v>103</v>
      </c>
      <c r="DV26" s="254">
        <v>183</v>
      </c>
      <c r="DW26" s="256">
        <v>0</v>
      </c>
      <c r="DX26" s="257">
        <v>140</v>
      </c>
      <c r="DY26" s="257">
        <v>169</v>
      </c>
      <c r="DZ26" s="257">
        <v>95</v>
      </c>
      <c r="EA26" s="257">
        <v>78</v>
      </c>
      <c r="EB26" s="257">
        <v>51</v>
      </c>
      <c r="EC26" s="254">
        <v>533</v>
      </c>
      <c r="ED26" s="259">
        <v>716</v>
      </c>
      <c r="EE26" s="253">
        <v>12</v>
      </c>
      <c r="EF26" s="257">
        <v>11</v>
      </c>
      <c r="EG26" s="254">
        <v>23</v>
      </c>
      <c r="EH26" s="256">
        <v>0</v>
      </c>
      <c r="EI26" s="257">
        <v>42</v>
      </c>
      <c r="EJ26" s="257">
        <v>29</v>
      </c>
      <c r="EK26" s="257">
        <v>23</v>
      </c>
      <c r="EL26" s="257">
        <v>37</v>
      </c>
      <c r="EM26" s="257">
        <v>22</v>
      </c>
      <c r="EN26" s="254">
        <v>153</v>
      </c>
      <c r="EO26" s="259">
        <v>176</v>
      </c>
      <c r="EP26" s="253">
        <v>99</v>
      </c>
      <c r="EQ26" s="257">
        <v>116</v>
      </c>
      <c r="ER26" s="254">
        <v>215</v>
      </c>
      <c r="ES26" s="256">
        <v>0</v>
      </c>
      <c r="ET26" s="257">
        <v>277</v>
      </c>
      <c r="EU26" s="257">
        <v>215</v>
      </c>
      <c r="EV26" s="257">
        <v>123</v>
      </c>
      <c r="EW26" s="257">
        <v>87</v>
      </c>
      <c r="EX26" s="257">
        <v>56</v>
      </c>
      <c r="EY26" s="254">
        <v>758</v>
      </c>
      <c r="EZ26" s="259">
        <v>973</v>
      </c>
    </row>
    <row r="27" spans="2:156" ht="21" customHeight="1" x14ac:dyDescent="0.2">
      <c r="B27" s="437" t="s">
        <v>25</v>
      </c>
      <c r="C27" s="253">
        <v>0</v>
      </c>
      <c r="D27" s="257">
        <v>0</v>
      </c>
      <c r="E27" s="340">
        <v>0</v>
      </c>
      <c r="F27" s="256">
        <v>0</v>
      </c>
      <c r="G27" s="257">
        <v>111</v>
      </c>
      <c r="H27" s="257">
        <v>97</v>
      </c>
      <c r="I27" s="257">
        <v>56</v>
      </c>
      <c r="J27" s="257">
        <v>41</v>
      </c>
      <c r="K27" s="257">
        <v>30</v>
      </c>
      <c r="L27" s="258">
        <v>335</v>
      </c>
      <c r="M27" s="259">
        <v>335</v>
      </c>
      <c r="N27" s="253">
        <v>0</v>
      </c>
      <c r="O27" s="257">
        <v>0</v>
      </c>
      <c r="P27" s="254">
        <v>0</v>
      </c>
      <c r="Q27" s="256">
        <v>0</v>
      </c>
      <c r="R27" s="257">
        <v>3</v>
      </c>
      <c r="S27" s="257">
        <v>9</v>
      </c>
      <c r="T27" s="257">
        <v>11</v>
      </c>
      <c r="U27" s="257">
        <v>12</v>
      </c>
      <c r="V27" s="257">
        <v>16</v>
      </c>
      <c r="W27" s="254">
        <v>51</v>
      </c>
      <c r="X27" s="259">
        <v>51</v>
      </c>
      <c r="Y27" s="253">
        <v>17</v>
      </c>
      <c r="Z27" s="257">
        <v>51</v>
      </c>
      <c r="AA27" s="254">
        <v>68</v>
      </c>
      <c r="AB27" s="256">
        <v>0</v>
      </c>
      <c r="AC27" s="257">
        <v>93</v>
      </c>
      <c r="AD27" s="257">
        <v>93</v>
      </c>
      <c r="AE27" s="257">
        <v>48</v>
      </c>
      <c r="AF27" s="257">
        <v>43</v>
      </c>
      <c r="AG27" s="257">
        <v>31</v>
      </c>
      <c r="AH27" s="254">
        <v>308</v>
      </c>
      <c r="AI27" s="259">
        <v>376</v>
      </c>
      <c r="AJ27" s="253">
        <v>1</v>
      </c>
      <c r="AK27" s="257">
        <v>7</v>
      </c>
      <c r="AL27" s="254">
        <v>8</v>
      </c>
      <c r="AM27" s="256">
        <v>0</v>
      </c>
      <c r="AN27" s="257">
        <v>1</v>
      </c>
      <c r="AO27" s="257">
        <v>12</v>
      </c>
      <c r="AP27" s="257">
        <v>3</v>
      </c>
      <c r="AQ27" s="257">
        <v>4</v>
      </c>
      <c r="AR27" s="257">
        <v>4</v>
      </c>
      <c r="AS27" s="254">
        <v>24</v>
      </c>
      <c r="AT27" s="259">
        <v>32</v>
      </c>
      <c r="AU27" s="253">
        <v>10</v>
      </c>
      <c r="AV27" s="257">
        <v>11</v>
      </c>
      <c r="AW27" s="254">
        <v>21</v>
      </c>
      <c r="AX27" s="256">
        <v>0</v>
      </c>
      <c r="AY27" s="257">
        <v>76</v>
      </c>
      <c r="AZ27" s="257">
        <v>74</v>
      </c>
      <c r="BA27" s="257">
        <v>62</v>
      </c>
      <c r="BB27" s="257">
        <v>81</v>
      </c>
      <c r="BC27" s="257">
        <v>55</v>
      </c>
      <c r="BD27" s="258">
        <v>348</v>
      </c>
      <c r="BE27" s="259">
        <v>369</v>
      </c>
      <c r="BF27" s="253">
        <v>0</v>
      </c>
      <c r="BG27" s="257">
        <v>0</v>
      </c>
      <c r="BH27" s="254">
        <v>0</v>
      </c>
      <c r="BI27" s="256">
        <v>0</v>
      </c>
      <c r="BJ27" s="257">
        <v>151</v>
      </c>
      <c r="BK27" s="257">
        <v>94</v>
      </c>
      <c r="BL27" s="257">
        <v>60</v>
      </c>
      <c r="BM27" s="257">
        <v>37</v>
      </c>
      <c r="BN27" s="257">
        <v>12</v>
      </c>
      <c r="BO27" s="254">
        <v>354</v>
      </c>
      <c r="BP27" s="259">
        <v>354</v>
      </c>
      <c r="BQ27" s="253">
        <v>16</v>
      </c>
      <c r="BR27" s="257">
        <v>13</v>
      </c>
      <c r="BS27" s="254">
        <v>29</v>
      </c>
      <c r="BT27" s="256">
        <v>0</v>
      </c>
      <c r="BU27" s="257">
        <v>40</v>
      </c>
      <c r="BV27" s="257">
        <v>54</v>
      </c>
      <c r="BW27" s="257">
        <v>28</v>
      </c>
      <c r="BX27" s="257">
        <v>16</v>
      </c>
      <c r="BY27" s="257">
        <v>4</v>
      </c>
      <c r="BZ27" s="254">
        <v>142</v>
      </c>
      <c r="CA27" s="259">
        <v>171</v>
      </c>
      <c r="CB27" s="253">
        <v>0</v>
      </c>
      <c r="CC27" s="257">
        <v>3</v>
      </c>
      <c r="CD27" s="254">
        <v>3</v>
      </c>
      <c r="CE27" s="256">
        <v>0</v>
      </c>
      <c r="CF27" s="257">
        <v>22</v>
      </c>
      <c r="CG27" s="257">
        <v>22</v>
      </c>
      <c r="CH27" s="257">
        <v>23</v>
      </c>
      <c r="CI27" s="257">
        <v>13</v>
      </c>
      <c r="CJ27" s="257">
        <v>7</v>
      </c>
      <c r="CK27" s="254">
        <v>87</v>
      </c>
      <c r="CL27" s="259">
        <v>90</v>
      </c>
      <c r="CM27" s="253">
        <v>0</v>
      </c>
      <c r="CN27" s="257">
        <v>0</v>
      </c>
      <c r="CO27" s="254">
        <v>0</v>
      </c>
      <c r="CP27" s="256">
        <v>0</v>
      </c>
      <c r="CQ27" s="257">
        <v>0</v>
      </c>
      <c r="CR27" s="257">
        <v>7</v>
      </c>
      <c r="CS27" s="257">
        <v>5</v>
      </c>
      <c r="CT27" s="257">
        <v>4</v>
      </c>
      <c r="CU27" s="257">
        <v>2</v>
      </c>
      <c r="CV27" s="254">
        <v>18</v>
      </c>
      <c r="CW27" s="259">
        <v>18</v>
      </c>
      <c r="CX27" s="253">
        <v>0</v>
      </c>
      <c r="CY27" s="257">
        <v>0</v>
      </c>
      <c r="CZ27" s="254">
        <v>0</v>
      </c>
      <c r="DA27" s="256">
        <v>0</v>
      </c>
      <c r="DB27" s="257">
        <v>0</v>
      </c>
      <c r="DC27" s="257">
        <v>0</v>
      </c>
      <c r="DD27" s="257">
        <v>0</v>
      </c>
      <c r="DE27" s="257">
        <v>0</v>
      </c>
      <c r="DF27" s="257">
        <v>0</v>
      </c>
      <c r="DG27" s="254">
        <v>0</v>
      </c>
      <c r="DH27" s="259">
        <v>0</v>
      </c>
      <c r="DI27" s="253">
        <v>0</v>
      </c>
      <c r="DJ27" s="257">
        <v>0</v>
      </c>
      <c r="DK27" s="254">
        <v>0</v>
      </c>
      <c r="DL27" s="256">
        <v>0</v>
      </c>
      <c r="DM27" s="257">
        <v>0</v>
      </c>
      <c r="DN27" s="257">
        <v>0</v>
      </c>
      <c r="DO27" s="257">
        <v>0</v>
      </c>
      <c r="DP27" s="257">
        <v>0</v>
      </c>
      <c r="DQ27" s="257">
        <v>0</v>
      </c>
      <c r="DR27" s="254">
        <v>0</v>
      </c>
      <c r="DS27" s="259">
        <v>0</v>
      </c>
      <c r="DT27" s="253">
        <v>83</v>
      </c>
      <c r="DU27" s="257">
        <v>149</v>
      </c>
      <c r="DV27" s="254">
        <v>232</v>
      </c>
      <c r="DW27" s="256">
        <v>0</v>
      </c>
      <c r="DX27" s="257">
        <v>149</v>
      </c>
      <c r="DY27" s="257">
        <v>242</v>
      </c>
      <c r="DZ27" s="257">
        <v>124</v>
      </c>
      <c r="EA27" s="257">
        <v>100</v>
      </c>
      <c r="EB27" s="257">
        <v>51</v>
      </c>
      <c r="EC27" s="254">
        <v>666</v>
      </c>
      <c r="ED27" s="259">
        <v>898</v>
      </c>
      <c r="EE27" s="253">
        <v>7</v>
      </c>
      <c r="EF27" s="257">
        <v>2</v>
      </c>
      <c r="EG27" s="254">
        <v>9</v>
      </c>
      <c r="EH27" s="256">
        <v>0</v>
      </c>
      <c r="EI27" s="257">
        <v>17</v>
      </c>
      <c r="EJ27" s="257">
        <v>8</v>
      </c>
      <c r="EK27" s="257">
        <v>15</v>
      </c>
      <c r="EL27" s="257">
        <v>21</v>
      </c>
      <c r="EM27" s="257">
        <v>17</v>
      </c>
      <c r="EN27" s="254">
        <v>78</v>
      </c>
      <c r="EO27" s="259">
        <v>87</v>
      </c>
      <c r="EP27" s="253">
        <v>103</v>
      </c>
      <c r="EQ27" s="257">
        <v>175</v>
      </c>
      <c r="ER27" s="254">
        <v>278</v>
      </c>
      <c r="ES27" s="256">
        <v>0</v>
      </c>
      <c r="ET27" s="257">
        <v>372</v>
      </c>
      <c r="EU27" s="257">
        <v>300</v>
      </c>
      <c r="EV27" s="257">
        <v>148</v>
      </c>
      <c r="EW27" s="257">
        <v>112</v>
      </c>
      <c r="EX27" s="257">
        <v>58</v>
      </c>
      <c r="EY27" s="254">
        <v>990</v>
      </c>
      <c r="EZ27" s="259">
        <v>1268</v>
      </c>
    </row>
    <row r="28" spans="2:156" ht="21" customHeight="1" x14ac:dyDescent="0.2">
      <c r="B28" s="437" t="s">
        <v>26</v>
      </c>
      <c r="C28" s="253">
        <v>0</v>
      </c>
      <c r="D28" s="257">
        <v>0</v>
      </c>
      <c r="E28" s="340">
        <v>0</v>
      </c>
      <c r="F28" s="256">
        <v>0</v>
      </c>
      <c r="G28" s="257">
        <v>80</v>
      </c>
      <c r="H28" s="257">
        <v>81</v>
      </c>
      <c r="I28" s="257">
        <v>61</v>
      </c>
      <c r="J28" s="257">
        <v>35</v>
      </c>
      <c r="K28" s="257">
        <v>51</v>
      </c>
      <c r="L28" s="258">
        <v>308</v>
      </c>
      <c r="M28" s="259">
        <v>308</v>
      </c>
      <c r="N28" s="253">
        <v>0</v>
      </c>
      <c r="O28" s="257">
        <v>0</v>
      </c>
      <c r="P28" s="254">
        <v>0</v>
      </c>
      <c r="Q28" s="256">
        <v>0</v>
      </c>
      <c r="R28" s="257">
        <v>0</v>
      </c>
      <c r="S28" s="257">
        <v>2</v>
      </c>
      <c r="T28" s="257">
        <v>3</v>
      </c>
      <c r="U28" s="257">
        <v>7</v>
      </c>
      <c r="V28" s="257">
        <v>17</v>
      </c>
      <c r="W28" s="254">
        <v>29</v>
      </c>
      <c r="X28" s="259">
        <v>29</v>
      </c>
      <c r="Y28" s="253">
        <v>13</v>
      </c>
      <c r="Z28" s="257">
        <v>15</v>
      </c>
      <c r="AA28" s="254">
        <v>28</v>
      </c>
      <c r="AB28" s="256">
        <v>0</v>
      </c>
      <c r="AC28" s="257">
        <v>73</v>
      </c>
      <c r="AD28" s="257">
        <v>70</v>
      </c>
      <c r="AE28" s="257">
        <v>41</v>
      </c>
      <c r="AF28" s="257">
        <v>35</v>
      </c>
      <c r="AG28" s="257">
        <v>45</v>
      </c>
      <c r="AH28" s="254">
        <v>264</v>
      </c>
      <c r="AI28" s="259">
        <v>292</v>
      </c>
      <c r="AJ28" s="253">
        <v>0</v>
      </c>
      <c r="AK28" s="257">
        <v>1</v>
      </c>
      <c r="AL28" s="254">
        <v>1</v>
      </c>
      <c r="AM28" s="256">
        <v>0</v>
      </c>
      <c r="AN28" s="257">
        <v>0</v>
      </c>
      <c r="AO28" s="257">
        <v>3</v>
      </c>
      <c r="AP28" s="257">
        <v>5</v>
      </c>
      <c r="AQ28" s="257">
        <v>4</v>
      </c>
      <c r="AR28" s="257">
        <v>4</v>
      </c>
      <c r="AS28" s="254">
        <v>16</v>
      </c>
      <c r="AT28" s="259">
        <v>17</v>
      </c>
      <c r="AU28" s="253">
        <v>11</v>
      </c>
      <c r="AV28" s="257">
        <v>6</v>
      </c>
      <c r="AW28" s="254">
        <v>17</v>
      </c>
      <c r="AX28" s="256">
        <v>0</v>
      </c>
      <c r="AY28" s="257">
        <v>63</v>
      </c>
      <c r="AZ28" s="257">
        <v>74</v>
      </c>
      <c r="BA28" s="257">
        <v>89</v>
      </c>
      <c r="BB28" s="257">
        <v>52</v>
      </c>
      <c r="BC28" s="257">
        <v>59</v>
      </c>
      <c r="BD28" s="258">
        <v>337</v>
      </c>
      <c r="BE28" s="259">
        <v>354</v>
      </c>
      <c r="BF28" s="253">
        <v>0</v>
      </c>
      <c r="BG28" s="257">
        <v>0</v>
      </c>
      <c r="BH28" s="254">
        <v>0</v>
      </c>
      <c r="BI28" s="256">
        <v>0</v>
      </c>
      <c r="BJ28" s="257">
        <v>124</v>
      </c>
      <c r="BK28" s="257">
        <v>93</v>
      </c>
      <c r="BL28" s="257">
        <v>55</v>
      </c>
      <c r="BM28" s="257">
        <v>22</v>
      </c>
      <c r="BN28" s="257">
        <v>14</v>
      </c>
      <c r="BO28" s="254">
        <v>308</v>
      </c>
      <c r="BP28" s="259">
        <v>308</v>
      </c>
      <c r="BQ28" s="253">
        <v>8</v>
      </c>
      <c r="BR28" s="257">
        <v>7</v>
      </c>
      <c r="BS28" s="254">
        <v>15</v>
      </c>
      <c r="BT28" s="256">
        <v>0</v>
      </c>
      <c r="BU28" s="257">
        <v>22</v>
      </c>
      <c r="BV28" s="257">
        <v>26</v>
      </c>
      <c r="BW28" s="257">
        <v>15</v>
      </c>
      <c r="BX28" s="257">
        <v>13</v>
      </c>
      <c r="BY28" s="257">
        <v>6</v>
      </c>
      <c r="BZ28" s="254">
        <v>82</v>
      </c>
      <c r="CA28" s="259">
        <v>97</v>
      </c>
      <c r="CB28" s="253">
        <v>0</v>
      </c>
      <c r="CC28" s="257">
        <v>1</v>
      </c>
      <c r="CD28" s="254">
        <v>1</v>
      </c>
      <c r="CE28" s="256">
        <v>0</v>
      </c>
      <c r="CF28" s="257">
        <v>15</v>
      </c>
      <c r="CG28" s="257">
        <v>16</v>
      </c>
      <c r="CH28" s="257">
        <v>26</v>
      </c>
      <c r="CI28" s="257">
        <v>17</v>
      </c>
      <c r="CJ28" s="257">
        <v>15</v>
      </c>
      <c r="CK28" s="254">
        <v>89</v>
      </c>
      <c r="CL28" s="259">
        <v>90</v>
      </c>
      <c r="CM28" s="253">
        <v>0</v>
      </c>
      <c r="CN28" s="257">
        <v>0</v>
      </c>
      <c r="CO28" s="254">
        <v>0</v>
      </c>
      <c r="CP28" s="256">
        <v>0</v>
      </c>
      <c r="CQ28" s="257">
        <v>4</v>
      </c>
      <c r="CR28" s="257">
        <v>3</v>
      </c>
      <c r="CS28" s="257">
        <v>2</v>
      </c>
      <c r="CT28" s="257">
        <v>5</v>
      </c>
      <c r="CU28" s="257">
        <v>3</v>
      </c>
      <c r="CV28" s="254">
        <v>17</v>
      </c>
      <c r="CW28" s="259">
        <v>17</v>
      </c>
      <c r="CX28" s="253">
        <v>0</v>
      </c>
      <c r="CY28" s="257">
        <v>0</v>
      </c>
      <c r="CZ28" s="254">
        <v>0</v>
      </c>
      <c r="DA28" s="256">
        <v>0</v>
      </c>
      <c r="DB28" s="257">
        <v>0</v>
      </c>
      <c r="DC28" s="257">
        <v>0</v>
      </c>
      <c r="DD28" s="257">
        <v>0</v>
      </c>
      <c r="DE28" s="257">
        <v>0</v>
      </c>
      <c r="DF28" s="257">
        <v>0</v>
      </c>
      <c r="DG28" s="254">
        <v>0</v>
      </c>
      <c r="DH28" s="259">
        <v>0</v>
      </c>
      <c r="DI28" s="253">
        <v>0</v>
      </c>
      <c r="DJ28" s="257">
        <v>0</v>
      </c>
      <c r="DK28" s="254">
        <v>0</v>
      </c>
      <c r="DL28" s="256">
        <v>0</v>
      </c>
      <c r="DM28" s="257">
        <v>0</v>
      </c>
      <c r="DN28" s="257">
        <v>0</v>
      </c>
      <c r="DO28" s="257">
        <v>0</v>
      </c>
      <c r="DP28" s="257">
        <v>0</v>
      </c>
      <c r="DQ28" s="257">
        <v>0</v>
      </c>
      <c r="DR28" s="254">
        <v>0</v>
      </c>
      <c r="DS28" s="259">
        <v>0</v>
      </c>
      <c r="DT28" s="253">
        <v>62</v>
      </c>
      <c r="DU28" s="257">
        <v>98</v>
      </c>
      <c r="DV28" s="254">
        <v>160</v>
      </c>
      <c r="DW28" s="256">
        <v>0</v>
      </c>
      <c r="DX28" s="257">
        <v>149</v>
      </c>
      <c r="DY28" s="257">
        <v>176</v>
      </c>
      <c r="DZ28" s="257">
        <v>117</v>
      </c>
      <c r="EA28" s="257">
        <v>78</v>
      </c>
      <c r="EB28" s="257">
        <v>77</v>
      </c>
      <c r="EC28" s="254">
        <v>597</v>
      </c>
      <c r="ED28" s="259">
        <v>757</v>
      </c>
      <c r="EE28" s="253">
        <v>8</v>
      </c>
      <c r="EF28" s="257">
        <v>5</v>
      </c>
      <c r="EG28" s="254">
        <v>13</v>
      </c>
      <c r="EH28" s="256">
        <v>0</v>
      </c>
      <c r="EI28" s="257">
        <v>25</v>
      </c>
      <c r="EJ28" s="257">
        <v>26</v>
      </c>
      <c r="EK28" s="257">
        <v>28</v>
      </c>
      <c r="EL28" s="257">
        <v>16</v>
      </c>
      <c r="EM28" s="257">
        <v>10</v>
      </c>
      <c r="EN28" s="254">
        <v>105</v>
      </c>
      <c r="EO28" s="259">
        <v>118</v>
      </c>
      <c r="EP28" s="253">
        <v>79</v>
      </c>
      <c r="EQ28" s="257">
        <v>110</v>
      </c>
      <c r="ER28" s="254">
        <v>189</v>
      </c>
      <c r="ES28" s="256">
        <v>0</v>
      </c>
      <c r="ET28" s="257">
        <v>279</v>
      </c>
      <c r="EU28" s="257">
        <v>238</v>
      </c>
      <c r="EV28" s="257">
        <v>153</v>
      </c>
      <c r="EW28" s="257">
        <v>83</v>
      </c>
      <c r="EX28" s="257">
        <v>77</v>
      </c>
      <c r="EY28" s="254">
        <v>830</v>
      </c>
      <c r="EZ28" s="259">
        <v>1019</v>
      </c>
    </row>
    <row r="29" spans="2:156" ht="21" customHeight="1" x14ac:dyDescent="0.2">
      <c r="B29" s="437" t="s">
        <v>27</v>
      </c>
      <c r="C29" s="253">
        <v>0</v>
      </c>
      <c r="D29" s="257">
        <v>0</v>
      </c>
      <c r="E29" s="340">
        <v>0</v>
      </c>
      <c r="F29" s="256">
        <v>0</v>
      </c>
      <c r="G29" s="257">
        <v>61</v>
      </c>
      <c r="H29" s="257">
        <v>56</v>
      </c>
      <c r="I29" s="257">
        <v>38</v>
      </c>
      <c r="J29" s="257">
        <v>23</v>
      </c>
      <c r="K29" s="257">
        <v>35</v>
      </c>
      <c r="L29" s="258">
        <v>213</v>
      </c>
      <c r="M29" s="259">
        <v>213</v>
      </c>
      <c r="N29" s="253">
        <v>0</v>
      </c>
      <c r="O29" s="257">
        <v>0</v>
      </c>
      <c r="P29" s="254">
        <v>0</v>
      </c>
      <c r="Q29" s="256">
        <v>0</v>
      </c>
      <c r="R29" s="257">
        <v>3</v>
      </c>
      <c r="S29" s="257">
        <v>4</v>
      </c>
      <c r="T29" s="257">
        <v>5</v>
      </c>
      <c r="U29" s="257">
        <v>7</v>
      </c>
      <c r="V29" s="257">
        <v>17</v>
      </c>
      <c r="W29" s="254">
        <v>36</v>
      </c>
      <c r="X29" s="259">
        <v>36</v>
      </c>
      <c r="Y29" s="253">
        <v>23</v>
      </c>
      <c r="Z29" s="257">
        <v>38</v>
      </c>
      <c r="AA29" s="254">
        <v>61</v>
      </c>
      <c r="AB29" s="256">
        <v>0</v>
      </c>
      <c r="AC29" s="257">
        <v>41</v>
      </c>
      <c r="AD29" s="257">
        <v>45</v>
      </c>
      <c r="AE29" s="257">
        <v>40</v>
      </c>
      <c r="AF29" s="257">
        <v>23</v>
      </c>
      <c r="AG29" s="257">
        <v>33</v>
      </c>
      <c r="AH29" s="254">
        <v>182</v>
      </c>
      <c r="AI29" s="259">
        <v>243</v>
      </c>
      <c r="AJ29" s="253">
        <v>0</v>
      </c>
      <c r="AK29" s="257">
        <v>3</v>
      </c>
      <c r="AL29" s="254">
        <v>3</v>
      </c>
      <c r="AM29" s="256">
        <v>0</v>
      </c>
      <c r="AN29" s="257">
        <v>1</v>
      </c>
      <c r="AO29" s="257">
        <v>2</v>
      </c>
      <c r="AP29" s="257">
        <v>1</v>
      </c>
      <c r="AQ29" s="257">
        <v>0</v>
      </c>
      <c r="AR29" s="257">
        <v>1</v>
      </c>
      <c r="AS29" s="254">
        <v>5</v>
      </c>
      <c r="AT29" s="259">
        <v>8</v>
      </c>
      <c r="AU29" s="253">
        <v>12</v>
      </c>
      <c r="AV29" s="257">
        <v>15</v>
      </c>
      <c r="AW29" s="254">
        <v>27</v>
      </c>
      <c r="AX29" s="256">
        <v>0</v>
      </c>
      <c r="AY29" s="257">
        <v>62</v>
      </c>
      <c r="AZ29" s="257">
        <v>63</v>
      </c>
      <c r="BA29" s="257">
        <v>67</v>
      </c>
      <c r="BB29" s="257">
        <v>64</v>
      </c>
      <c r="BC29" s="257">
        <v>57</v>
      </c>
      <c r="BD29" s="258">
        <v>313</v>
      </c>
      <c r="BE29" s="259">
        <v>340</v>
      </c>
      <c r="BF29" s="253">
        <v>0</v>
      </c>
      <c r="BG29" s="257">
        <v>0</v>
      </c>
      <c r="BH29" s="254">
        <v>0</v>
      </c>
      <c r="BI29" s="256">
        <v>0</v>
      </c>
      <c r="BJ29" s="257">
        <v>112</v>
      </c>
      <c r="BK29" s="257">
        <v>65</v>
      </c>
      <c r="BL29" s="257">
        <v>37</v>
      </c>
      <c r="BM29" s="257">
        <v>28</v>
      </c>
      <c r="BN29" s="257">
        <v>13</v>
      </c>
      <c r="BO29" s="254">
        <v>255</v>
      </c>
      <c r="BP29" s="259">
        <v>255</v>
      </c>
      <c r="BQ29" s="253">
        <v>10</v>
      </c>
      <c r="BR29" s="257">
        <v>29</v>
      </c>
      <c r="BS29" s="254">
        <v>39</v>
      </c>
      <c r="BT29" s="256">
        <v>0</v>
      </c>
      <c r="BU29" s="257">
        <v>21</v>
      </c>
      <c r="BV29" s="257">
        <v>27</v>
      </c>
      <c r="BW29" s="257">
        <v>11</v>
      </c>
      <c r="BX29" s="257">
        <v>4</v>
      </c>
      <c r="BY29" s="257">
        <v>5</v>
      </c>
      <c r="BZ29" s="254">
        <v>68</v>
      </c>
      <c r="CA29" s="259">
        <v>107</v>
      </c>
      <c r="CB29" s="253">
        <v>0</v>
      </c>
      <c r="CC29" s="257">
        <v>1</v>
      </c>
      <c r="CD29" s="254">
        <v>1</v>
      </c>
      <c r="CE29" s="256">
        <v>0</v>
      </c>
      <c r="CF29" s="257">
        <v>12</v>
      </c>
      <c r="CG29" s="257">
        <v>12</v>
      </c>
      <c r="CH29" s="257">
        <v>14</v>
      </c>
      <c r="CI29" s="257">
        <v>13</v>
      </c>
      <c r="CJ29" s="257">
        <v>3</v>
      </c>
      <c r="CK29" s="254">
        <v>54</v>
      </c>
      <c r="CL29" s="259">
        <v>55</v>
      </c>
      <c r="CM29" s="253">
        <v>1</v>
      </c>
      <c r="CN29" s="257">
        <v>0</v>
      </c>
      <c r="CO29" s="254">
        <v>1</v>
      </c>
      <c r="CP29" s="256">
        <v>0</v>
      </c>
      <c r="CQ29" s="257">
        <v>0</v>
      </c>
      <c r="CR29" s="257">
        <v>2</v>
      </c>
      <c r="CS29" s="257">
        <v>0</v>
      </c>
      <c r="CT29" s="257">
        <v>1</v>
      </c>
      <c r="CU29" s="257">
        <v>0</v>
      </c>
      <c r="CV29" s="254">
        <v>3</v>
      </c>
      <c r="CW29" s="259">
        <v>4</v>
      </c>
      <c r="CX29" s="253">
        <v>0</v>
      </c>
      <c r="CY29" s="257">
        <v>0</v>
      </c>
      <c r="CZ29" s="254">
        <v>0</v>
      </c>
      <c r="DA29" s="256">
        <v>0</v>
      </c>
      <c r="DB29" s="257">
        <v>0</v>
      </c>
      <c r="DC29" s="257">
        <v>0</v>
      </c>
      <c r="DD29" s="257">
        <v>0</v>
      </c>
      <c r="DE29" s="257">
        <v>0</v>
      </c>
      <c r="DF29" s="257">
        <v>0</v>
      </c>
      <c r="DG29" s="254">
        <v>0</v>
      </c>
      <c r="DH29" s="259">
        <v>0</v>
      </c>
      <c r="DI29" s="253">
        <v>0</v>
      </c>
      <c r="DJ29" s="257">
        <v>0</v>
      </c>
      <c r="DK29" s="254">
        <v>0</v>
      </c>
      <c r="DL29" s="256">
        <v>0</v>
      </c>
      <c r="DM29" s="257">
        <v>0</v>
      </c>
      <c r="DN29" s="257">
        <v>0</v>
      </c>
      <c r="DO29" s="257">
        <v>0</v>
      </c>
      <c r="DP29" s="257">
        <v>0</v>
      </c>
      <c r="DQ29" s="257">
        <v>0</v>
      </c>
      <c r="DR29" s="254">
        <v>0</v>
      </c>
      <c r="DS29" s="259">
        <v>0</v>
      </c>
      <c r="DT29" s="253">
        <v>93</v>
      </c>
      <c r="DU29" s="257">
        <v>143</v>
      </c>
      <c r="DV29" s="254">
        <v>236</v>
      </c>
      <c r="DW29" s="256">
        <v>0</v>
      </c>
      <c r="DX29" s="257">
        <v>95</v>
      </c>
      <c r="DY29" s="257">
        <v>129</v>
      </c>
      <c r="DZ29" s="257">
        <v>79</v>
      </c>
      <c r="EA29" s="257">
        <v>48</v>
      </c>
      <c r="EB29" s="257">
        <v>48</v>
      </c>
      <c r="EC29" s="254">
        <v>399</v>
      </c>
      <c r="ED29" s="259">
        <v>635</v>
      </c>
      <c r="EE29" s="253">
        <v>11</v>
      </c>
      <c r="EF29" s="257">
        <v>11</v>
      </c>
      <c r="EG29" s="254">
        <v>22</v>
      </c>
      <c r="EH29" s="256">
        <v>0</v>
      </c>
      <c r="EI29" s="257">
        <v>39</v>
      </c>
      <c r="EJ29" s="257">
        <v>31</v>
      </c>
      <c r="EK29" s="257">
        <v>29</v>
      </c>
      <c r="EL29" s="257">
        <v>37</v>
      </c>
      <c r="EM29" s="257">
        <v>19</v>
      </c>
      <c r="EN29" s="254">
        <v>155</v>
      </c>
      <c r="EO29" s="259">
        <v>177</v>
      </c>
      <c r="EP29" s="253">
        <v>119</v>
      </c>
      <c r="EQ29" s="257">
        <v>167</v>
      </c>
      <c r="ER29" s="254">
        <v>286</v>
      </c>
      <c r="ES29" s="256">
        <v>0</v>
      </c>
      <c r="ET29" s="257">
        <v>221</v>
      </c>
      <c r="EU29" s="257">
        <v>162</v>
      </c>
      <c r="EV29" s="257">
        <v>92</v>
      </c>
      <c r="EW29" s="257">
        <v>57</v>
      </c>
      <c r="EX29" s="257">
        <v>49</v>
      </c>
      <c r="EY29" s="254">
        <v>581</v>
      </c>
      <c r="EZ29" s="259">
        <v>867</v>
      </c>
    </row>
    <row r="30" spans="2:156" ht="21" customHeight="1" x14ac:dyDescent="0.2">
      <c r="B30" s="437" t="s">
        <v>28</v>
      </c>
      <c r="C30" s="253">
        <v>0</v>
      </c>
      <c r="D30" s="257">
        <v>0</v>
      </c>
      <c r="E30" s="340">
        <v>0</v>
      </c>
      <c r="F30" s="256">
        <v>0</v>
      </c>
      <c r="G30" s="257">
        <v>13</v>
      </c>
      <c r="H30" s="257">
        <v>16</v>
      </c>
      <c r="I30" s="257">
        <v>7</v>
      </c>
      <c r="J30" s="257">
        <v>10</v>
      </c>
      <c r="K30" s="257">
        <v>6</v>
      </c>
      <c r="L30" s="258">
        <v>52</v>
      </c>
      <c r="M30" s="259">
        <v>52</v>
      </c>
      <c r="N30" s="253">
        <v>0</v>
      </c>
      <c r="O30" s="257">
        <v>0</v>
      </c>
      <c r="P30" s="254">
        <v>0</v>
      </c>
      <c r="Q30" s="256">
        <v>0</v>
      </c>
      <c r="R30" s="257">
        <v>0</v>
      </c>
      <c r="S30" s="257">
        <v>0</v>
      </c>
      <c r="T30" s="257">
        <v>3</v>
      </c>
      <c r="U30" s="257">
        <v>3</v>
      </c>
      <c r="V30" s="257">
        <v>3</v>
      </c>
      <c r="W30" s="254">
        <v>9</v>
      </c>
      <c r="X30" s="259">
        <v>9</v>
      </c>
      <c r="Y30" s="253">
        <v>1</v>
      </c>
      <c r="Z30" s="257">
        <v>4</v>
      </c>
      <c r="AA30" s="254">
        <v>5</v>
      </c>
      <c r="AB30" s="256">
        <v>0</v>
      </c>
      <c r="AC30" s="257">
        <v>11</v>
      </c>
      <c r="AD30" s="257">
        <v>13</v>
      </c>
      <c r="AE30" s="257">
        <v>8</v>
      </c>
      <c r="AF30" s="257">
        <v>11</v>
      </c>
      <c r="AG30" s="257">
        <v>7</v>
      </c>
      <c r="AH30" s="254">
        <v>50</v>
      </c>
      <c r="AI30" s="259">
        <v>55</v>
      </c>
      <c r="AJ30" s="253">
        <v>0</v>
      </c>
      <c r="AK30" s="257">
        <v>0</v>
      </c>
      <c r="AL30" s="254">
        <v>0</v>
      </c>
      <c r="AM30" s="256">
        <v>0</v>
      </c>
      <c r="AN30" s="257">
        <v>1</v>
      </c>
      <c r="AO30" s="257">
        <v>1</v>
      </c>
      <c r="AP30" s="257">
        <v>0</v>
      </c>
      <c r="AQ30" s="257">
        <v>1</v>
      </c>
      <c r="AR30" s="257">
        <v>2</v>
      </c>
      <c r="AS30" s="254">
        <v>5</v>
      </c>
      <c r="AT30" s="259">
        <v>5</v>
      </c>
      <c r="AU30" s="253">
        <v>1</v>
      </c>
      <c r="AV30" s="257">
        <v>1</v>
      </c>
      <c r="AW30" s="254">
        <v>2</v>
      </c>
      <c r="AX30" s="256">
        <v>0</v>
      </c>
      <c r="AY30" s="257">
        <v>13</v>
      </c>
      <c r="AZ30" s="257">
        <v>29</v>
      </c>
      <c r="BA30" s="257">
        <v>16</v>
      </c>
      <c r="BB30" s="257">
        <v>20</v>
      </c>
      <c r="BC30" s="257">
        <v>13</v>
      </c>
      <c r="BD30" s="258">
        <v>91</v>
      </c>
      <c r="BE30" s="259">
        <v>93</v>
      </c>
      <c r="BF30" s="253">
        <v>0</v>
      </c>
      <c r="BG30" s="257">
        <v>0</v>
      </c>
      <c r="BH30" s="254">
        <v>0</v>
      </c>
      <c r="BI30" s="256">
        <v>0</v>
      </c>
      <c r="BJ30" s="257">
        <v>29</v>
      </c>
      <c r="BK30" s="257">
        <v>40</v>
      </c>
      <c r="BL30" s="257">
        <v>18</v>
      </c>
      <c r="BM30" s="257">
        <v>10</v>
      </c>
      <c r="BN30" s="257">
        <v>7</v>
      </c>
      <c r="BO30" s="254">
        <v>104</v>
      </c>
      <c r="BP30" s="259">
        <v>104</v>
      </c>
      <c r="BQ30" s="253">
        <v>1</v>
      </c>
      <c r="BR30" s="257">
        <v>3</v>
      </c>
      <c r="BS30" s="254">
        <v>4</v>
      </c>
      <c r="BT30" s="256">
        <v>0</v>
      </c>
      <c r="BU30" s="257">
        <v>9</v>
      </c>
      <c r="BV30" s="257">
        <v>14</v>
      </c>
      <c r="BW30" s="257">
        <v>8</v>
      </c>
      <c r="BX30" s="257">
        <v>7</v>
      </c>
      <c r="BY30" s="257">
        <v>4</v>
      </c>
      <c r="BZ30" s="254">
        <v>42</v>
      </c>
      <c r="CA30" s="259">
        <v>46</v>
      </c>
      <c r="CB30" s="253">
        <v>0</v>
      </c>
      <c r="CC30" s="257">
        <v>1</v>
      </c>
      <c r="CD30" s="254">
        <v>1</v>
      </c>
      <c r="CE30" s="256">
        <v>0</v>
      </c>
      <c r="CF30" s="257">
        <v>2</v>
      </c>
      <c r="CG30" s="257">
        <v>8</v>
      </c>
      <c r="CH30" s="257">
        <v>4</v>
      </c>
      <c r="CI30" s="257">
        <v>7</v>
      </c>
      <c r="CJ30" s="257">
        <v>4</v>
      </c>
      <c r="CK30" s="254">
        <v>25</v>
      </c>
      <c r="CL30" s="259">
        <v>26</v>
      </c>
      <c r="CM30" s="253">
        <v>0</v>
      </c>
      <c r="CN30" s="257">
        <v>0</v>
      </c>
      <c r="CO30" s="254">
        <v>0</v>
      </c>
      <c r="CP30" s="256">
        <v>0</v>
      </c>
      <c r="CQ30" s="257">
        <v>2</v>
      </c>
      <c r="CR30" s="257">
        <v>2</v>
      </c>
      <c r="CS30" s="257">
        <v>4</v>
      </c>
      <c r="CT30" s="257">
        <v>1</v>
      </c>
      <c r="CU30" s="257">
        <v>0</v>
      </c>
      <c r="CV30" s="254">
        <v>9</v>
      </c>
      <c r="CW30" s="259">
        <v>9</v>
      </c>
      <c r="CX30" s="253">
        <v>0</v>
      </c>
      <c r="CY30" s="257">
        <v>0</v>
      </c>
      <c r="CZ30" s="254">
        <v>0</v>
      </c>
      <c r="DA30" s="256">
        <v>0</v>
      </c>
      <c r="DB30" s="257">
        <v>0</v>
      </c>
      <c r="DC30" s="257">
        <v>0</v>
      </c>
      <c r="DD30" s="257">
        <v>0</v>
      </c>
      <c r="DE30" s="257">
        <v>0</v>
      </c>
      <c r="DF30" s="257">
        <v>0</v>
      </c>
      <c r="DG30" s="254">
        <v>0</v>
      </c>
      <c r="DH30" s="259">
        <v>0</v>
      </c>
      <c r="DI30" s="253">
        <v>0</v>
      </c>
      <c r="DJ30" s="257">
        <v>0</v>
      </c>
      <c r="DK30" s="254">
        <v>0</v>
      </c>
      <c r="DL30" s="256">
        <v>0</v>
      </c>
      <c r="DM30" s="257">
        <v>0</v>
      </c>
      <c r="DN30" s="257">
        <v>0</v>
      </c>
      <c r="DO30" s="257">
        <v>0</v>
      </c>
      <c r="DP30" s="257">
        <v>0</v>
      </c>
      <c r="DQ30" s="257">
        <v>0</v>
      </c>
      <c r="DR30" s="254">
        <v>0</v>
      </c>
      <c r="DS30" s="259">
        <v>0</v>
      </c>
      <c r="DT30" s="253">
        <v>7</v>
      </c>
      <c r="DU30" s="257">
        <v>16</v>
      </c>
      <c r="DV30" s="254">
        <v>23</v>
      </c>
      <c r="DW30" s="256">
        <v>0</v>
      </c>
      <c r="DX30" s="257">
        <v>43</v>
      </c>
      <c r="DY30" s="257">
        <v>69</v>
      </c>
      <c r="DZ30" s="257">
        <v>32</v>
      </c>
      <c r="EA30" s="257">
        <v>24</v>
      </c>
      <c r="EB30" s="257">
        <v>16</v>
      </c>
      <c r="EC30" s="254">
        <v>184</v>
      </c>
      <c r="ED30" s="259">
        <v>207</v>
      </c>
      <c r="EE30" s="253">
        <v>0</v>
      </c>
      <c r="EF30" s="257">
        <v>0</v>
      </c>
      <c r="EG30" s="254">
        <v>0</v>
      </c>
      <c r="EH30" s="256">
        <v>0</v>
      </c>
      <c r="EI30" s="257">
        <v>5</v>
      </c>
      <c r="EJ30" s="257">
        <v>8</v>
      </c>
      <c r="EK30" s="257">
        <v>4</v>
      </c>
      <c r="EL30" s="257">
        <v>4</v>
      </c>
      <c r="EM30" s="257">
        <v>1</v>
      </c>
      <c r="EN30" s="254">
        <v>22</v>
      </c>
      <c r="EO30" s="259">
        <v>22</v>
      </c>
      <c r="EP30" s="253">
        <v>8</v>
      </c>
      <c r="EQ30" s="257">
        <v>17</v>
      </c>
      <c r="ER30" s="254">
        <v>25</v>
      </c>
      <c r="ES30" s="256">
        <v>0</v>
      </c>
      <c r="ET30" s="257">
        <v>80</v>
      </c>
      <c r="EU30" s="257">
        <v>94</v>
      </c>
      <c r="EV30" s="257">
        <v>45</v>
      </c>
      <c r="EW30" s="257">
        <v>34</v>
      </c>
      <c r="EX30" s="257">
        <v>18</v>
      </c>
      <c r="EY30" s="254">
        <v>271</v>
      </c>
      <c r="EZ30" s="259">
        <v>296</v>
      </c>
    </row>
    <row r="31" spans="2:156" ht="21" customHeight="1" x14ac:dyDescent="0.2">
      <c r="B31" s="437" t="s">
        <v>29</v>
      </c>
      <c r="C31" s="253">
        <v>0</v>
      </c>
      <c r="D31" s="257">
        <v>0</v>
      </c>
      <c r="E31" s="340">
        <v>0</v>
      </c>
      <c r="F31" s="256">
        <v>0</v>
      </c>
      <c r="G31" s="257">
        <v>21</v>
      </c>
      <c r="H31" s="257">
        <v>19</v>
      </c>
      <c r="I31" s="257">
        <v>20</v>
      </c>
      <c r="J31" s="257">
        <v>11</v>
      </c>
      <c r="K31" s="257">
        <v>12</v>
      </c>
      <c r="L31" s="258">
        <v>83</v>
      </c>
      <c r="M31" s="259">
        <v>83</v>
      </c>
      <c r="N31" s="253">
        <v>0</v>
      </c>
      <c r="O31" s="257">
        <v>0</v>
      </c>
      <c r="P31" s="254">
        <v>0</v>
      </c>
      <c r="Q31" s="256">
        <v>0</v>
      </c>
      <c r="R31" s="257">
        <v>0</v>
      </c>
      <c r="S31" s="257">
        <v>0</v>
      </c>
      <c r="T31" s="257">
        <v>1</v>
      </c>
      <c r="U31" s="257">
        <v>2</v>
      </c>
      <c r="V31" s="257">
        <v>8</v>
      </c>
      <c r="W31" s="254">
        <v>11</v>
      </c>
      <c r="X31" s="259">
        <v>11</v>
      </c>
      <c r="Y31" s="253">
        <v>2</v>
      </c>
      <c r="Z31" s="257">
        <v>5</v>
      </c>
      <c r="AA31" s="254">
        <v>7</v>
      </c>
      <c r="AB31" s="256">
        <v>0</v>
      </c>
      <c r="AC31" s="257">
        <v>26</v>
      </c>
      <c r="AD31" s="257">
        <v>15</v>
      </c>
      <c r="AE31" s="257">
        <v>15</v>
      </c>
      <c r="AF31" s="257">
        <v>9</v>
      </c>
      <c r="AG31" s="257">
        <v>13</v>
      </c>
      <c r="AH31" s="254">
        <v>78</v>
      </c>
      <c r="AI31" s="259">
        <v>85</v>
      </c>
      <c r="AJ31" s="253">
        <v>0</v>
      </c>
      <c r="AK31" s="257">
        <v>1</v>
      </c>
      <c r="AL31" s="254">
        <v>1</v>
      </c>
      <c r="AM31" s="256">
        <v>0</v>
      </c>
      <c r="AN31" s="257">
        <v>2</v>
      </c>
      <c r="AO31" s="257">
        <v>1</v>
      </c>
      <c r="AP31" s="257">
        <v>2</v>
      </c>
      <c r="AQ31" s="257">
        <v>2</v>
      </c>
      <c r="AR31" s="257">
        <v>0</v>
      </c>
      <c r="AS31" s="254">
        <v>7</v>
      </c>
      <c r="AT31" s="259">
        <v>8</v>
      </c>
      <c r="AU31" s="253">
        <v>2</v>
      </c>
      <c r="AV31" s="257">
        <v>2</v>
      </c>
      <c r="AW31" s="254">
        <v>4</v>
      </c>
      <c r="AX31" s="256">
        <v>0</v>
      </c>
      <c r="AY31" s="257">
        <v>20</v>
      </c>
      <c r="AZ31" s="257">
        <v>29</v>
      </c>
      <c r="BA31" s="257">
        <v>24</v>
      </c>
      <c r="BB31" s="257">
        <v>21</v>
      </c>
      <c r="BC31" s="257">
        <v>15</v>
      </c>
      <c r="BD31" s="258">
        <v>109</v>
      </c>
      <c r="BE31" s="259">
        <v>113</v>
      </c>
      <c r="BF31" s="253">
        <v>0</v>
      </c>
      <c r="BG31" s="257">
        <v>0</v>
      </c>
      <c r="BH31" s="254">
        <v>0</v>
      </c>
      <c r="BI31" s="256">
        <v>0</v>
      </c>
      <c r="BJ31" s="257">
        <v>33</v>
      </c>
      <c r="BK31" s="257">
        <v>37</v>
      </c>
      <c r="BL31" s="257">
        <v>27</v>
      </c>
      <c r="BM31" s="257">
        <v>10</v>
      </c>
      <c r="BN31" s="257">
        <v>9</v>
      </c>
      <c r="BO31" s="254">
        <v>116</v>
      </c>
      <c r="BP31" s="259">
        <v>116</v>
      </c>
      <c r="BQ31" s="253">
        <v>3</v>
      </c>
      <c r="BR31" s="257">
        <v>4</v>
      </c>
      <c r="BS31" s="254">
        <v>7</v>
      </c>
      <c r="BT31" s="256">
        <v>0</v>
      </c>
      <c r="BU31" s="257">
        <v>15</v>
      </c>
      <c r="BV31" s="257">
        <v>7</v>
      </c>
      <c r="BW31" s="257">
        <v>11</v>
      </c>
      <c r="BX31" s="257">
        <v>2</v>
      </c>
      <c r="BY31" s="257">
        <v>2</v>
      </c>
      <c r="BZ31" s="254">
        <v>37</v>
      </c>
      <c r="CA31" s="259">
        <v>44</v>
      </c>
      <c r="CB31" s="253">
        <v>0</v>
      </c>
      <c r="CC31" s="257">
        <v>0</v>
      </c>
      <c r="CD31" s="254">
        <v>0</v>
      </c>
      <c r="CE31" s="256">
        <v>0</v>
      </c>
      <c r="CF31" s="257">
        <v>8</v>
      </c>
      <c r="CG31" s="257">
        <v>9</v>
      </c>
      <c r="CH31" s="257">
        <v>15</v>
      </c>
      <c r="CI31" s="257">
        <v>6</v>
      </c>
      <c r="CJ31" s="257">
        <v>6</v>
      </c>
      <c r="CK31" s="254">
        <v>44</v>
      </c>
      <c r="CL31" s="259">
        <v>44</v>
      </c>
      <c r="CM31" s="253">
        <v>0</v>
      </c>
      <c r="CN31" s="257">
        <v>0</v>
      </c>
      <c r="CO31" s="254">
        <v>0</v>
      </c>
      <c r="CP31" s="256">
        <v>0</v>
      </c>
      <c r="CQ31" s="257">
        <v>2</v>
      </c>
      <c r="CR31" s="257">
        <v>2</v>
      </c>
      <c r="CS31" s="257">
        <v>1</v>
      </c>
      <c r="CT31" s="257">
        <v>1</v>
      </c>
      <c r="CU31" s="257">
        <v>0</v>
      </c>
      <c r="CV31" s="254">
        <v>6</v>
      </c>
      <c r="CW31" s="259">
        <v>6</v>
      </c>
      <c r="CX31" s="253">
        <v>0</v>
      </c>
      <c r="CY31" s="257">
        <v>0</v>
      </c>
      <c r="CZ31" s="254">
        <v>0</v>
      </c>
      <c r="DA31" s="256">
        <v>0</v>
      </c>
      <c r="DB31" s="257">
        <v>0</v>
      </c>
      <c r="DC31" s="257">
        <v>0</v>
      </c>
      <c r="DD31" s="257">
        <v>0</v>
      </c>
      <c r="DE31" s="257">
        <v>0</v>
      </c>
      <c r="DF31" s="257">
        <v>0</v>
      </c>
      <c r="DG31" s="254">
        <v>0</v>
      </c>
      <c r="DH31" s="259">
        <v>0</v>
      </c>
      <c r="DI31" s="253">
        <v>0</v>
      </c>
      <c r="DJ31" s="257">
        <v>0</v>
      </c>
      <c r="DK31" s="254">
        <v>0</v>
      </c>
      <c r="DL31" s="256">
        <v>0</v>
      </c>
      <c r="DM31" s="257">
        <v>0</v>
      </c>
      <c r="DN31" s="257">
        <v>0</v>
      </c>
      <c r="DO31" s="257">
        <v>0</v>
      </c>
      <c r="DP31" s="257">
        <v>0</v>
      </c>
      <c r="DQ31" s="257">
        <v>0</v>
      </c>
      <c r="DR31" s="254">
        <v>0</v>
      </c>
      <c r="DS31" s="259">
        <v>0</v>
      </c>
      <c r="DT31" s="253">
        <v>27</v>
      </c>
      <c r="DU31" s="257">
        <v>35</v>
      </c>
      <c r="DV31" s="254">
        <v>62</v>
      </c>
      <c r="DW31" s="256">
        <v>0</v>
      </c>
      <c r="DX31" s="257">
        <v>48</v>
      </c>
      <c r="DY31" s="257">
        <v>54</v>
      </c>
      <c r="DZ31" s="257">
        <v>51</v>
      </c>
      <c r="EA31" s="257">
        <v>32</v>
      </c>
      <c r="EB31" s="257">
        <v>23</v>
      </c>
      <c r="EC31" s="254">
        <v>208</v>
      </c>
      <c r="ED31" s="259">
        <v>270</v>
      </c>
      <c r="EE31" s="253">
        <v>2</v>
      </c>
      <c r="EF31" s="257">
        <v>1</v>
      </c>
      <c r="EG31" s="254">
        <v>3</v>
      </c>
      <c r="EH31" s="256">
        <v>0</v>
      </c>
      <c r="EI31" s="257">
        <v>9</v>
      </c>
      <c r="EJ31" s="257">
        <v>8</v>
      </c>
      <c r="EK31" s="257">
        <v>4</v>
      </c>
      <c r="EL31" s="257">
        <v>8</v>
      </c>
      <c r="EM31" s="257">
        <v>4</v>
      </c>
      <c r="EN31" s="254">
        <v>33</v>
      </c>
      <c r="EO31" s="259">
        <v>36</v>
      </c>
      <c r="EP31" s="253">
        <v>31</v>
      </c>
      <c r="EQ31" s="257">
        <v>41</v>
      </c>
      <c r="ER31" s="254">
        <v>72</v>
      </c>
      <c r="ES31" s="256">
        <v>0</v>
      </c>
      <c r="ET31" s="257">
        <v>87</v>
      </c>
      <c r="EU31" s="257">
        <v>80</v>
      </c>
      <c r="EV31" s="257">
        <v>63</v>
      </c>
      <c r="EW31" s="257">
        <v>32</v>
      </c>
      <c r="EX31" s="257">
        <v>23</v>
      </c>
      <c r="EY31" s="254">
        <v>285</v>
      </c>
      <c r="EZ31" s="259">
        <v>357</v>
      </c>
    </row>
    <row r="32" spans="2:156" ht="21" customHeight="1" x14ac:dyDescent="0.2">
      <c r="B32" s="437" t="s">
        <v>30</v>
      </c>
      <c r="C32" s="253">
        <v>0</v>
      </c>
      <c r="D32" s="257">
        <v>0</v>
      </c>
      <c r="E32" s="340">
        <v>0</v>
      </c>
      <c r="F32" s="256">
        <v>0</v>
      </c>
      <c r="G32" s="257">
        <v>16</v>
      </c>
      <c r="H32" s="257">
        <v>16</v>
      </c>
      <c r="I32" s="257">
        <v>13</v>
      </c>
      <c r="J32" s="257">
        <v>17</v>
      </c>
      <c r="K32" s="257">
        <v>5</v>
      </c>
      <c r="L32" s="258">
        <v>67</v>
      </c>
      <c r="M32" s="259">
        <v>67</v>
      </c>
      <c r="N32" s="253">
        <v>0</v>
      </c>
      <c r="O32" s="257">
        <v>0</v>
      </c>
      <c r="P32" s="254">
        <v>0</v>
      </c>
      <c r="Q32" s="256">
        <v>0</v>
      </c>
      <c r="R32" s="257">
        <v>3</v>
      </c>
      <c r="S32" s="257">
        <v>0</v>
      </c>
      <c r="T32" s="257">
        <v>3</v>
      </c>
      <c r="U32" s="257">
        <v>5</v>
      </c>
      <c r="V32" s="257">
        <v>3</v>
      </c>
      <c r="W32" s="254">
        <v>14</v>
      </c>
      <c r="X32" s="259">
        <v>14</v>
      </c>
      <c r="Y32" s="253">
        <v>5</v>
      </c>
      <c r="Z32" s="257">
        <v>8</v>
      </c>
      <c r="AA32" s="254">
        <v>13</v>
      </c>
      <c r="AB32" s="256">
        <v>0</v>
      </c>
      <c r="AC32" s="257">
        <v>26</v>
      </c>
      <c r="AD32" s="257">
        <v>17</v>
      </c>
      <c r="AE32" s="257">
        <v>17</v>
      </c>
      <c r="AF32" s="257">
        <v>16</v>
      </c>
      <c r="AG32" s="257">
        <v>5</v>
      </c>
      <c r="AH32" s="254">
        <v>81</v>
      </c>
      <c r="AI32" s="259">
        <v>94</v>
      </c>
      <c r="AJ32" s="253">
        <v>0</v>
      </c>
      <c r="AK32" s="257">
        <v>0</v>
      </c>
      <c r="AL32" s="254">
        <v>0</v>
      </c>
      <c r="AM32" s="256">
        <v>0</v>
      </c>
      <c r="AN32" s="257">
        <v>3</v>
      </c>
      <c r="AO32" s="257">
        <v>2</v>
      </c>
      <c r="AP32" s="257">
        <v>3</v>
      </c>
      <c r="AQ32" s="257">
        <v>1</v>
      </c>
      <c r="AR32" s="257">
        <v>0</v>
      </c>
      <c r="AS32" s="254">
        <v>9</v>
      </c>
      <c r="AT32" s="259">
        <v>9</v>
      </c>
      <c r="AU32" s="253">
        <v>2</v>
      </c>
      <c r="AV32" s="257">
        <v>2</v>
      </c>
      <c r="AW32" s="254">
        <v>4</v>
      </c>
      <c r="AX32" s="256">
        <v>0</v>
      </c>
      <c r="AY32" s="257">
        <v>24</v>
      </c>
      <c r="AZ32" s="257">
        <v>18</v>
      </c>
      <c r="BA32" s="257">
        <v>21</v>
      </c>
      <c r="BB32" s="257">
        <v>28</v>
      </c>
      <c r="BC32" s="257">
        <v>7</v>
      </c>
      <c r="BD32" s="258">
        <v>98</v>
      </c>
      <c r="BE32" s="259">
        <v>102</v>
      </c>
      <c r="BF32" s="253">
        <v>0</v>
      </c>
      <c r="BG32" s="257">
        <v>0</v>
      </c>
      <c r="BH32" s="254">
        <v>0</v>
      </c>
      <c r="BI32" s="256">
        <v>0</v>
      </c>
      <c r="BJ32" s="257">
        <v>29</v>
      </c>
      <c r="BK32" s="257">
        <v>21</v>
      </c>
      <c r="BL32" s="257">
        <v>15</v>
      </c>
      <c r="BM32" s="257">
        <v>13</v>
      </c>
      <c r="BN32" s="257">
        <v>3</v>
      </c>
      <c r="BO32" s="254">
        <v>81</v>
      </c>
      <c r="BP32" s="259">
        <v>81</v>
      </c>
      <c r="BQ32" s="253">
        <v>6</v>
      </c>
      <c r="BR32" s="257">
        <v>7</v>
      </c>
      <c r="BS32" s="254">
        <v>13</v>
      </c>
      <c r="BT32" s="256">
        <v>0</v>
      </c>
      <c r="BU32" s="257">
        <v>10</v>
      </c>
      <c r="BV32" s="257">
        <v>8</v>
      </c>
      <c r="BW32" s="257">
        <v>3</v>
      </c>
      <c r="BX32" s="257">
        <v>4</v>
      </c>
      <c r="BY32" s="257">
        <v>1</v>
      </c>
      <c r="BZ32" s="254">
        <v>26</v>
      </c>
      <c r="CA32" s="259">
        <v>39</v>
      </c>
      <c r="CB32" s="253">
        <v>0</v>
      </c>
      <c r="CC32" s="257">
        <v>1</v>
      </c>
      <c r="CD32" s="254">
        <v>1</v>
      </c>
      <c r="CE32" s="256">
        <v>0</v>
      </c>
      <c r="CF32" s="257">
        <v>8</v>
      </c>
      <c r="CG32" s="257">
        <v>5</v>
      </c>
      <c r="CH32" s="257">
        <v>10</v>
      </c>
      <c r="CI32" s="257">
        <v>5</v>
      </c>
      <c r="CJ32" s="257">
        <v>2</v>
      </c>
      <c r="CK32" s="254">
        <v>30</v>
      </c>
      <c r="CL32" s="259">
        <v>31</v>
      </c>
      <c r="CM32" s="253">
        <v>0</v>
      </c>
      <c r="CN32" s="257">
        <v>0</v>
      </c>
      <c r="CO32" s="254">
        <v>0</v>
      </c>
      <c r="CP32" s="256">
        <v>0</v>
      </c>
      <c r="CQ32" s="257">
        <v>0</v>
      </c>
      <c r="CR32" s="257">
        <v>3</v>
      </c>
      <c r="CS32" s="257">
        <v>0</v>
      </c>
      <c r="CT32" s="257">
        <v>0</v>
      </c>
      <c r="CU32" s="257">
        <v>1</v>
      </c>
      <c r="CV32" s="254">
        <v>4</v>
      </c>
      <c r="CW32" s="259">
        <v>4</v>
      </c>
      <c r="CX32" s="253">
        <v>0</v>
      </c>
      <c r="CY32" s="257">
        <v>0</v>
      </c>
      <c r="CZ32" s="254">
        <v>0</v>
      </c>
      <c r="DA32" s="256">
        <v>0</v>
      </c>
      <c r="DB32" s="257">
        <v>0</v>
      </c>
      <c r="DC32" s="257">
        <v>0</v>
      </c>
      <c r="DD32" s="257">
        <v>0</v>
      </c>
      <c r="DE32" s="257">
        <v>0</v>
      </c>
      <c r="DF32" s="257">
        <v>0</v>
      </c>
      <c r="DG32" s="254">
        <v>0</v>
      </c>
      <c r="DH32" s="259">
        <v>0</v>
      </c>
      <c r="DI32" s="253">
        <v>0</v>
      </c>
      <c r="DJ32" s="257">
        <v>0</v>
      </c>
      <c r="DK32" s="254">
        <v>0</v>
      </c>
      <c r="DL32" s="256">
        <v>0</v>
      </c>
      <c r="DM32" s="257">
        <v>0</v>
      </c>
      <c r="DN32" s="257">
        <v>0</v>
      </c>
      <c r="DO32" s="257">
        <v>0</v>
      </c>
      <c r="DP32" s="257">
        <v>0</v>
      </c>
      <c r="DQ32" s="257">
        <v>0</v>
      </c>
      <c r="DR32" s="254">
        <v>0</v>
      </c>
      <c r="DS32" s="259">
        <v>0</v>
      </c>
      <c r="DT32" s="253">
        <v>36</v>
      </c>
      <c r="DU32" s="257">
        <v>30</v>
      </c>
      <c r="DV32" s="254">
        <v>66</v>
      </c>
      <c r="DW32" s="256">
        <v>0</v>
      </c>
      <c r="DX32" s="257">
        <v>52</v>
      </c>
      <c r="DY32" s="257">
        <v>42</v>
      </c>
      <c r="DZ32" s="257">
        <v>44</v>
      </c>
      <c r="EA32" s="257">
        <v>33</v>
      </c>
      <c r="EB32" s="257">
        <v>9</v>
      </c>
      <c r="EC32" s="254">
        <v>180</v>
      </c>
      <c r="ED32" s="259">
        <v>246</v>
      </c>
      <c r="EE32" s="253">
        <v>2</v>
      </c>
      <c r="EF32" s="257">
        <v>0</v>
      </c>
      <c r="EG32" s="254">
        <v>2</v>
      </c>
      <c r="EH32" s="256">
        <v>0</v>
      </c>
      <c r="EI32" s="257">
        <v>8</v>
      </c>
      <c r="EJ32" s="257">
        <v>7</v>
      </c>
      <c r="EK32" s="257">
        <v>7</v>
      </c>
      <c r="EL32" s="257">
        <v>5</v>
      </c>
      <c r="EM32" s="257">
        <v>2</v>
      </c>
      <c r="EN32" s="254">
        <v>29</v>
      </c>
      <c r="EO32" s="259">
        <v>31</v>
      </c>
      <c r="EP32" s="253">
        <v>41</v>
      </c>
      <c r="EQ32" s="257">
        <v>33</v>
      </c>
      <c r="ER32" s="254">
        <v>74</v>
      </c>
      <c r="ES32" s="256">
        <v>0</v>
      </c>
      <c r="ET32" s="257">
        <v>87</v>
      </c>
      <c r="EU32" s="257">
        <v>55</v>
      </c>
      <c r="EV32" s="257">
        <v>46</v>
      </c>
      <c r="EW32" s="257">
        <v>35</v>
      </c>
      <c r="EX32" s="257">
        <v>10</v>
      </c>
      <c r="EY32" s="254">
        <v>233</v>
      </c>
      <c r="EZ32" s="259">
        <v>307</v>
      </c>
    </row>
    <row r="33" spans="2:156" ht="21" customHeight="1" x14ac:dyDescent="0.2">
      <c r="B33" s="437" t="s">
        <v>31</v>
      </c>
      <c r="C33" s="253">
        <v>0</v>
      </c>
      <c r="D33" s="257">
        <v>0</v>
      </c>
      <c r="E33" s="340">
        <v>0</v>
      </c>
      <c r="F33" s="256">
        <v>0</v>
      </c>
      <c r="G33" s="257">
        <v>15</v>
      </c>
      <c r="H33" s="257">
        <v>15</v>
      </c>
      <c r="I33" s="257">
        <v>7</v>
      </c>
      <c r="J33" s="257">
        <v>9</v>
      </c>
      <c r="K33" s="257">
        <v>6</v>
      </c>
      <c r="L33" s="258">
        <v>52</v>
      </c>
      <c r="M33" s="259">
        <v>52</v>
      </c>
      <c r="N33" s="253">
        <v>0</v>
      </c>
      <c r="O33" s="257">
        <v>0</v>
      </c>
      <c r="P33" s="254">
        <v>0</v>
      </c>
      <c r="Q33" s="256">
        <v>0</v>
      </c>
      <c r="R33" s="257">
        <v>2</v>
      </c>
      <c r="S33" s="257">
        <v>1</v>
      </c>
      <c r="T33" s="257">
        <v>4</v>
      </c>
      <c r="U33" s="257">
        <v>7</v>
      </c>
      <c r="V33" s="257">
        <v>1</v>
      </c>
      <c r="W33" s="254">
        <v>15</v>
      </c>
      <c r="X33" s="259">
        <v>15</v>
      </c>
      <c r="Y33" s="253">
        <v>5</v>
      </c>
      <c r="Z33" s="257">
        <v>5</v>
      </c>
      <c r="AA33" s="254">
        <v>10</v>
      </c>
      <c r="AB33" s="256">
        <v>0</v>
      </c>
      <c r="AC33" s="257">
        <v>14</v>
      </c>
      <c r="AD33" s="257">
        <v>17</v>
      </c>
      <c r="AE33" s="257">
        <v>15</v>
      </c>
      <c r="AF33" s="257">
        <v>20</v>
      </c>
      <c r="AG33" s="257">
        <v>4</v>
      </c>
      <c r="AH33" s="254">
        <v>70</v>
      </c>
      <c r="AI33" s="259">
        <v>80</v>
      </c>
      <c r="AJ33" s="253">
        <v>1</v>
      </c>
      <c r="AK33" s="257">
        <v>1</v>
      </c>
      <c r="AL33" s="254">
        <v>2</v>
      </c>
      <c r="AM33" s="256">
        <v>0</v>
      </c>
      <c r="AN33" s="257">
        <v>2</v>
      </c>
      <c r="AO33" s="257">
        <v>1</v>
      </c>
      <c r="AP33" s="257">
        <v>2</v>
      </c>
      <c r="AQ33" s="257">
        <v>2</v>
      </c>
      <c r="AR33" s="257">
        <v>0</v>
      </c>
      <c r="AS33" s="254">
        <v>7</v>
      </c>
      <c r="AT33" s="259">
        <v>9</v>
      </c>
      <c r="AU33" s="253">
        <v>3</v>
      </c>
      <c r="AV33" s="257">
        <v>0</v>
      </c>
      <c r="AW33" s="254">
        <v>3</v>
      </c>
      <c r="AX33" s="256">
        <v>0</v>
      </c>
      <c r="AY33" s="257">
        <v>13</v>
      </c>
      <c r="AZ33" s="257">
        <v>16</v>
      </c>
      <c r="BA33" s="257">
        <v>10</v>
      </c>
      <c r="BB33" s="257">
        <v>19</v>
      </c>
      <c r="BC33" s="257">
        <v>11</v>
      </c>
      <c r="BD33" s="258">
        <v>69</v>
      </c>
      <c r="BE33" s="259">
        <v>72</v>
      </c>
      <c r="BF33" s="253">
        <v>0</v>
      </c>
      <c r="BG33" s="257">
        <v>0</v>
      </c>
      <c r="BH33" s="254">
        <v>0</v>
      </c>
      <c r="BI33" s="256">
        <v>0</v>
      </c>
      <c r="BJ33" s="257">
        <v>46</v>
      </c>
      <c r="BK33" s="257">
        <v>44</v>
      </c>
      <c r="BL33" s="257">
        <v>16</v>
      </c>
      <c r="BM33" s="257">
        <v>15</v>
      </c>
      <c r="BN33" s="257">
        <v>6</v>
      </c>
      <c r="BO33" s="254">
        <v>127</v>
      </c>
      <c r="BP33" s="259">
        <v>127</v>
      </c>
      <c r="BQ33" s="253">
        <v>0</v>
      </c>
      <c r="BR33" s="257">
        <v>1</v>
      </c>
      <c r="BS33" s="254">
        <v>1</v>
      </c>
      <c r="BT33" s="256">
        <v>0</v>
      </c>
      <c r="BU33" s="257">
        <v>9</v>
      </c>
      <c r="BV33" s="257">
        <v>9</v>
      </c>
      <c r="BW33" s="257">
        <v>10</v>
      </c>
      <c r="BX33" s="257">
        <v>2</v>
      </c>
      <c r="BY33" s="257">
        <v>1</v>
      </c>
      <c r="BZ33" s="254">
        <v>31</v>
      </c>
      <c r="CA33" s="259">
        <v>32</v>
      </c>
      <c r="CB33" s="253">
        <v>0</v>
      </c>
      <c r="CC33" s="257">
        <v>1</v>
      </c>
      <c r="CD33" s="254">
        <v>1</v>
      </c>
      <c r="CE33" s="256">
        <v>0</v>
      </c>
      <c r="CF33" s="257">
        <v>9</v>
      </c>
      <c r="CG33" s="257">
        <v>4</v>
      </c>
      <c r="CH33" s="257">
        <v>8</v>
      </c>
      <c r="CI33" s="257">
        <v>12</v>
      </c>
      <c r="CJ33" s="257">
        <v>2</v>
      </c>
      <c r="CK33" s="254">
        <v>35</v>
      </c>
      <c r="CL33" s="259">
        <v>36</v>
      </c>
      <c r="CM33" s="253">
        <v>0</v>
      </c>
      <c r="CN33" s="257">
        <v>0</v>
      </c>
      <c r="CO33" s="254">
        <v>0</v>
      </c>
      <c r="CP33" s="256">
        <v>0</v>
      </c>
      <c r="CQ33" s="257">
        <v>1</v>
      </c>
      <c r="CR33" s="257">
        <v>2</v>
      </c>
      <c r="CS33" s="257">
        <v>2</v>
      </c>
      <c r="CT33" s="257">
        <v>0</v>
      </c>
      <c r="CU33" s="257">
        <v>2</v>
      </c>
      <c r="CV33" s="254">
        <v>7</v>
      </c>
      <c r="CW33" s="259">
        <v>7</v>
      </c>
      <c r="CX33" s="253">
        <v>0</v>
      </c>
      <c r="CY33" s="257">
        <v>0</v>
      </c>
      <c r="CZ33" s="254">
        <v>0</v>
      </c>
      <c r="DA33" s="256">
        <v>0</v>
      </c>
      <c r="DB33" s="257">
        <v>0</v>
      </c>
      <c r="DC33" s="257">
        <v>0</v>
      </c>
      <c r="DD33" s="257">
        <v>0</v>
      </c>
      <c r="DE33" s="257">
        <v>0</v>
      </c>
      <c r="DF33" s="257">
        <v>0</v>
      </c>
      <c r="DG33" s="254">
        <v>0</v>
      </c>
      <c r="DH33" s="259">
        <v>0</v>
      </c>
      <c r="DI33" s="253">
        <v>0</v>
      </c>
      <c r="DJ33" s="257">
        <v>0</v>
      </c>
      <c r="DK33" s="254">
        <v>0</v>
      </c>
      <c r="DL33" s="256">
        <v>0</v>
      </c>
      <c r="DM33" s="257">
        <v>0</v>
      </c>
      <c r="DN33" s="257">
        <v>0</v>
      </c>
      <c r="DO33" s="257">
        <v>0</v>
      </c>
      <c r="DP33" s="257">
        <v>0</v>
      </c>
      <c r="DQ33" s="257">
        <v>0</v>
      </c>
      <c r="DR33" s="254">
        <v>0</v>
      </c>
      <c r="DS33" s="259">
        <v>0</v>
      </c>
      <c r="DT33" s="253">
        <v>18</v>
      </c>
      <c r="DU33" s="257">
        <v>58</v>
      </c>
      <c r="DV33" s="254">
        <v>76</v>
      </c>
      <c r="DW33" s="256">
        <v>0</v>
      </c>
      <c r="DX33" s="257">
        <v>48</v>
      </c>
      <c r="DY33" s="257">
        <v>61</v>
      </c>
      <c r="DZ33" s="257">
        <v>40</v>
      </c>
      <c r="EA33" s="257">
        <v>32</v>
      </c>
      <c r="EB33" s="257">
        <v>13</v>
      </c>
      <c r="EC33" s="254">
        <v>194</v>
      </c>
      <c r="ED33" s="259">
        <v>270</v>
      </c>
      <c r="EE33" s="253">
        <v>3</v>
      </c>
      <c r="EF33" s="257">
        <v>0</v>
      </c>
      <c r="EG33" s="254">
        <v>3</v>
      </c>
      <c r="EH33" s="256">
        <v>0</v>
      </c>
      <c r="EI33" s="257">
        <v>5</v>
      </c>
      <c r="EJ33" s="257">
        <v>8</v>
      </c>
      <c r="EK33" s="257">
        <v>5</v>
      </c>
      <c r="EL33" s="257">
        <v>4</v>
      </c>
      <c r="EM33" s="257">
        <v>0</v>
      </c>
      <c r="EN33" s="254">
        <v>22</v>
      </c>
      <c r="EO33" s="259">
        <v>25</v>
      </c>
      <c r="EP33" s="253">
        <v>22</v>
      </c>
      <c r="EQ33" s="257">
        <v>61</v>
      </c>
      <c r="ER33" s="254">
        <v>83</v>
      </c>
      <c r="ES33" s="256">
        <v>0</v>
      </c>
      <c r="ET33" s="257">
        <v>97</v>
      </c>
      <c r="EU33" s="257">
        <v>89</v>
      </c>
      <c r="EV33" s="257">
        <v>45</v>
      </c>
      <c r="EW33" s="257">
        <v>34</v>
      </c>
      <c r="EX33" s="257">
        <v>13</v>
      </c>
      <c r="EY33" s="254">
        <v>278</v>
      </c>
      <c r="EZ33" s="259">
        <v>361</v>
      </c>
    </row>
    <row r="34" spans="2:156" ht="21" customHeight="1" x14ac:dyDescent="0.2">
      <c r="B34" s="437" t="s">
        <v>32</v>
      </c>
      <c r="C34" s="253">
        <v>0</v>
      </c>
      <c r="D34" s="257">
        <v>0</v>
      </c>
      <c r="E34" s="340">
        <v>0</v>
      </c>
      <c r="F34" s="256">
        <v>0</v>
      </c>
      <c r="G34" s="257">
        <v>28</v>
      </c>
      <c r="H34" s="257">
        <v>20</v>
      </c>
      <c r="I34" s="257">
        <v>15</v>
      </c>
      <c r="J34" s="257">
        <v>9</v>
      </c>
      <c r="K34" s="257">
        <v>7</v>
      </c>
      <c r="L34" s="258">
        <v>79</v>
      </c>
      <c r="M34" s="259">
        <v>79</v>
      </c>
      <c r="N34" s="253">
        <v>0</v>
      </c>
      <c r="O34" s="257">
        <v>0</v>
      </c>
      <c r="P34" s="254">
        <v>0</v>
      </c>
      <c r="Q34" s="256">
        <v>0</v>
      </c>
      <c r="R34" s="257">
        <v>0</v>
      </c>
      <c r="S34" s="257">
        <v>1</v>
      </c>
      <c r="T34" s="257">
        <v>1</v>
      </c>
      <c r="U34" s="257">
        <v>3</v>
      </c>
      <c r="V34" s="257">
        <v>5</v>
      </c>
      <c r="W34" s="254">
        <v>10</v>
      </c>
      <c r="X34" s="259">
        <v>10</v>
      </c>
      <c r="Y34" s="253">
        <v>4</v>
      </c>
      <c r="Z34" s="257">
        <v>8</v>
      </c>
      <c r="AA34" s="254">
        <v>12</v>
      </c>
      <c r="AB34" s="256">
        <v>0</v>
      </c>
      <c r="AC34" s="257">
        <v>40</v>
      </c>
      <c r="AD34" s="257">
        <v>29</v>
      </c>
      <c r="AE34" s="257">
        <v>13</v>
      </c>
      <c r="AF34" s="257">
        <v>8</v>
      </c>
      <c r="AG34" s="257">
        <v>5</v>
      </c>
      <c r="AH34" s="254">
        <v>95</v>
      </c>
      <c r="AI34" s="259">
        <v>107</v>
      </c>
      <c r="AJ34" s="253">
        <v>0</v>
      </c>
      <c r="AK34" s="257">
        <v>1</v>
      </c>
      <c r="AL34" s="254">
        <v>1</v>
      </c>
      <c r="AM34" s="256">
        <v>0</v>
      </c>
      <c r="AN34" s="257">
        <v>2</v>
      </c>
      <c r="AO34" s="257">
        <v>2</v>
      </c>
      <c r="AP34" s="257">
        <v>0</v>
      </c>
      <c r="AQ34" s="257">
        <v>2</v>
      </c>
      <c r="AR34" s="257">
        <v>2</v>
      </c>
      <c r="AS34" s="254">
        <v>8</v>
      </c>
      <c r="AT34" s="259">
        <v>9</v>
      </c>
      <c r="AU34" s="253">
        <v>6</v>
      </c>
      <c r="AV34" s="257">
        <v>3</v>
      </c>
      <c r="AW34" s="254">
        <v>9</v>
      </c>
      <c r="AX34" s="256">
        <v>0</v>
      </c>
      <c r="AY34" s="257">
        <v>21</v>
      </c>
      <c r="AZ34" s="257">
        <v>20</v>
      </c>
      <c r="BA34" s="257">
        <v>26</v>
      </c>
      <c r="BB34" s="257">
        <v>27</v>
      </c>
      <c r="BC34" s="257">
        <v>16</v>
      </c>
      <c r="BD34" s="258">
        <v>110</v>
      </c>
      <c r="BE34" s="259">
        <v>119</v>
      </c>
      <c r="BF34" s="253">
        <v>0</v>
      </c>
      <c r="BG34" s="257">
        <v>0</v>
      </c>
      <c r="BH34" s="254">
        <v>0</v>
      </c>
      <c r="BI34" s="256">
        <v>0</v>
      </c>
      <c r="BJ34" s="257">
        <v>53</v>
      </c>
      <c r="BK34" s="257">
        <v>47</v>
      </c>
      <c r="BL34" s="257">
        <v>22</v>
      </c>
      <c r="BM34" s="257">
        <v>16</v>
      </c>
      <c r="BN34" s="257">
        <v>4</v>
      </c>
      <c r="BO34" s="254">
        <v>142</v>
      </c>
      <c r="BP34" s="259">
        <v>142</v>
      </c>
      <c r="BQ34" s="253">
        <v>2</v>
      </c>
      <c r="BR34" s="257">
        <v>5</v>
      </c>
      <c r="BS34" s="254">
        <v>7</v>
      </c>
      <c r="BT34" s="256">
        <v>0</v>
      </c>
      <c r="BU34" s="257">
        <v>13</v>
      </c>
      <c r="BV34" s="257">
        <v>15</v>
      </c>
      <c r="BW34" s="257">
        <v>5</v>
      </c>
      <c r="BX34" s="257">
        <v>6</v>
      </c>
      <c r="BY34" s="257">
        <v>3</v>
      </c>
      <c r="BZ34" s="254">
        <v>42</v>
      </c>
      <c r="CA34" s="259">
        <v>49</v>
      </c>
      <c r="CB34" s="253">
        <v>0</v>
      </c>
      <c r="CC34" s="257">
        <v>1</v>
      </c>
      <c r="CD34" s="254">
        <v>1</v>
      </c>
      <c r="CE34" s="256">
        <v>0</v>
      </c>
      <c r="CF34" s="257">
        <v>5</v>
      </c>
      <c r="CG34" s="257">
        <v>12</v>
      </c>
      <c r="CH34" s="257">
        <v>14</v>
      </c>
      <c r="CI34" s="257">
        <v>2</v>
      </c>
      <c r="CJ34" s="257">
        <v>5</v>
      </c>
      <c r="CK34" s="254">
        <v>38</v>
      </c>
      <c r="CL34" s="259">
        <v>39</v>
      </c>
      <c r="CM34" s="253">
        <v>0</v>
      </c>
      <c r="CN34" s="257">
        <v>0</v>
      </c>
      <c r="CO34" s="254">
        <v>0</v>
      </c>
      <c r="CP34" s="256">
        <v>0</v>
      </c>
      <c r="CQ34" s="257">
        <v>0</v>
      </c>
      <c r="CR34" s="257">
        <v>3</v>
      </c>
      <c r="CS34" s="257">
        <v>0</v>
      </c>
      <c r="CT34" s="257">
        <v>4</v>
      </c>
      <c r="CU34" s="257">
        <v>3</v>
      </c>
      <c r="CV34" s="254">
        <v>10</v>
      </c>
      <c r="CW34" s="259">
        <v>10</v>
      </c>
      <c r="CX34" s="253">
        <v>0</v>
      </c>
      <c r="CY34" s="257">
        <v>0</v>
      </c>
      <c r="CZ34" s="254">
        <v>0</v>
      </c>
      <c r="DA34" s="256">
        <v>0</v>
      </c>
      <c r="DB34" s="257">
        <v>0</v>
      </c>
      <c r="DC34" s="257">
        <v>0</v>
      </c>
      <c r="DD34" s="257">
        <v>0</v>
      </c>
      <c r="DE34" s="257">
        <v>0</v>
      </c>
      <c r="DF34" s="257">
        <v>0</v>
      </c>
      <c r="DG34" s="254">
        <v>0</v>
      </c>
      <c r="DH34" s="259">
        <v>0</v>
      </c>
      <c r="DI34" s="253">
        <v>0</v>
      </c>
      <c r="DJ34" s="257">
        <v>0</v>
      </c>
      <c r="DK34" s="254">
        <v>0</v>
      </c>
      <c r="DL34" s="256">
        <v>0</v>
      </c>
      <c r="DM34" s="257">
        <v>0</v>
      </c>
      <c r="DN34" s="257">
        <v>0</v>
      </c>
      <c r="DO34" s="257">
        <v>0</v>
      </c>
      <c r="DP34" s="257">
        <v>0</v>
      </c>
      <c r="DQ34" s="257">
        <v>0</v>
      </c>
      <c r="DR34" s="254">
        <v>0</v>
      </c>
      <c r="DS34" s="259">
        <v>0</v>
      </c>
      <c r="DT34" s="253">
        <v>22</v>
      </c>
      <c r="DU34" s="257">
        <v>46</v>
      </c>
      <c r="DV34" s="254">
        <v>68</v>
      </c>
      <c r="DW34" s="256">
        <v>0</v>
      </c>
      <c r="DX34" s="257">
        <v>78</v>
      </c>
      <c r="DY34" s="257">
        <v>78</v>
      </c>
      <c r="DZ34" s="257">
        <v>50</v>
      </c>
      <c r="EA34" s="257">
        <v>34</v>
      </c>
      <c r="EB34" s="257">
        <v>15</v>
      </c>
      <c r="EC34" s="254">
        <v>255</v>
      </c>
      <c r="ED34" s="259">
        <v>323</v>
      </c>
      <c r="EE34" s="253">
        <v>4</v>
      </c>
      <c r="EF34" s="257">
        <v>3</v>
      </c>
      <c r="EG34" s="254">
        <v>7</v>
      </c>
      <c r="EH34" s="256">
        <v>0</v>
      </c>
      <c r="EI34" s="257">
        <v>8</v>
      </c>
      <c r="EJ34" s="257">
        <v>7</v>
      </c>
      <c r="EK34" s="257">
        <v>8</v>
      </c>
      <c r="EL34" s="257">
        <v>12</v>
      </c>
      <c r="EM34" s="257">
        <v>6</v>
      </c>
      <c r="EN34" s="254">
        <v>41</v>
      </c>
      <c r="EO34" s="259">
        <v>48</v>
      </c>
      <c r="EP34" s="253">
        <v>25</v>
      </c>
      <c r="EQ34" s="257">
        <v>52</v>
      </c>
      <c r="ER34" s="254">
        <v>77</v>
      </c>
      <c r="ES34" s="256">
        <v>0</v>
      </c>
      <c r="ET34" s="257">
        <v>143</v>
      </c>
      <c r="EU34" s="257">
        <v>113</v>
      </c>
      <c r="EV34" s="257">
        <v>57</v>
      </c>
      <c r="EW34" s="257">
        <v>31</v>
      </c>
      <c r="EX34" s="257">
        <v>18</v>
      </c>
      <c r="EY34" s="254">
        <v>362</v>
      </c>
      <c r="EZ34" s="259">
        <v>439</v>
      </c>
    </row>
    <row r="35" spans="2:156" ht="21" customHeight="1" x14ac:dyDescent="0.2">
      <c r="B35" s="437" t="s">
        <v>33</v>
      </c>
      <c r="C35" s="253">
        <v>0</v>
      </c>
      <c r="D35" s="257">
        <v>0</v>
      </c>
      <c r="E35" s="340">
        <v>0</v>
      </c>
      <c r="F35" s="256">
        <v>0</v>
      </c>
      <c r="G35" s="257">
        <v>17</v>
      </c>
      <c r="H35" s="257">
        <v>12</v>
      </c>
      <c r="I35" s="257">
        <v>7</v>
      </c>
      <c r="J35" s="257">
        <v>4</v>
      </c>
      <c r="K35" s="257">
        <v>7</v>
      </c>
      <c r="L35" s="258">
        <v>47</v>
      </c>
      <c r="M35" s="259">
        <v>47</v>
      </c>
      <c r="N35" s="253">
        <v>0</v>
      </c>
      <c r="O35" s="257">
        <v>0</v>
      </c>
      <c r="P35" s="254">
        <v>0</v>
      </c>
      <c r="Q35" s="256">
        <v>0</v>
      </c>
      <c r="R35" s="257">
        <v>0</v>
      </c>
      <c r="S35" s="257">
        <v>1</v>
      </c>
      <c r="T35" s="257">
        <v>1</v>
      </c>
      <c r="U35" s="257">
        <v>2</v>
      </c>
      <c r="V35" s="257">
        <v>2</v>
      </c>
      <c r="W35" s="254">
        <v>6</v>
      </c>
      <c r="X35" s="259">
        <v>6</v>
      </c>
      <c r="Y35" s="253">
        <v>0</v>
      </c>
      <c r="Z35" s="257">
        <v>3</v>
      </c>
      <c r="AA35" s="254">
        <v>3</v>
      </c>
      <c r="AB35" s="256">
        <v>0</v>
      </c>
      <c r="AC35" s="257">
        <v>17</v>
      </c>
      <c r="AD35" s="257">
        <v>4</v>
      </c>
      <c r="AE35" s="257">
        <v>3</v>
      </c>
      <c r="AF35" s="257">
        <v>5</v>
      </c>
      <c r="AG35" s="257">
        <v>4</v>
      </c>
      <c r="AH35" s="254">
        <v>33</v>
      </c>
      <c r="AI35" s="259">
        <v>36</v>
      </c>
      <c r="AJ35" s="253">
        <v>13</v>
      </c>
      <c r="AK35" s="257">
        <v>19</v>
      </c>
      <c r="AL35" s="254">
        <v>32</v>
      </c>
      <c r="AM35" s="256">
        <v>0</v>
      </c>
      <c r="AN35" s="257">
        <v>17</v>
      </c>
      <c r="AO35" s="257">
        <v>5</v>
      </c>
      <c r="AP35" s="257">
        <v>3</v>
      </c>
      <c r="AQ35" s="257">
        <v>0</v>
      </c>
      <c r="AR35" s="257">
        <v>0</v>
      </c>
      <c r="AS35" s="254">
        <v>25</v>
      </c>
      <c r="AT35" s="259">
        <v>57</v>
      </c>
      <c r="AU35" s="253">
        <v>7</v>
      </c>
      <c r="AV35" s="257">
        <v>7</v>
      </c>
      <c r="AW35" s="254">
        <v>14</v>
      </c>
      <c r="AX35" s="256">
        <v>0</v>
      </c>
      <c r="AY35" s="257">
        <v>30</v>
      </c>
      <c r="AZ35" s="257">
        <v>37</v>
      </c>
      <c r="BA35" s="257">
        <v>37</v>
      </c>
      <c r="BB35" s="257">
        <v>15</v>
      </c>
      <c r="BC35" s="257">
        <v>24</v>
      </c>
      <c r="BD35" s="258">
        <v>143</v>
      </c>
      <c r="BE35" s="259">
        <v>157</v>
      </c>
      <c r="BF35" s="253">
        <v>0</v>
      </c>
      <c r="BG35" s="257">
        <v>0</v>
      </c>
      <c r="BH35" s="254">
        <v>0</v>
      </c>
      <c r="BI35" s="256">
        <v>0</v>
      </c>
      <c r="BJ35" s="257">
        <v>9</v>
      </c>
      <c r="BK35" s="257">
        <v>8</v>
      </c>
      <c r="BL35" s="257">
        <v>5</v>
      </c>
      <c r="BM35" s="257">
        <v>2</v>
      </c>
      <c r="BN35" s="257">
        <v>5</v>
      </c>
      <c r="BO35" s="254">
        <v>29</v>
      </c>
      <c r="BP35" s="259">
        <v>29</v>
      </c>
      <c r="BQ35" s="253">
        <v>6</v>
      </c>
      <c r="BR35" s="257">
        <v>13</v>
      </c>
      <c r="BS35" s="254">
        <v>19</v>
      </c>
      <c r="BT35" s="256">
        <v>0</v>
      </c>
      <c r="BU35" s="257">
        <v>24</v>
      </c>
      <c r="BV35" s="257">
        <v>6</v>
      </c>
      <c r="BW35" s="257">
        <v>1</v>
      </c>
      <c r="BX35" s="257">
        <v>2</v>
      </c>
      <c r="BY35" s="257">
        <v>1</v>
      </c>
      <c r="BZ35" s="254">
        <v>34</v>
      </c>
      <c r="CA35" s="259">
        <v>53</v>
      </c>
      <c r="CB35" s="253">
        <v>0</v>
      </c>
      <c r="CC35" s="257">
        <v>0</v>
      </c>
      <c r="CD35" s="254">
        <v>0</v>
      </c>
      <c r="CE35" s="256">
        <v>0</v>
      </c>
      <c r="CF35" s="257">
        <v>2</v>
      </c>
      <c r="CG35" s="257">
        <v>4</v>
      </c>
      <c r="CH35" s="257">
        <v>5</v>
      </c>
      <c r="CI35" s="257">
        <v>1</v>
      </c>
      <c r="CJ35" s="257">
        <v>1</v>
      </c>
      <c r="CK35" s="254">
        <v>13</v>
      </c>
      <c r="CL35" s="259">
        <v>13</v>
      </c>
      <c r="CM35" s="253">
        <v>0</v>
      </c>
      <c r="CN35" s="257">
        <v>0</v>
      </c>
      <c r="CO35" s="254">
        <v>0</v>
      </c>
      <c r="CP35" s="256">
        <v>0</v>
      </c>
      <c r="CQ35" s="257">
        <v>0</v>
      </c>
      <c r="CR35" s="257">
        <v>0</v>
      </c>
      <c r="CS35" s="257">
        <v>0</v>
      </c>
      <c r="CT35" s="257">
        <v>1</v>
      </c>
      <c r="CU35" s="257">
        <v>1</v>
      </c>
      <c r="CV35" s="254">
        <v>2</v>
      </c>
      <c r="CW35" s="259">
        <v>2</v>
      </c>
      <c r="CX35" s="253">
        <v>0</v>
      </c>
      <c r="CY35" s="257">
        <v>0</v>
      </c>
      <c r="CZ35" s="254">
        <v>0</v>
      </c>
      <c r="DA35" s="256">
        <v>0</v>
      </c>
      <c r="DB35" s="257">
        <v>0</v>
      </c>
      <c r="DC35" s="257">
        <v>0</v>
      </c>
      <c r="DD35" s="257">
        <v>0</v>
      </c>
      <c r="DE35" s="257">
        <v>0</v>
      </c>
      <c r="DF35" s="257">
        <v>0</v>
      </c>
      <c r="DG35" s="254">
        <v>0</v>
      </c>
      <c r="DH35" s="259">
        <v>0</v>
      </c>
      <c r="DI35" s="253">
        <v>0</v>
      </c>
      <c r="DJ35" s="257">
        <v>0</v>
      </c>
      <c r="DK35" s="254">
        <v>0</v>
      </c>
      <c r="DL35" s="256">
        <v>0</v>
      </c>
      <c r="DM35" s="257">
        <v>0</v>
      </c>
      <c r="DN35" s="257">
        <v>0</v>
      </c>
      <c r="DO35" s="257">
        <v>0</v>
      </c>
      <c r="DP35" s="257">
        <v>0</v>
      </c>
      <c r="DQ35" s="257">
        <v>0</v>
      </c>
      <c r="DR35" s="254">
        <v>0</v>
      </c>
      <c r="DS35" s="259">
        <v>0</v>
      </c>
      <c r="DT35" s="253">
        <v>19</v>
      </c>
      <c r="DU35" s="257">
        <v>40</v>
      </c>
      <c r="DV35" s="254">
        <v>59</v>
      </c>
      <c r="DW35" s="256">
        <v>0</v>
      </c>
      <c r="DX35" s="257">
        <v>50</v>
      </c>
      <c r="DY35" s="257">
        <v>22</v>
      </c>
      <c r="DZ35" s="257">
        <v>20</v>
      </c>
      <c r="EA35" s="257">
        <v>14</v>
      </c>
      <c r="EB35" s="257">
        <v>15</v>
      </c>
      <c r="EC35" s="254">
        <v>121</v>
      </c>
      <c r="ED35" s="259">
        <v>180</v>
      </c>
      <c r="EE35" s="253">
        <v>2</v>
      </c>
      <c r="EF35" s="257">
        <v>4</v>
      </c>
      <c r="EG35" s="254">
        <v>6</v>
      </c>
      <c r="EH35" s="256">
        <v>0</v>
      </c>
      <c r="EI35" s="257">
        <v>13</v>
      </c>
      <c r="EJ35" s="257">
        <v>18</v>
      </c>
      <c r="EK35" s="257">
        <v>18</v>
      </c>
      <c r="EL35" s="257">
        <v>8</v>
      </c>
      <c r="EM35" s="257">
        <v>8</v>
      </c>
      <c r="EN35" s="254">
        <v>65</v>
      </c>
      <c r="EO35" s="259">
        <v>71</v>
      </c>
      <c r="EP35" s="253">
        <v>33</v>
      </c>
      <c r="EQ35" s="257">
        <v>59</v>
      </c>
      <c r="ER35" s="254">
        <v>92</v>
      </c>
      <c r="ES35" s="256">
        <v>0</v>
      </c>
      <c r="ET35" s="257">
        <v>72</v>
      </c>
      <c r="EU35" s="257">
        <v>30</v>
      </c>
      <c r="EV35" s="257">
        <v>22</v>
      </c>
      <c r="EW35" s="257">
        <v>9</v>
      </c>
      <c r="EX35" s="257">
        <v>11</v>
      </c>
      <c r="EY35" s="254">
        <v>144</v>
      </c>
      <c r="EZ35" s="259">
        <v>236</v>
      </c>
    </row>
    <row r="36" spans="2:156" ht="21" customHeight="1" x14ac:dyDescent="0.2">
      <c r="B36" s="437" t="s">
        <v>34</v>
      </c>
      <c r="C36" s="253">
        <v>0</v>
      </c>
      <c r="D36" s="257">
        <v>0</v>
      </c>
      <c r="E36" s="340">
        <v>0</v>
      </c>
      <c r="F36" s="256">
        <v>0</v>
      </c>
      <c r="G36" s="257">
        <v>17</v>
      </c>
      <c r="H36" s="257">
        <v>9</v>
      </c>
      <c r="I36" s="257">
        <v>3</v>
      </c>
      <c r="J36" s="257">
        <v>5</v>
      </c>
      <c r="K36" s="257">
        <v>3</v>
      </c>
      <c r="L36" s="258">
        <v>37</v>
      </c>
      <c r="M36" s="259">
        <v>37</v>
      </c>
      <c r="N36" s="253">
        <v>0</v>
      </c>
      <c r="O36" s="257">
        <v>0</v>
      </c>
      <c r="P36" s="254">
        <v>0</v>
      </c>
      <c r="Q36" s="256">
        <v>0</v>
      </c>
      <c r="R36" s="257">
        <v>1</v>
      </c>
      <c r="S36" s="257">
        <v>1</v>
      </c>
      <c r="T36" s="257">
        <v>1</v>
      </c>
      <c r="U36" s="257">
        <v>1</v>
      </c>
      <c r="V36" s="257">
        <v>5</v>
      </c>
      <c r="W36" s="254">
        <v>9</v>
      </c>
      <c r="X36" s="259">
        <v>9</v>
      </c>
      <c r="Y36" s="253">
        <v>0</v>
      </c>
      <c r="Z36" s="257">
        <v>8</v>
      </c>
      <c r="AA36" s="254">
        <v>8</v>
      </c>
      <c r="AB36" s="256">
        <v>0</v>
      </c>
      <c r="AC36" s="257">
        <v>19</v>
      </c>
      <c r="AD36" s="257">
        <v>14</v>
      </c>
      <c r="AE36" s="257">
        <v>6</v>
      </c>
      <c r="AF36" s="257">
        <v>7</v>
      </c>
      <c r="AG36" s="257">
        <v>7</v>
      </c>
      <c r="AH36" s="254">
        <v>53</v>
      </c>
      <c r="AI36" s="259">
        <v>61</v>
      </c>
      <c r="AJ36" s="253">
        <v>0</v>
      </c>
      <c r="AK36" s="257">
        <v>1</v>
      </c>
      <c r="AL36" s="254">
        <v>1</v>
      </c>
      <c r="AM36" s="256">
        <v>0</v>
      </c>
      <c r="AN36" s="257">
        <v>6</v>
      </c>
      <c r="AO36" s="257">
        <v>2</v>
      </c>
      <c r="AP36" s="257">
        <v>4</v>
      </c>
      <c r="AQ36" s="257">
        <v>1</v>
      </c>
      <c r="AR36" s="257">
        <v>1</v>
      </c>
      <c r="AS36" s="254">
        <v>14</v>
      </c>
      <c r="AT36" s="259">
        <v>15</v>
      </c>
      <c r="AU36" s="253">
        <v>3</v>
      </c>
      <c r="AV36" s="257">
        <v>6</v>
      </c>
      <c r="AW36" s="254">
        <v>9</v>
      </c>
      <c r="AX36" s="256">
        <v>0</v>
      </c>
      <c r="AY36" s="257">
        <v>31</v>
      </c>
      <c r="AZ36" s="257">
        <v>26</v>
      </c>
      <c r="BA36" s="257">
        <v>14</v>
      </c>
      <c r="BB36" s="257">
        <v>19</v>
      </c>
      <c r="BC36" s="257">
        <v>14</v>
      </c>
      <c r="BD36" s="258">
        <v>104</v>
      </c>
      <c r="BE36" s="259">
        <v>113</v>
      </c>
      <c r="BF36" s="253">
        <v>0</v>
      </c>
      <c r="BG36" s="257">
        <v>0</v>
      </c>
      <c r="BH36" s="254">
        <v>0</v>
      </c>
      <c r="BI36" s="256">
        <v>0</v>
      </c>
      <c r="BJ36" s="257">
        <v>28</v>
      </c>
      <c r="BK36" s="257">
        <v>20</v>
      </c>
      <c r="BL36" s="257">
        <v>13</v>
      </c>
      <c r="BM36" s="257">
        <v>9</v>
      </c>
      <c r="BN36" s="257">
        <v>0</v>
      </c>
      <c r="BO36" s="254">
        <v>70</v>
      </c>
      <c r="BP36" s="259">
        <v>70</v>
      </c>
      <c r="BQ36" s="253">
        <v>1</v>
      </c>
      <c r="BR36" s="257">
        <v>4</v>
      </c>
      <c r="BS36" s="254">
        <v>5</v>
      </c>
      <c r="BT36" s="256">
        <v>0</v>
      </c>
      <c r="BU36" s="257">
        <v>9</v>
      </c>
      <c r="BV36" s="257">
        <v>2</v>
      </c>
      <c r="BW36" s="257">
        <v>3</v>
      </c>
      <c r="BX36" s="257">
        <v>2</v>
      </c>
      <c r="BY36" s="257">
        <v>0</v>
      </c>
      <c r="BZ36" s="254">
        <v>16</v>
      </c>
      <c r="CA36" s="259">
        <v>21</v>
      </c>
      <c r="CB36" s="253">
        <v>0</v>
      </c>
      <c r="CC36" s="257">
        <v>0</v>
      </c>
      <c r="CD36" s="254">
        <v>0</v>
      </c>
      <c r="CE36" s="256">
        <v>0</v>
      </c>
      <c r="CF36" s="257">
        <v>3</v>
      </c>
      <c r="CG36" s="257">
        <v>2</v>
      </c>
      <c r="CH36" s="257">
        <v>3</v>
      </c>
      <c r="CI36" s="257">
        <v>4</v>
      </c>
      <c r="CJ36" s="257">
        <v>2</v>
      </c>
      <c r="CK36" s="254">
        <v>14</v>
      </c>
      <c r="CL36" s="259">
        <v>14</v>
      </c>
      <c r="CM36" s="253">
        <v>0</v>
      </c>
      <c r="CN36" s="257">
        <v>0</v>
      </c>
      <c r="CO36" s="254">
        <v>0</v>
      </c>
      <c r="CP36" s="256">
        <v>0</v>
      </c>
      <c r="CQ36" s="257">
        <v>0</v>
      </c>
      <c r="CR36" s="257">
        <v>1</v>
      </c>
      <c r="CS36" s="257">
        <v>0</v>
      </c>
      <c r="CT36" s="257">
        <v>0</v>
      </c>
      <c r="CU36" s="257">
        <v>1</v>
      </c>
      <c r="CV36" s="254">
        <v>2</v>
      </c>
      <c r="CW36" s="259">
        <v>2</v>
      </c>
      <c r="CX36" s="253">
        <v>0</v>
      </c>
      <c r="CY36" s="257">
        <v>0</v>
      </c>
      <c r="CZ36" s="254">
        <v>0</v>
      </c>
      <c r="DA36" s="256">
        <v>0</v>
      </c>
      <c r="DB36" s="257">
        <v>0</v>
      </c>
      <c r="DC36" s="257">
        <v>0</v>
      </c>
      <c r="DD36" s="257">
        <v>0</v>
      </c>
      <c r="DE36" s="257">
        <v>0</v>
      </c>
      <c r="DF36" s="257">
        <v>0</v>
      </c>
      <c r="DG36" s="254">
        <v>0</v>
      </c>
      <c r="DH36" s="259">
        <v>0</v>
      </c>
      <c r="DI36" s="253">
        <v>0</v>
      </c>
      <c r="DJ36" s="257">
        <v>0</v>
      </c>
      <c r="DK36" s="254">
        <v>0</v>
      </c>
      <c r="DL36" s="256">
        <v>0</v>
      </c>
      <c r="DM36" s="257">
        <v>0</v>
      </c>
      <c r="DN36" s="257">
        <v>0</v>
      </c>
      <c r="DO36" s="257">
        <v>0</v>
      </c>
      <c r="DP36" s="257">
        <v>0</v>
      </c>
      <c r="DQ36" s="257">
        <v>0</v>
      </c>
      <c r="DR36" s="254">
        <v>0</v>
      </c>
      <c r="DS36" s="259">
        <v>0</v>
      </c>
      <c r="DT36" s="253">
        <v>14</v>
      </c>
      <c r="DU36" s="257">
        <v>22</v>
      </c>
      <c r="DV36" s="254">
        <v>36</v>
      </c>
      <c r="DW36" s="256">
        <v>0</v>
      </c>
      <c r="DX36" s="257">
        <v>47</v>
      </c>
      <c r="DY36" s="257">
        <v>50</v>
      </c>
      <c r="DZ36" s="257">
        <v>25</v>
      </c>
      <c r="EA36" s="257">
        <v>20</v>
      </c>
      <c r="EB36" s="257">
        <v>9</v>
      </c>
      <c r="EC36" s="254">
        <v>151</v>
      </c>
      <c r="ED36" s="259">
        <v>187</v>
      </c>
      <c r="EE36" s="253">
        <v>2</v>
      </c>
      <c r="EF36" s="257">
        <v>3</v>
      </c>
      <c r="EG36" s="254">
        <v>5</v>
      </c>
      <c r="EH36" s="256">
        <v>0</v>
      </c>
      <c r="EI36" s="257">
        <v>14</v>
      </c>
      <c r="EJ36" s="257">
        <v>6</v>
      </c>
      <c r="EK36" s="257">
        <v>4</v>
      </c>
      <c r="EL36" s="257">
        <v>8</v>
      </c>
      <c r="EM36" s="257">
        <v>6</v>
      </c>
      <c r="EN36" s="254">
        <v>38</v>
      </c>
      <c r="EO36" s="259">
        <v>43</v>
      </c>
      <c r="EP36" s="253">
        <v>14</v>
      </c>
      <c r="EQ36" s="257">
        <v>26</v>
      </c>
      <c r="ER36" s="254">
        <v>40</v>
      </c>
      <c r="ES36" s="256">
        <v>0</v>
      </c>
      <c r="ET36" s="257">
        <v>75</v>
      </c>
      <c r="EU36" s="257">
        <v>50</v>
      </c>
      <c r="EV36" s="257">
        <v>27</v>
      </c>
      <c r="EW36" s="257">
        <v>19</v>
      </c>
      <c r="EX36" s="257">
        <v>8</v>
      </c>
      <c r="EY36" s="254">
        <v>179</v>
      </c>
      <c r="EZ36" s="259">
        <v>219</v>
      </c>
    </row>
    <row r="37" spans="2:156" ht="21" customHeight="1" x14ac:dyDescent="0.2">
      <c r="B37" s="437" t="s">
        <v>35</v>
      </c>
      <c r="C37" s="253">
        <v>0</v>
      </c>
      <c r="D37" s="257">
        <v>0</v>
      </c>
      <c r="E37" s="340">
        <v>0</v>
      </c>
      <c r="F37" s="256">
        <v>0</v>
      </c>
      <c r="G37" s="257">
        <v>103</v>
      </c>
      <c r="H37" s="257">
        <v>50</v>
      </c>
      <c r="I37" s="257">
        <v>47</v>
      </c>
      <c r="J37" s="257">
        <v>33</v>
      </c>
      <c r="K37" s="257">
        <v>15</v>
      </c>
      <c r="L37" s="258">
        <v>248</v>
      </c>
      <c r="M37" s="259">
        <v>248</v>
      </c>
      <c r="N37" s="253">
        <v>0</v>
      </c>
      <c r="O37" s="257">
        <v>0</v>
      </c>
      <c r="P37" s="254">
        <v>0</v>
      </c>
      <c r="Q37" s="256">
        <v>0</v>
      </c>
      <c r="R37" s="257">
        <v>0</v>
      </c>
      <c r="S37" s="257">
        <v>4</v>
      </c>
      <c r="T37" s="257">
        <v>4</v>
      </c>
      <c r="U37" s="257">
        <v>12</v>
      </c>
      <c r="V37" s="257">
        <v>7</v>
      </c>
      <c r="W37" s="254">
        <v>27</v>
      </c>
      <c r="X37" s="259">
        <v>27</v>
      </c>
      <c r="Y37" s="253">
        <v>3</v>
      </c>
      <c r="Z37" s="257">
        <v>10</v>
      </c>
      <c r="AA37" s="254">
        <v>13</v>
      </c>
      <c r="AB37" s="256">
        <v>0</v>
      </c>
      <c r="AC37" s="257">
        <v>51</v>
      </c>
      <c r="AD37" s="257">
        <v>36</v>
      </c>
      <c r="AE37" s="257">
        <v>33</v>
      </c>
      <c r="AF37" s="257">
        <v>26</v>
      </c>
      <c r="AG37" s="257">
        <v>17</v>
      </c>
      <c r="AH37" s="254">
        <v>163</v>
      </c>
      <c r="AI37" s="259">
        <v>176</v>
      </c>
      <c r="AJ37" s="253">
        <v>6</v>
      </c>
      <c r="AK37" s="257">
        <v>9</v>
      </c>
      <c r="AL37" s="254">
        <v>15</v>
      </c>
      <c r="AM37" s="256">
        <v>0</v>
      </c>
      <c r="AN37" s="257">
        <v>21</v>
      </c>
      <c r="AO37" s="257">
        <v>15</v>
      </c>
      <c r="AP37" s="257">
        <v>8</v>
      </c>
      <c r="AQ37" s="257">
        <v>10</v>
      </c>
      <c r="AR37" s="257">
        <v>5</v>
      </c>
      <c r="AS37" s="254">
        <v>59</v>
      </c>
      <c r="AT37" s="259">
        <v>74</v>
      </c>
      <c r="AU37" s="253">
        <v>19</v>
      </c>
      <c r="AV37" s="257">
        <v>24</v>
      </c>
      <c r="AW37" s="254">
        <v>43</v>
      </c>
      <c r="AX37" s="256">
        <v>0</v>
      </c>
      <c r="AY37" s="257">
        <v>107</v>
      </c>
      <c r="AZ37" s="257">
        <v>67</v>
      </c>
      <c r="BA37" s="257">
        <v>90</v>
      </c>
      <c r="BB37" s="257">
        <v>84</v>
      </c>
      <c r="BC37" s="257">
        <v>42</v>
      </c>
      <c r="BD37" s="258">
        <v>390</v>
      </c>
      <c r="BE37" s="259">
        <v>433</v>
      </c>
      <c r="BF37" s="253">
        <v>0</v>
      </c>
      <c r="BG37" s="257">
        <v>0</v>
      </c>
      <c r="BH37" s="254">
        <v>0</v>
      </c>
      <c r="BI37" s="256">
        <v>0</v>
      </c>
      <c r="BJ37" s="257">
        <v>140</v>
      </c>
      <c r="BK37" s="257">
        <v>73</v>
      </c>
      <c r="BL37" s="257">
        <v>57</v>
      </c>
      <c r="BM37" s="257">
        <v>27</v>
      </c>
      <c r="BN37" s="257">
        <v>19</v>
      </c>
      <c r="BO37" s="254">
        <v>316</v>
      </c>
      <c r="BP37" s="259">
        <v>316</v>
      </c>
      <c r="BQ37" s="253">
        <v>8</v>
      </c>
      <c r="BR37" s="257">
        <v>19</v>
      </c>
      <c r="BS37" s="254">
        <v>27</v>
      </c>
      <c r="BT37" s="256">
        <v>0</v>
      </c>
      <c r="BU37" s="257">
        <v>61</v>
      </c>
      <c r="BV37" s="257">
        <v>29</v>
      </c>
      <c r="BW37" s="257">
        <v>15</v>
      </c>
      <c r="BX37" s="257">
        <v>13</v>
      </c>
      <c r="BY37" s="257">
        <v>1</v>
      </c>
      <c r="BZ37" s="254">
        <v>119</v>
      </c>
      <c r="CA37" s="259">
        <v>146</v>
      </c>
      <c r="CB37" s="253">
        <v>1</v>
      </c>
      <c r="CC37" s="257">
        <v>0</v>
      </c>
      <c r="CD37" s="254">
        <v>1</v>
      </c>
      <c r="CE37" s="256">
        <v>0</v>
      </c>
      <c r="CF37" s="257">
        <v>11</v>
      </c>
      <c r="CG37" s="257">
        <v>8</v>
      </c>
      <c r="CH37" s="257">
        <v>10</v>
      </c>
      <c r="CI37" s="257">
        <v>9</v>
      </c>
      <c r="CJ37" s="257">
        <v>2</v>
      </c>
      <c r="CK37" s="254">
        <v>40</v>
      </c>
      <c r="CL37" s="259">
        <v>41</v>
      </c>
      <c r="CM37" s="253">
        <v>0</v>
      </c>
      <c r="CN37" s="257">
        <v>0</v>
      </c>
      <c r="CO37" s="254">
        <v>0</v>
      </c>
      <c r="CP37" s="256">
        <v>0</v>
      </c>
      <c r="CQ37" s="257">
        <v>1</v>
      </c>
      <c r="CR37" s="257">
        <v>2</v>
      </c>
      <c r="CS37" s="257">
        <v>1</v>
      </c>
      <c r="CT37" s="257">
        <v>2</v>
      </c>
      <c r="CU37" s="257">
        <v>1</v>
      </c>
      <c r="CV37" s="254">
        <v>7</v>
      </c>
      <c r="CW37" s="259">
        <v>7</v>
      </c>
      <c r="CX37" s="253">
        <v>0</v>
      </c>
      <c r="CY37" s="257">
        <v>0</v>
      </c>
      <c r="CZ37" s="254">
        <v>0</v>
      </c>
      <c r="DA37" s="256">
        <v>0</v>
      </c>
      <c r="DB37" s="257">
        <v>0</v>
      </c>
      <c r="DC37" s="257">
        <v>0</v>
      </c>
      <c r="DD37" s="257">
        <v>0</v>
      </c>
      <c r="DE37" s="257">
        <v>0</v>
      </c>
      <c r="DF37" s="257">
        <v>0</v>
      </c>
      <c r="DG37" s="254">
        <v>0</v>
      </c>
      <c r="DH37" s="259">
        <v>0</v>
      </c>
      <c r="DI37" s="253">
        <v>0</v>
      </c>
      <c r="DJ37" s="257">
        <v>0</v>
      </c>
      <c r="DK37" s="254">
        <v>0</v>
      </c>
      <c r="DL37" s="256">
        <v>0</v>
      </c>
      <c r="DM37" s="257">
        <v>0</v>
      </c>
      <c r="DN37" s="257">
        <v>0</v>
      </c>
      <c r="DO37" s="257">
        <v>0</v>
      </c>
      <c r="DP37" s="257">
        <v>0</v>
      </c>
      <c r="DQ37" s="257">
        <v>0</v>
      </c>
      <c r="DR37" s="254">
        <v>0</v>
      </c>
      <c r="DS37" s="259">
        <v>0</v>
      </c>
      <c r="DT37" s="253">
        <v>51</v>
      </c>
      <c r="DU37" s="257">
        <v>88</v>
      </c>
      <c r="DV37" s="254">
        <v>139</v>
      </c>
      <c r="DW37" s="256">
        <v>0</v>
      </c>
      <c r="DX37" s="257">
        <v>190</v>
      </c>
      <c r="DY37" s="257">
        <v>128</v>
      </c>
      <c r="DZ37" s="257">
        <v>99</v>
      </c>
      <c r="EA37" s="257">
        <v>66</v>
      </c>
      <c r="EB37" s="257">
        <v>39</v>
      </c>
      <c r="EC37" s="254">
        <v>522</v>
      </c>
      <c r="ED37" s="259">
        <v>661</v>
      </c>
      <c r="EE37" s="253">
        <v>16</v>
      </c>
      <c r="EF37" s="257">
        <v>14</v>
      </c>
      <c r="EG37" s="254">
        <v>30</v>
      </c>
      <c r="EH37" s="256">
        <v>0</v>
      </c>
      <c r="EI37" s="257">
        <v>44</v>
      </c>
      <c r="EJ37" s="257">
        <v>14</v>
      </c>
      <c r="EK37" s="257">
        <v>25</v>
      </c>
      <c r="EL37" s="257">
        <v>30</v>
      </c>
      <c r="EM37" s="257">
        <v>7</v>
      </c>
      <c r="EN37" s="254">
        <v>120</v>
      </c>
      <c r="EO37" s="259">
        <v>150</v>
      </c>
      <c r="EP37" s="253">
        <v>64</v>
      </c>
      <c r="EQ37" s="257">
        <v>110</v>
      </c>
      <c r="ER37" s="254">
        <v>174</v>
      </c>
      <c r="ES37" s="256">
        <v>0</v>
      </c>
      <c r="ET37" s="257">
        <v>309</v>
      </c>
      <c r="EU37" s="257">
        <v>161</v>
      </c>
      <c r="EV37" s="257">
        <v>112</v>
      </c>
      <c r="EW37" s="257">
        <v>74</v>
      </c>
      <c r="EX37" s="257">
        <v>39</v>
      </c>
      <c r="EY37" s="254">
        <v>695</v>
      </c>
      <c r="EZ37" s="259">
        <v>869</v>
      </c>
    </row>
    <row r="38" spans="2:156" ht="21" customHeight="1" x14ac:dyDescent="0.2">
      <c r="B38" s="437" t="s">
        <v>36</v>
      </c>
      <c r="C38" s="253">
        <v>0</v>
      </c>
      <c r="D38" s="257">
        <v>0</v>
      </c>
      <c r="E38" s="340">
        <v>0</v>
      </c>
      <c r="F38" s="256">
        <v>0</v>
      </c>
      <c r="G38" s="257">
        <v>59</v>
      </c>
      <c r="H38" s="257">
        <v>66</v>
      </c>
      <c r="I38" s="257">
        <v>40</v>
      </c>
      <c r="J38" s="257">
        <v>31</v>
      </c>
      <c r="K38" s="257">
        <v>39</v>
      </c>
      <c r="L38" s="258">
        <v>235</v>
      </c>
      <c r="M38" s="259">
        <v>235</v>
      </c>
      <c r="N38" s="253">
        <v>0</v>
      </c>
      <c r="O38" s="257">
        <v>1</v>
      </c>
      <c r="P38" s="254">
        <v>1</v>
      </c>
      <c r="Q38" s="256">
        <v>0</v>
      </c>
      <c r="R38" s="257">
        <v>2</v>
      </c>
      <c r="S38" s="257">
        <v>3</v>
      </c>
      <c r="T38" s="257">
        <v>7</v>
      </c>
      <c r="U38" s="257">
        <v>10</v>
      </c>
      <c r="V38" s="257">
        <v>12</v>
      </c>
      <c r="W38" s="254">
        <v>34</v>
      </c>
      <c r="X38" s="259">
        <v>35</v>
      </c>
      <c r="Y38" s="253">
        <v>8</v>
      </c>
      <c r="Z38" s="257">
        <v>24</v>
      </c>
      <c r="AA38" s="254">
        <v>32</v>
      </c>
      <c r="AB38" s="256">
        <v>0</v>
      </c>
      <c r="AC38" s="257">
        <v>49</v>
      </c>
      <c r="AD38" s="257">
        <v>56</v>
      </c>
      <c r="AE38" s="257">
        <v>36</v>
      </c>
      <c r="AF38" s="257">
        <v>31</v>
      </c>
      <c r="AG38" s="257">
        <v>33</v>
      </c>
      <c r="AH38" s="254">
        <v>205</v>
      </c>
      <c r="AI38" s="259">
        <v>237</v>
      </c>
      <c r="AJ38" s="253">
        <v>3</v>
      </c>
      <c r="AK38" s="257">
        <v>10</v>
      </c>
      <c r="AL38" s="254">
        <v>13</v>
      </c>
      <c r="AM38" s="256">
        <v>0</v>
      </c>
      <c r="AN38" s="257">
        <v>20</v>
      </c>
      <c r="AO38" s="257">
        <v>20</v>
      </c>
      <c r="AP38" s="257">
        <v>5</v>
      </c>
      <c r="AQ38" s="257">
        <v>11</v>
      </c>
      <c r="AR38" s="257">
        <v>7</v>
      </c>
      <c r="AS38" s="254">
        <v>63</v>
      </c>
      <c r="AT38" s="259">
        <v>76</v>
      </c>
      <c r="AU38" s="253">
        <v>5</v>
      </c>
      <c r="AV38" s="257">
        <v>5</v>
      </c>
      <c r="AW38" s="254">
        <v>10</v>
      </c>
      <c r="AX38" s="256">
        <v>0</v>
      </c>
      <c r="AY38" s="257">
        <v>43</v>
      </c>
      <c r="AZ38" s="257">
        <v>70</v>
      </c>
      <c r="BA38" s="257">
        <v>70</v>
      </c>
      <c r="BB38" s="257">
        <v>48</v>
      </c>
      <c r="BC38" s="257">
        <v>55</v>
      </c>
      <c r="BD38" s="258">
        <v>286</v>
      </c>
      <c r="BE38" s="259">
        <v>296</v>
      </c>
      <c r="BF38" s="253">
        <v>0</v>
      </c>
      <c r="BG38" s="257">
        <v>0</v>
      </c>
      <c r="BH38" s="254">
        <v>0</v>
      </c>
      <c r="BI38" s="256">
        <v>0</v>
      </c>
      <c r="BJ38" s="257">
        <v>81</v>
      </c>
      <c r="BK38" s="257">
        <v>99</v>
      </c>
      <c r="BL38" s="257">
        <v>43</v>
      </c>
      <c r="BM38" s="257">
        <v>30</v>
      </c>
      <c r="BN38" s="257">
        <v>13</v>
      </c>
      <c r="BO38" s="254">
        <v>266</v>
      </c>
      <c r="BP38" s="259">
        <v>266</v>
      </c>
      <c r="BQ38" s="253">
        <v>7</v>
      </c>
      <c r="BR38" s="257">
        <v>6</v>
      </c>
      <c r="BS38" s="254">
        <v>13</v>
      </c>
      <c r="BT38" s="256">
        <v>0</v>
      </c>
      <c r="BU38" s="257">
        <v>26</v>
      </c>
      <c r="BV38" s="257">
        <v>32</v>
      </c>
      <c r="BW38" s="257">
        <v>18</v>
      </c>
      <c r="BX38" s="257">
        <v>6</v>
      </c>
      <c r="BY38" s="257">
        <v>4</v>
      </c>
      <c r="BZ38" s="254">
        <v>86</v>
      </c>
      <c r="CA38" s="259">
        <v>99</v>
      </c>
      <c r="CB38" s="253">
        <v>0</v>
      </c>
      <c r="CC38" s="257">
        <v>0</v>
      </c>
      <c r="CD38" s="254">
        <v>0</v>
      </c>
      <c r="CE38" s="256">
        <v>0</v>
      </c>
      <c r="CF38" s="257">
        <v>9</v>
      </c>
      <c r="CG38" s="257">
        <v>24</v>
      </c>
      <c r="CH38" s="257">
        <v>22</v>
      </c>
      <c r="CI38" s="257">
        <v>21</v>
      </c>
      <c r="CJ38" s="257">
        <v>16</v>
      </c>
      <c r="CK38" s="254">
        <v>92</v>
      </c>
      <c r="CL38" s="259">
        <v>92</v>
      </c>
      <c r="CM38" s="253">
        <v>0</v>
      </c>
      <c r="CN38" s="257">
        <v>0</v>
      </c>
      <c r="CO38" s="254">
        <v>0</v>
      </c>
      <c r="CP38" s="256">
        <v>0</v>
      </c>
      <c r="CQ38" s="257">
        <v>2</v>
      </c>
      <c r="CR38" s="257">
        <v>1</v>
      </c>
      <c r="CS38" s="257">
        <v>0</v>
      </c>
      <c r="CT38" s="257">
        <v>1</v>
      </c>
      <c r="CU38" s="257">
        <v>0</v>
      </c>
      <c r="CV38" s="254">
        <v>4</v>
      </c>
      <c r="CW38" s="259">
        <v>4</v>
      </c>
      <c r="CX38" s="253">
        <v>0</v>
      </c>
      <c r="CY38" s="257">
        <v>0</v>
      </c>
      <c r="CZ38" s="254">
        <v>0</v>
      </c>
      <c r="DA38" s="256">
        <v>0</v>
      </c>
      <c r="DB38" s="257">
        <v>0</v>
      </c>
      <c r="DC38" s="257">
        <v>0</v>
      </c>
      <c r="DD38" s="257">
        <v>0</v>
      </c>
      <c r="DE38" s="257">
        <v>0</v>
      </c>
      <c r="DF38" s="257">
        <v>0</v>
      </c>
      <c r="DG38" s="254">
        <v>0</v>
      </c>
      <c r="DH38" s="259">
        <v>0</v>
      </c>
      <c r="DI38" s="253">
        <v>0</v>
      </c>
      <c r="DJ38" s="257">
        <v>0</v>
      </c>
      <c r="DK38" s="254">
        <v>0</v>
      </c>
      <c r="DL38" s="256">
        <v>0</v>
      </c>
      <c r="DM38" s="257">
        <v>0</v>
      </c>
      <c r="DN38" s="257">
        <v>0</v>
      </c>
      <c r="DO38" s="257">
        <v>0</v>
      </c>
      <c r="DP38" s="257">
        <v>0</v>
      </c>
      <c r="DQ38" s="257">
        <v>0</v>
      </c>
      <c r="DR38" s="254">
        <v>0</v>
      </c>
      <c r="DS38" s="259">
        <v>0</v>
      </c>
      <c r="DT38" s="253">
        <v>34</v>
      </c>
      <c r="DU38" s="257">
        <v>107</v>
      </c>
      <c r="DV38" s="254">
        <v>141</v>
      </c>
      <c r="DW38" s="256">
        <v>0</v>
      </c>
      <c r="DX38" s="257">
        <v>171</v>
      </c>
      <c r="DY38" s="257">
        <v>195</v>
      </c>
      <c r="DZ38" s="257">
        <v>107</v>
      </c>
      <c r="EA38" s="257">
        <v>78</v>
      </c>
      <c r="EB38" s="257">
        <v>60</v>
      </c>
      <c r="EC38" s="254">
        <v>611</v>
      </c>
      <c r="ED38" s="259">
        <v>752</v>
      </c>
      <c r="EE38" s="253">
        <v>3</v>
      </c>
      <c r="EF38" s="257">
        <v>1</v>
      </c>
      <c r="EG38" s="254">
        <v>4</v>
      </c>
      <c r="EH38" s="256">
        <v>0</v>
      </c>
      <c r="EI38" s="257">
        <v>16</v>
      </c>
      <c r="EJ38" s="257">
        <v>12</v>
      </c>
      <c r="EK38" s="257">
        <v>14</v>
      </c>
      <c r="EL38" s="257">
        <v>7</v>
      </c>
      <c r="EM38" s="257">
        <v>3</v>
      </c>
      <c r="EN38" s="254">
        <v>52</v>
      </c>
      <c r="EO38" s="259">
        <v>56</v>
      </c>
      <c r="EP38" s="253">
        <v>44</v>
      </c>
      <c r="EQ38" s="257">
        <v>129</v>
      </c>
      <c r="ER38" s="254">
        <v>173</v>
      </c>
      <c r="ES38" s="256">
        <v>0</v>
      </c>
      <c r="ET38" s="257">
        <v>273</v>
      </c>
      <c r="EU38" s="257">
        <v>255</v>
      </c>
      <c r="EV38" s="257">
        <v>136</v>
      </c>
      <c r="EW38" s="257">
        <v>88</v>
      </c>
      <c r="EX38" s="257">
        <v>72</v>
      </c>
      <c r="EY38" s="254">
        <v>824</v>
      </c>
      <c r="EZ38" s="259">
        <v>997</v>
      </c>
    </row>
    <row r="39" spans="2:156" ht="21" customHeight="1" thickBot="1" x14ac:dyDescent="0.25">
      <c r="B39" s="438" t="s">
        <v>37</v>
      </c>
      <c r="C39" s="260">
        <v>0</v>
      </c>
      <c r="D39" s="264">
        <v>0</v>
      </c>
      <c r="E39" s="341">
        <v>0</v>
      </c>
      <c r="F39" s="263">
        <v>0</v>
      </c>
      <c r="G39" s="264">
        <v>6</v>
      </c>
      <c r="H39" s="264">
        <v>5</v>
      </c>
      <c r="I39" s="264">
        <v>3</v>
      </c>
      <c r="J39" s="264">
        <v>2</v>
      </c>
      <c r="K39" s="264">
        <v>4</v>
      </c>
      <c r="L39" s="265">
        <v>20</v>
      </c>
      <c r="M39" s="266">
        <v>20</v>
      </c>
      <c r="N39" s="260">
        <v>0</v>
      </c>
      <c r="O39" s="264">
        <v>0</v>
      </c>
      <c r="P39" s="261">
        <v>0</v>
      </c>
      <c r="Q39" s="263">
        <v>0</v>
      </c>
      <c r="R39" s="264">
        <v>0</v>
      </c>
      <c r="S39" s="264">
        <v>0</v>
      </c>
      <c r="T39" s="264">
        <v>0</v>
      </c>
      <c r="U39" s="264">
        <v>0</v>
      </c>
      <c r="V39" s="264">
        <v>0</v>
      </c>
      <c r="W39" s="261">
        <v>0</v>
      </c>
      <c r="X39" s="266">
        <v>0</v>
      </c>
      <c r="Y39" s="260">
        <v>3</v>
      </c>
      <c r="Z39" s="264">
        <v>0</v>
      </c>
      <c r="AA39" s="261">
        <v>3</v>
      </c>
      <c r="AB39" s="263">
        <v>0</v>
      </c>
      <c r="AC39" s="264">
        <v>6</v>
      </c>
      <c r="AD39" s="264">
        <v>4</v>
      </c>
      <c r="AE39" s="264">
        <v>1</v>
      </c>
      <c r="AF39" s="264">
        <v>6</v>
      </c>
      <c r="AG39" s="264">
        <v>2</v>
      </c>
      <c r="AH39" s="261">
        <v>19</v>
      </c>
      <c r="AI39" s="266">
        <v>22</v>
      </c>
      <c r="AJ39" s="260">
        <v>0</v>
      </c>
      <c r="AK39" s="264">
        <v>0</v>
      </c>
      <c r="AL39" s="261">
        <v>0</v>
      </c>
      <c r="AM39" s="263">
        <v>0</v>
      </c>
      <c r="AN39" s="264">
        <v>0</v>
      </c>
      <c r="AO39" s="264">
        <v>1</v>
      </c>
      <c r="AP39" s="264">
        <v>0</v>
      </c>
      <c r="AQ39" s="264">
        <v>1</v>
      </c>
      <c r="AR39" s="264">
        <v>1</v>
      </c>
      <c r="AS39" s="261">
        <v>3</v>
      </c>
      <c r="AT39" s="266">
        <v>3</v>
      </c>
      <c r="AU39" s="260">
        <v>3</v>
      </c>
      <c r="AV39" s="264">
        <v>0</v>
      </c>
      <c r="AW39" s="261">
        <v>3</v>
      </c>
      <c r="AX39" s="263">
        <v>0</v>
      </c>
      <c r="AY39" s="264">
        <v>4</v>
      </c>
      <c r="AZ39" s="264">
        <v>1</v>
      </c>
      <c r="BA39" s="264">
        <v>5</v>
      </c>
      <c r="BB39" s="264">
        <v>9</v>
      </c>
      <c r="BC39" s="264">
        <v>4</v>
      </c>
      <c r="BD39" s="265">
        <v>23</v>
      </c>
      <c r="BE39" s="266">
        <v>26</v>
      </c>
      <c r="BF39" s="260">
        <v>0</v>
      </c>
      <c r="BG39" s="264">
        <v>0</v>
      </c>
      <c r="BH39" s="261">
        <v>0</v>
      </c>
      <c r="BI39" s="263">
        <v>0</v>
      </c>
      <c r="BJ39" s="264">
        <v>8</v>
      </c>
      <c r="BK39" s="264">
        <v>4</v>
      </c>
      <c r="BL39" s="264">
        <v>6</v>
      </c>
      <c r="BM39" s="264">
        <v>6</v>
      </c>
      <c r="BN39" s="264">
        <v>1</v>
      </c>
      <c r="BO39" s="261">
        <v>25</v>
      </c>
      <c r="BP39" s="266">
        <v>25</v>
      </c>
      <c r="BQ39" s="260">
        <v>3</v>
      </c>
      <c r="BR39" s="264">
        <v>0</v>
      </c>
      <c r="BS39" s="261">
        <v>3</v>
      </c>
      <c r="BT39" s="263">
        <v>0</v>
      </c>
      <c r="BU39" s="264">
        <v>7</v>
      </c>
      <c r="BV39" s="264">
        <v>4</v>
      </c>
      <c r="BW39" s="264">
        <v>1</v>
      </c>
      <c r="BX39" s="264">
        <v>2</v>
      </c>
      <c r="BY39" s="264">
        <v>2</v>
      </c>
      <c r="BZ39" s="261">
        <v>16</v>
      </c>
      <c r="CA39" s="266">
        <v>19</v>
      </c>
      <c r="CB39" s="260">
        <v>0</v>
      </c>
      <c r="CC39" s="264">
        <v>0</v>
      </c>
      <c r="CD39" s="261">
        <v>0</v>
      </c>
      <c r="CE39" s="263">
        <v>0</v>
      </c>
      <c r="CF39" s="264">
        <v>0</v>
      </c>
      <c r="CG39" s="264">
        <v>2</v>
      </c>
      <c r="CH39" s="264">
        <v>2</v>
      </c>
      <c r="CI39" s="264">
        <v>2</v>
      </c>
      <c r="CJ39" s="264">
        <v>0</v>
      </c>
      <c r="CK39" s="261">
        <v>6</v>
      </c>
      <c r="CL39" s="266">
        <v>6</v>
      </c>
      <c r="CM39" s="260">
        <v>0</v>
      </c>
      <c r="CN39" s="264">
        <v>0</v>
      </c>
      <c r="CO39" s="261">
        <v>0</v>
      </c>
      <c r="CP39" s="263">
        <v>0</v>
      </c>
      <c r="CQ39" s="264">
        <v>0</v>
      </c>
      <c r="CR39" s="264">
        <v>0</v>
      </c>
      <c r="CS39" s="264">
        <v>0</v>
      </c>
      <c r="CT39" s="264">
        <v>1</v>
      </c>
      <c r="CU39" s="264">
        <v>1</v>
      </c>
      <c r="CV39" s="261">
        <v>2</v>
      </c>
      <c r="CW39" s="266">
        <v>2</v>
      </c>
      <c r="CX39" s="260">
        <v>0</v>
      </c>
      <c r="CY39" s="264">
        <v>0</v>
      </c>
      <c r="CZ39" s="261">
        <v>0</v>
      </c>
      <c r="DA39" s="263">
        <v>0</v>
      </c>
      <c r="DB39" s="264">
        <v>0</v>
      </c>
      <c r="DC39" s="264">
        <v>0</v>
      </c>
      <c r="DD39" s="264">
        <v>0</v>
      </c>
      <c r="DE39" s="264">
        <v>0</v>
      </c>
      <c r="DF39" s="264">
        <v>0</v>
      </c>
      <c r="DG39" s="261">
        <v>0</v>
      </c>
      <c r="DH39" s="266">
        <v>0</v>
      </c>
      <c r="DI39" s="260">
        <v>0</v>
      </c>
      <c r="DJ39" s="264">
        <v>0</v>
      </c>
      <c r="DK39" s="261">
        <v>0</v>
      </c>
      <c r="DL39" s="263">
        <v>0</v>
      </c>
      <c r="DM39" s="264">
        <v>0</v>
      </c>
      <c r="DN39" s="264">
        <v>0</v>
      </c>
      <c r="DO39" s="264">
        <v>0</v>
      </c>
      <c r="DP39" s="264">
        <v>0</v>
      </c>
      <c r="DQ39" s="264">
        <v>0</v>
      </c>
      <c r="DR39" s="261">
        <v>0</v>
      </c>
      <c r="DS39" s="266">
        <v>0</v>
      </c>
      <c r="DT39" s="260">
        <v>15</v>
      </c>
      <c r="DU39" s="264">
        <v>1</v>
      </c>
      <c r="DV39" s="261">
        <v>16</v>
      </c>
      <c r="DW39" s="263">
        <v>0</v>
      </c>
      <c r="DX39" s="264">
        <v>20</v>
      </c>
      <c r="DY39" s="264">
        <v>16</v>
      </c>
      <c r="DZ39" s="264">
        <v>9</v>
      </c>
      <c r="EA39" s="264">
        <v>9</v>
      </c>
      <c r="EB39" s="264">
        <v>6</v>
      </c>
      <c r="EC39" s="261">
        <v>60</v>
      </c>
      <c r="ED39" s="266">
        <v>76</v>
      </c>
      <c r="EE39" s="260">
        <v>0</v>
      </c>
      <c r="EF39" s="264">
        <v>0</v>
      </c>
      <c r="EG39" s="261">
        <v>0</v>
      </c>
      <c r="EH39" s="263">
        <v>0</v>
      </c>
      <c r="EI39" s="264">
        <v>0</v>
      </c>
      <c r="EJ39" s="264">
        <v>0</v>
      </c>
      <c r="EK39" s="264">
        <v>0</v>
      </c>
      <c r="EL39" s="264">
        <v>1</v>
      </c>
      <c r="EM39" s="264">
        <v>0</v>
      </c>
      <c r="EN39" s="261">
        <v>1</v>
      </c>
      <c r="EO39" s="266">
        <v>1</v>
      </c>
      <c r="EP39" s="260">
        <v>20</v>
      </c>
      <c r="EQ39" s="264">
        <v>1</v>
      </c>
      <c r="ER39" s="261">
        <v>21</v>
      </c>
      <c r="ES39" s="263">
        <v>0</v>
      </c>
      <c r="ET39" s="264">
        <v>29</v>
      </c>
      <c r="EU39" s="264">
        <v>19</v>
      </c>
      <c r="EV39" s="264">
        <v>13</v>
      </c>
      <c r="EW39" s="264">
        <v>10</v>
      </c>
      <c r="EX39" s="264">
        <v>6</v>
      </c>
      <c r="EY39" s="261">
        <v>77</v>
      </c>
      <c r="EZ39" s="266">
        <v>98</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38" customWidth="1"/>
    <col min="2" max="2" width="9.77734375" style="238" customWidth="1"/>
    <col min="3" max="4" width="9" style="238"/>
    <col min="5" max="5" width="10.33203125" style="238" customWidth="1"/>
    <col min="6" max="6" width="7.6640625" style="238" customWidth="1"/>
    <col min="7" max="7" width="10.21875" style="238" customWidth="1"/>
    <col min="8" max="8" width="10.44140625" style="238" customWidth="1"/>
    <col min="9" max="16" width="9" style="238"/>
    <col min="17" max="17" width="7.21875" style="238" customWidth="1"/>
    <col min="18" max="27" width="9" style="238"/>
    <col min="28" max="28" width="7.6640625" style="238" customWidth="1"/>
    <col min="29" max="38" width="9" style="238"/>
    <col min="39" max="39" width="7.6640625" style="238" customWidth="1"/>
    <col min="40" max="49" width="9" style="238"/>
    <col min="50" max="50" width="7.21875" style="238" customWidth="1"/>
    <col min="51" max="60" width="9" style="238"/>
    <col min="61" max="61" width="7.21875" style="238" customWidth="1"/>
    <col min="62" max="71" width="9" style="238"/>
    <col min="72" max="72" width="7.33203125" style="238" customWidth="1"/>
    <col min="73" max="82" width="9" style="238"/>
    <col min="83" max="83" width="7.44140625" style="238" customWidth="1"/>
    <col min="84" max="93" width="9" style="238"/>
    <col min="94" max="94" width="7.6640625" style="238" customWidth="1"/>
    <col min="95" max="104" width="9" style="238"/>
    <col min="105" max="105" width="7.44140625" style="238" customWidth="1"/>
    <col min="106" max="115" width="9" style="238"/>
    <col min="116" max="116" width="7.44140625" style="238" customWidth="1"/>
    <col min="117" max="126" width="9" style="238"/>
    <col min="127" max="127" width="7.44140625" style="238" customWidth="1"/>
    <col min="128" max="137" width="9" style="238"/>
    <col min="138" max="138" width="7.33203125" style="238" customWidth="1"/>
    <col min="139" max="148" width="9" style="238"/>
    <col min="149" max="149" width="7.77734375" style="238" customWidth="1"/>
    <col min="150" max="16384" width="9" style="238"/>
  </cols>
  <sheetData>
    <row r="1" spans="2:156" ht="24" customHeight="1" x14ac:dyDescent="0.2">
      <c r="B1" s="267" t="s">
        <v>121</v>
      </c>
      <c r="I1" s="495">
        <f>第１表!F2</f>
        <v>6</v>
      </c>
      <c r="J1" s="495"/>
      <c r="K1" s="231">
        <f>第１表!G2</f>
        <v>2</v>
      </c>
      <c r="L1" s="499">
        <f>IF(K1&lt;3,K1+12-2,K1-2)</f>
        <v>12</v>
      </c>
      <c r="M1" s="499"/>
    </row>
    <row r="2" spans="2:156" ht="24" customHeight="1" thickBot="1" x14ac:dyDescent="0.25">
      <c r="B2" s="267" t="s">
        <v>129</v>
      </c>
      <c r="G2" s="230"/>
      <c r="H2" s="231"/>
      <c r="J2" s="294"/>
      <c r="K2" s="294"/>
    </row>
    <row r="3" spans="2:156" ht="21" customHeight="1" thickBot="1" x14ac:dyDescent="0.25">
      <c r="B3" s="512"/>
      <c r="C3" s="503" t="s">
        <v>70</v>
      </c>
      <c r="D3" s="504"/>
      <c r="E3" s="504"/>
      <c r="F3" s="504"/>
      <c r="G3" s="504"/>
      <c r="H3" s="504"/>
      <c r="I3" s="504"/>
      <c r="J3" s="504"/>
      <c r="K3" s="504"/>
      <c r="L3" s="504"/>
      <c r="M3" s="505"/>
      <c r="N3" s="503" t="s">
        <v>71</v>
      </c>
      <c r="O3" s="504"/>
      <c r="P3" s="504"/>
      <c r="Q3" s="504"/>
      <c r="R3" s="504"/>
      <c r="S3" s="504"/>
      <c r="T3" s="504"/>
      <c r="U3" s="504"/>
      <c r="V3" s="504"/>
      <c r="W3" s="504"/>
      <c r="X3" s="505"/>
      <c r="Y3" s="503" t="s">
        <v>72</v>
      </c>
      <c r="Z3" s="504"/>
      <c r="AA3" s="504"/>
      <c r="AB3" s="504"/>
      <c r="AC3" s="504"/>
      <c r="AD3" s="504"/>
      <c r="AE3" s="504"/>
      <c r="AF3" s="504"/>
      <c r="AG3" s="504"/>
      <c r="AH3" s="504"/>
      <c r="AI3" s="505"/>
      <c r="AJ3" s="503" t="s">
        <v>73</v>
      </c>
      <c r="AK3" s="504"/>
      <c r="AL3" s="504"/>
      <c r="AM3" s="504"/>
      <c r="AN3" s="504"/>
      <c r="AO3" s="504"/>
      <c r="AP3" s="504"/>
      <c r="AQ3" s="504"/>
      <c r="AR3" s="504"/>
      <c r="AS3" s="504"/>
      <c r="AT3" s="505"/>
      <c r="AU3" s="503" t="s">
        <v>74</v>
      </c>
      <c r="AV3" s="504"/>
      <c r="AW3" s="504"/>
      <c r="AX3" s="504"/>
      <c r="AY3" s="504"/>
      <c r="AZ3" s="504"/>
      <c r="BA3" s="504"/>
      <c r="BB3" s="504"/>
      <c r="BC3" s="504"/>
      <c r="BD3" s="504"/>
      <c r="BE3" s="505"/>
      <c r="BF3" s="503" t="s">
        <v>75</v>
      </c>
      <c r="BG3" s="504"/>
      <c r="BH3" s="504"/>
      <c r="BI3" s="504"/>
      <c r="BJ3" s="504"/>
      <c r="BK3" s="504"/>
      <c r="BL3" s="504"/>
      <c r="BM3" s="504"/>
      <c r="BN3" s="504"/>
      <c r="BO3" s="504"/>
      <c r="BP3" s="505"/>
      <c r="BQ3" s="503" t="s">
        <v>76</v>
      </c>
      <c r="BR3" s="504"/>
      <c r="BS3" s="504"/>
      <c r="BT3" s="504"/>
      <c r="BU3" s="504"/>
      <c r="BV3" s="504"/>
      <c r="BW3" s="504"/>
      <c r="BX3" s="504"/>
      <c r="BY3" s="504"/>
      <c r="BZ3" s="504"/>
      <c r="CA3" s="505"/>
      <c r="CB3" s="503" t="s">
        <v>77</v>
      </c>
      <c r="CC3" s="504"/>
      <c r="CD3" s="504"/>
      <c r="CE3" s="504"/>
      <c r="CF3" s="504"/>
      <c r="CG3" s="504"/>
      <c r="CH3" s="504"/>
      <c r="CI3" s="504"/>
      <c r="CJ3" s="504"/>
      <c r="CK3" s="504"/>
      <c r="CL3" s="505"/>
      <c r="CM3" s="503" t="s">
        <v>78</v>
      </c>
      <c r="CN3" s="504"/>
      <c r="CO3" s="504"/>
      <c r="CP3" s="504"/>
      <c r="CQ3" s="504"/>
      <c r="CR3" s="504"/>
      <c r="CS3" s="504"/>
      <c r="CT3" s="504"/>
      <c r="CU3" s="504"/>
      <c r="CV3" s="504"/>
      <c r="CW3" s="505"/>
      <c r="CX3" s="503" t="s">
        <v>79</v>
      </c>
      <c r="CY3" s="504"/>
      <c r="CZ3" s="504"/>
      <c r="DA3" s="504"/>
      <c r="DB3" s="504"/>
      <c r="DC3" s="504"/>
      <c r="DD3" s="504"/>
      <c r="DE3" s="504"/>
      <c r="DF3" s="504"/>
      <c r="DG3" s="504"/>
      <c r="DH3" s="505"/>
      <c r="DI3" s="503" t="s">
        <v>150</v>
      </c>
      <c r="DJ3" s="504"/>
      <c r="DK3" s="504"/>
      <c r="DL3" s="504"/>
      <c r="DM3" s="504"/>
      <c r="DN3" s="504"/>
      <c r="DO3" s="504"/>
      <c r="DP3" s="504"/>
      <c r="DQ3" s="504"/>
      <c r="DR3" s="504"/>
      <c r="DS3" s="505"/>
      <c r="DT3" s="503" t="s">
        <v>80</v>
      </c>
      <c r="DU3" s="504"/>
      <c r="DV3" s="504"/>
      <c r="DW3" s="504"/>
      <c r="DX3" s="504"/>
      <c r="DY3" s="504"/>
      <c r="DZ3" s="504"/>
      <c r="EA3" s="504"/>
      <c r="EB3" s="504"/>
      <c r="EC3" s="504"/>
      <c r="ED3" s="505"/>
      <c r="EE3" s="503" t="s">
        <v>68</v>
      </c>
      <c r="EF3" s="504"/>
      <c r="EG3" s="504"/>
      <c r="EH3" s="504"/>
      <c r="EI3" s="504"/>
      <c r="EJ3" s="504"/>
      <c r="EK3" s="504"/>
      <c r="EL3" s="504"/>
      <c r="EM3" s="504"/>
      <c r="EN3" s="504"/>
      <c r="EO3" s="505"/>
      <c r="EP3" s="500" t="s">
        <v>69</v>
      </c>
      <c r="EQ3" s="501"/>
      <c r="ER3" s="501"/>
      <c r="ES3" s="501"/>
      <c r="ET3" s="501"/>
      <c r="EU3" s="501"/>
      <c r="EV3" s="501"/>
      <c r="EW3" s="501"/>
      <c r="EX3" s="501"/>
      <c r="EY3" s="501"/>
      <c r="EZ3" s="502"/>
    </row>
    <row r="4" spans="2:156"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08"/>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c r="DI4" s="511" t="s">
        <v>61</v>
      </c>
      <c r="DJ4" s="507"/>
      <c r="DK4" s="508"/>
      <c r="DL4" s="506" t="s">
        <v>62</v>
      </c>
      <c r="DM4" s="507"/>
      <c r="DN4" s="507"/>
      <c r="DO4" s="507"/>
      <c r="DP4" s="507"/>
      <c r="DQ4" s="507"/>
      <c r="DR4" s="508"/>
      <c r="DS4" s="509" t="s">
        <v>52</v>
      </c>
      <c r="DT4" s="511" t="s">
        <v>61</v>
      </c>
      <c r="DU4" s="507"/>
      <c r="DV4" s="508"/>
      <c r="DW4" s="506" t="s">
        <v>62</v>
      </c>
      <c r="DX4" s="507"/>
      <c r="DY4" s="507"/>
      <c r="DZ4" s="507"/>
      <c r="EA4" s="507"/>
      <c r="EB4" s="507"/>
      <c r="EC4" s="508"/>
      <c r="ED4" s="509" t="s">
        <v>52</v>
      </c>
      <c r="EE4" s="511" t="s">
        <v>61</v>
      </c>
      <c r="EF4" s="507"/>
      <c r="EG4" s="508"/>
      <c r="EH4" s="506" t="s">
        <v>62</v>
      </c>
      <c r="EI4" s="507"/>
      <c r="EJ4" s="507"/>
      <c r="EK4" s="507"/>
      <c r="EL4" s="507"/>
      <c r="EM4" s="507"/>
      <c r="EN4" s="508"/>
      <c r="EO4" s="509" t="s">
        <v>52</v>
      </c>
      <c r="EP4" s="511" t="s">
        <v>61</v>
      </c>
      <c r="EQ4" s="507"/>
      <c r="ER4" s="508"/>
      <c r="ES4" s="506" t="s">
        <v>62</v>
      </c>
      <c r="ET4" s="507"/>
      <c r="EU4" s="507"/>
      <c r="EV4" s="507"/>
      <c r="EW4" s="507"/>
      <c r="EX4" s="507"/>
      <c r="EY4" s="508"/>
      <c r="EZ4" s="509" t="s">
        <v>52</v>
      </c>
    </row>
    <row r="5" spans="2:156" ht="30" customHeight="1" thickBot="1" x14ac:dyDescent="0.25">
      <c r="B5" s="514"/>
      <c r="C5" s="295" t="s">
        <v>43</v>
      </c>
      <c r="D5" s="239" t="s">
        <v>44</v>
      </c>
      <c r="E5" s="338" t="s">
        <v>45</v>
      </c>
      <c r="F5" s="244" t="s">
        <v>83</v>
      </c>
      <c r="G5" s="239" t="s">
        <v>47</v>
      </c>
      <c r="H5" s="239" t="s">
        <v>48</v>
      </c>
      <c r="I5" s="239" t="s">
        <v>49</v>
      </c>
      <c r="J5" s="239" t="s">
        <v>50</v>
      </c>
      <c r="K5" s="239" t="s">
        <v>51</v>
      </c>
      <c r="L5" s="245" t="s">
        <v>45</v>
      </c>
      <c r="M5" s="510"/>
      <c r="N5" s="295" t="s">
        <v>43</v>
      </c>
      <c r="O5" s="239" t="s">
        <v>44</v>
      </c>
      <c r="P5" s="242" t="s">
        <v>45</v>
      </c>
      <c r="Q5" s="244" t="s">
        <v>83</v>
      </c>
      <c r="R5" s="239" t="s">
        <v>47</v>
      </c>
      <c r="S5" s="239" t="s">
        <v>48</v>
      </c>
      <c r="T5" s="239" t="s">
        <v>49</v>
      </c>
      <c r="U5" s="239" t="s">
        <v>50</v>
      </c>
      <c r="V5" s="239" t="s">
        <v>51</v>
      </c>
      <c r="W5" s="242" t="s">
        <v>45</v>
      </c>
      <c r="X5" s="510"/>
      <c r="Y5" s="295" t="s">
        <v>43</v>
      </c>
      <c r="Z5" s="239" t="s">
        <v>44</v>
      </c>
      <c r="AA5" s="242" t="s">
        <v>45</v>
      </c>
      <c r="AB5" s="244" t="s">
        <v>83</v>
      </c>
      <c r="AC5" s="239" t="s">
        <v>47</v>
      </c>
      <c r="AD5" s="239" t="s">
        <v>48</v>
      </c>
      <c r="AE5" s="239" t="s">
        <v>49</v>
      </c>
      <c r="AF5" s="239" t="s">
        <v>50</v>
      </c>
      <c r="AG5" s="239" t="s">
        <v>51</v>
      </c>
      <c r="AH5" s="242" t="s">
        <v>45</v>
      </c>
      <c r="AI5" s="510"/>
      <c r="AJ5" s="295" t="s">
        <v>43</v>
      </c>
      <c r="AK5" s="239" t="s">
        <v>44</v>
      </c>
      <c r="AL5" s="242" t="s">
        <v>45</v>
      </c>
      <c r="AM5" s="244" t="s">
        <v>83</v>
      </c>
      <c r="AN5" s="239" t="s">
        <v>47</v>
      </c>
      <c r="AO5" s="239" t="s">
        <v>48</v>
      </c>
      <c r="AP5" s="239" t="s">
        <v>49</v>
      </c>
      <c r="AQ5" s="239" t="s">
        <v>50</v>
      </c>
      <c r="AR5" s="239" t="s">
        <v>51</v>
      </c>
      <c r="AS5" s="242" t="s">
        <v>45</v>
      </c>
      <c r="AT5" s="510"/>
      <c r="AU5" s="295" t="s">
        <v>43</v>
      </c>
      <c r="AV5" s="239" t="s">
        <v>44</v>
      </c>
      <c r="AW5" s="242" t="s">
        <v>45</v>
      </c>
      <c r="AX5" s="244" t="s">
        <v>83</v>
      </c>
      <c r="AY5" s="239" t="s">
        <v>47</v>
      </c>
      <c r="AZ5" s="239" t="s">
        <v>48</v>
      </c>
      <c r="BA5" s="239" t="s">
        <v>49</v>
      </c>
      <c r="BB5" s="239" t="s">
        <v>50</v>
      </c>
      <c r="BC5" s="239" t="s">
        <v>51</v>
      </c>
      <c r="BD5" s="245" t="s">
        <v>45</v>
      </c>
      <c r="BE5" s="510"/>
      <c r="BF5" s="295" t="s">
        <v>43</v>
      </c>
      <c r="BG5" s="239" t="s">
        <v>44</v>
      </c>
      <c r="BH5" s="242" t="s">
        <v>45</v>
      </c>
      <c r="BI5" s="244" t="s">
        <v>83</v>
      </c>
      <c r="BJ5" s="239" t="s">
        <v>47</v>
      </c>
      <c r="BK5" s="239" t="s">
        <v>48</v>
      </c>
      <c r="BL5" s="239" t="s">
        <v>49</v>
      </c>
      <c r="BM5" s="239" t="s">
        <v>50</v>
      </c>
      <c r="BN5" s="239" t="s">
        <v>51</v>
      </c>
      <c r="BO5" s="242" t="s">
        <v>45</v>
      </c>
      <c r="BP5" s="510"/>
      <c r="BQ5" s="295" t="s">
        <v>43</v>
      </c>
      <c r="BR5" s="239" t="s">
        <v>44</v>
      </c>
      <c r="BS5" s="242" t="s">
        <v>45</v>
      </c>
      <c r="BT5" s="244" t="s">
        <v>83</v>
      </c>
      <c r="BU5" s="239" t="s">
        <v>47</v>
      </c>
      <c r="BV5" s="239" t="s">
        <v>48</v>
      </c>
      <c r="BW5" s="239" t="s">
        <v>49</v>
      </c>
      <c r="BX5" s="239" t="s">
        <v>50</v>
      </c>
      <c r="BY5" s="239" t="s">
        <v>51</v>
      </c>
      <c r="BZ5" s="242" t="s">
        <v>45</v>
      </c>
      <c r="CA5" s="510"/>
      <c r="CB5" s="295" t="s">
        <v>43</v>
      </c>
      <c r="CC5" s="239" t="s">
        <v>44</v>
      </c>
      <c r="CD5" s="242" t="s">
        <v>45</v>
      </c>
      <c r="CE5" s="244" t="s">
        <v>83</v>
      </c>
      <c r="CF5" s="239" t="s">
        <v>47</v>
      </c>
      <c r="CG5" s="239" t="s">
        <v>48</v>
      </c>
      <c r="CH5" s="239" t="s">
        <v>49</v>
      </c>
      <c r="CI5" s="239" t="s">
        <v>50</v>
      </c>
      <c r="CJ5" s="239" t="s">
        <v>51</v>
      </c>
      <c r="CK5" s="242" t="s">
        <v>45</v>
      </c>
      <c r="CL5" s="510"/>
      <c r="CM5" s="295" t="s">
        <v>43</v>
      </c>
      <c r="CN5" s="239" t="s">
        <v>44</v>
      </c>
      <c r="CO5" s="242" t="s">
        <v>45</v>
      </c>
      <c r="CP5" s="244" t="s">
        <v>83</v>
      </c>
      <c r="CQ5" s="239" t="s">
        <v>47</v>
      </c>
      <c r="CR5" s="239" t="s">
        <v>48</v>
      </c>
      <c r="CS5" s="239" t="s">
        <v>49</v>
      </c>
      <c r="CT5" s="239" t="s">
        <v>50</v>
      </c>
      <c r="CU5" s="239" t="s">
        <v>51</v>
      </c>
      <c r="CV5" s="242" t="s">
        <v>45</v>
      </c>
      <c r="CW5" s="510"/>
      <c r="CX5" s="295" t="s">
        <v>43</v>
      </c>
      <c r="CY5" s="239" t="s">
        <v>44</v>
      </c>
      <c r="CZ5" s="242" t="s">
        <v>45</v>
      </c>
      <c r="DA5" s="244" t="s">
        <v>83</v>
      </c>
      <c r="DB5" s="239" t="s">
        <v>47</v>
      </c>
      <c r="DC5" s="239" t="s">
        <v>48</v>
      </c>
      <c r="DD5" s="239" t="s">
        <v>49</v>
      </c>
      <c r="DE5" s="239" t="s">
        <v>50</v>
      </c>
      <c r="DF5" s="239" t="s">
        <v>51</v>
      </c>
      <c r="DG5" s="242" t="s">
        <v>45</v>
      </c>
      <c r="DH5" s="510"/>
      <c r="DI5" s="303" t="s">
        <v>43</v>
      </c>
      <c r="DJ5" s="239" t="s">
        <v>44</v>
      </c>
      <c r="DK5" s="242" t="s">
        <v>45</v>
      </c>
      <c r="DL5" s="244" t="s">
        <v>83</v>
      </c>
      <c r="DM5" s="239" t="s">
        <v>47</v>
      </c>
      <c r="DN5" s="239" t="s">
        <v>48</v>
      </c>
      <c r="DO5" s="239" t="s">
        <v>49</v>
      </c>
      <c r="DP5" s="239" t="s">
        <v>50</v>
      </c>
      <c r="DQ5" s="239" t="s">
        <v>51</v>
      </c>
      <c r="DR5" s="242" t="s">
        <v>45</v>
      </c>
      <c r="DS5" s="510"/>
      <c r="DT5" s="295" t="s">
        <v>43</v>
      </c>
      <c r="DU5" s="239" t="s">
        <v>44</v>
      </c>
      <c r="DV5" s="242" t="s">
        <v>45</v>
      </c>
      <c r="DW5" s="244" t="s">
        <v>83</v>
      </c>
      <c r="DX5" s="239" t="s">
        <v>47</v>
      </c>
      <c r="DY5" s="239" t="s">
        <v>48</v>
      </c>
      <c r="DZ5" s="239" t="s">
        <v>49</v>
      </c>
      <c r="EA5" s="239" t="s">
        <v>50</v>
      </c>
      <c r="EB5" s="239" t="s">
        <v>51</v>
      </c>
      <c r="EC5" s="242" t="s">
        <v>45</v>
      </c>
      <c r="ED5" s="510"/>
      <c r="EE5" s="295" t="s">
        <v>43</v>
      </c>
      <c r="EF5" s="239" t="s">
        <v>44</v>
      </c>
      <c r="EG5" s="242" t="s">
        <v>45</v>
      </c>
      <c r="EH5" s="244" t="s">
        <v>83</v>
      </c>
      <c r="EI5" s="239" t="s">
        <v>47</v>
      </c>
      <c r="EJ5" s="239" t="s">
        <v>48</v>
      </c>
      <c r="EK5" s="239" t="s">
        <v>49</v>
      </c>
      <c r="EL5" s="239" t="s">
        <v>50</v>
      </c>
      <c r="EM5" s="239" t="s">
        <v>51</v>
      </c>
      <c r="EN5" s="242" t="s">
        <v>45</v>
      </c>
      <c r="EO5" s="510"/>
      <c r="EP5" s="295" t="s">
        <v>43</v>
      </c>
      <c r="EQ5" s="239" t="s">
        <v>44</v>
      </c>
      <c r="ER5" s="242" t="s">
        <v>45</v>
      </c>
      <c r="ES5" s="244" t="s">
        <v>83</v>
      </c>
      <c r="ET5" s="239" t="s">
        <v>47</v>
      </c>
      <c r="EU5" s="239" t="s">
        <v>48</v>
      </c>
      <c r="EV5" s="239" t="s">
        <v>49</v>
      </c>
      <c r="EW5" s="239" t="s">
        <v>50</v>
      </c>
      <c r="EX5" s="239" t="s">
        <v>51</v>
      </c>
      <c r="EY5" s="242" t="s">
        <v>45</v>
      </c>
      <c r="EZ5" s="510"/>
    </row>
    <row r="6" spans="2:156" ht="21" customHeight="1" x14ac:dyDescent="0.2">
      <c r="B6" s="435" t="s">
        <v>4</v>
      </c>
      <c r="C6" s="246">
        <v>0</v>
      </c>
      <c r="D6" s="250">
        <v>0</v>
      </c>
      <c r="E6" s="339">
        <v>0</v>
      </c>
      <c r="F6" s="249">
        <v>0</v>
      </c>
      <c r="G6" s="250">
        <v>1229</v>
      </c>
      <c r="H6" s="250">
        <v>1312</v>
      </c>
      <c r="I6" s="250">
        <v>715</v>
      </c>
      <c r="J6" s="250">
        <v>552</v>
      </c>
      <c r="K6" s="250">
        <v>408</v>
      </c>
      <c r="L6" s="251">
        <v>4216</v>
      </c>
      <c r="M6" s="252">
        <v>4216</v>
      </c>
      <c r="N6" s="246">
        <v>0</v>
      </c>
      <c r="O6" s="250">
        <v>1</v>
      </c>
      <c r="P6" s="247">
        <v>1</v>
      </c>
      <c r="Q6" s="249">
        <v>0</v>
      </c>
      <c r="R6" s="250">
        <v>9</v>
      </c>
      <c r="S6" s="250">
        <v>35</v>
      </c>
      <c r="T6" s="250">
        <v>61</v>
      </c>
      <c r="U6" s="250">
        <v>115</v>
      </c>
      <c r="V6" s="250">
        <v>197</v>
      </c>
      <c r="W6" s="247">
        <v>417</v>
      </c>
      <c r="X6" s="252">
        <v>418</v>
      </c>
      <c r="Y6" s="246">
        <v>203</v>
      </c>
      <c r="Z6" s="250">
        <v>408</v>
      </c>
      <c r="AA6" s="247">
        <v>611</v>
      </c>
      <c r="AB6" s="249">
        <v>0</v>
      </c>
      <c r="AC6" s="250">
        <v>966</v>
      </c>
      <c r="AD6" s="250">
        <v>1280</v>
      </c>
      <c r="AE6" s="250">
        <v>770</v>
      </c>
      <c r="AF6" s="250">
        <v>597</v>
      </c>
      <c r="AG6" s="250">
        <v>376</v>
      </c>
      <c r="AH6" s="247">
        <v>3989</v>
      </c>
      <c r="AI6" s="252">
        <v>4600</v>
      </c>
      <c r="AJ6" s="246">
        <v>24</v>
      </c>
      <c r="AK6" s="250">
        <v>62</v>
      </c>
      <c r="AL6" s="247">
        <v>86</v>
      </c>
      <c r="AM6" s="249">
        <v>0</v>
      </c>
      <c r="AN6" s="250">
        <v>74</v>
      </c>
      <c r="AO6" s="250">
        <v>108</v>
      </c>
      <c r="AP6" s="250">
        <v>86</v>
      </c>
      <c r="AQ6" s="250">
        <v>74</v>
      </c>
      <c r="AR6" s="250">
        <v>35</v>
      </c>
      <c r="AS6" s="247">
        <v>377</v>
      </c>
      <c r="AT6" s="252">
        <v>463</v>
      </c>
      <c r="AU6" s="246">
        <v>279</v>
      </c>
      <c r="AV6" s="250">
        <v>347</v>
      </c>
      <c r="AW6" s="247">
        <v>626</v>
      </c>
      <c r="AX6" s="249">
        <v>0</v>
      </c>
      <c r="AY6" s="250">
        <v>1369</v>
      </c>
      <c r="AZ6" s="250">
        <v>1692</v>
      </c>
      <c r="BA6" s="250">
        <v>1441</v>
      </c>
      <c r="BB6" s="250">
        <v>1308</v>
      </c>
      <c r="BC6" s="250">
        <v>836</v>
      </c>
      <c r="BD6" s="251">
        <v>6646</v>
      </c>
      <c r="BE6" s="252">
        <v>7272</v>
      </c>
      <c r="BF6" s="246">
        <v>0</v>
      </c>
      <c r="BG6" s="250">
        <v>0</v>
      </c>
      <c r="BH6" s="247">
        <v>0</v>
      </c>
      <c r="BI6" s="249">
        <v>0</v>
      </c>
      <c r="BJ6" s="250">
        <v>1622</v>
      </c>
      <c r="BK6" s="250">
        <v>1420</v>
      </c>
      <c r="BL6" s="250">
        <v>741</v>
      </c>
      <c r="BM6" s="250">
        <v>370</v>
      </c>
      <c r="BN6" s="250">
        <v>149</v>
      </c>
      <c r="BO6" s="247">
        <v>4302</v>
      </c>
      <c r="BP6" s="252">
        <v>4302</v>
      </c>
      <c r="BQ6" s="246">
        <v>152</v>
      </c>
      <c r="BR6" s="250">
        <v>198</v>
      </c>
      <c r="BS6" s="247">
        <v>350</v>
      </c>
      <c r="BT6" s="249">
        <v>0</v>
      </c>
      <c r="BU6" s="250">
        <v>374</v>
      </c>
      <c r="BV6" s="250">
        <v>515</v>
      </c>
      <c r="BW6" s="250">
        <v>323</v>
      </c>
      <c r="BX6" s="250">
        <v>180</v>
      </c>
      <c r="BY6" s="250">
        <v>48</v>
      </c>
      <c r="BZ6" s="247">
        <v>1440</v>
      </c>
      <c r="CA6" s="252">
        <v>1790</v>
      </c>
      <c r="CB6" s="246">
        <v>2</v>
      </c>
      <c r="CC6" s="250">
        <v>23</v>
      </c>
      <c r="CD6" s="247">
        <v>25</v>
      </c>
      <c r="CE6" s="249">
        <v>0</v>
      </c>
      <c r="CF6" s="250">
        <v>178</v>
      </c>
      <c r="CG6" s="250">
        <v>275</v>
      </c>
      <c r="CH6" s="250">
        <v>293</v>
      </c>
      <c r="CI6" s="250">
        <v>231</v>
      </c>
      <c r="CJ6" s="250">
        <v>102</v>
      </c>
      <c r="CK6" s="247">
        <v>1079</v>
      </c>
      <c r="CL6" s="252">
        <v>1104</v>
      </c>
      <c r="CM6" s="246">
        <v>1</v>
      </c>
      <c r="CN6" s="250">
        <v>1</v>
      </c>
      <c r="CO6" s="247">
        <v>2</v>
      </c>
      <c r="CP6" s="249">
        <v>0</v>
      </c>
      <c r="CQ6" s="250">
        <v>22</v>
      </c>
      <c r="CR6" s="250">
        <v>40</v>
      </c>
      <c r="CS6" s="250">
        <v>48</v>
      </c>
      <c r="CT6" s="250">
        <v>44</v>
      </c>
      <c r="CU6" s="250">
        <v>26</v>
      </c>
      <c r="CV6" s="247">
        <v>180</v>
      </c>
      <c r="CW6" s="252">
        <v>182</v>
      </c>
      <c r="CX6" s="246">
        <v>0</v>
      </c>
      <c r="CY6" s="250">
        <v>0</v>
      </c>
      <c r="CZ6" s="247">
        <v>0</v>
      </c>
      <c r="DA6" s="249">
        <v>0</v>
      </c>
      <c r="DB6" s="250">
        <v>0</v>
      </c>
      <c r="DC6" s="250">
        <v>0</v>
      </c>
      <c r="DD6" s="250">
        <v>0</v>
      </c>
      <c r="DE6" s="250">
        <v>0</v>
      </c>
      <c r="DF6" s="250">
        <v>0</v>
      </c>
      <c r="DG6" s="247">
        <v>0</v>
      </c>
      <c r="DH6" s="252">
        <v>0</v>
      </c>
      <c r="DI6" s="246">
        <v>0</v>
      </c>
      <c r="DJ6" s="250">
        <v>0</v>
      </c>
      <c r="DK6" s="247">
        <v>0</v>
      </c>
      <c r="DL6" s="249">
        <v>0</v>
      </c>
      <c r="DM6" s="250">
        <v>0</v>
      </c>
      <c r="DN6" s="250">
        <v>0</v>
      </c>
      <c r="DO6" s="250">
        <v>0</v>
      </c>
      <c r="DP6" s="250">
        <v>0</v>
      </c>
      <c r="DQ6" s="250">
        <v>0</v>
      </c>
      <c r="DR6" s="247">
        <v>0</v>
      </c>
      <c r="DS6" s="252">
        <v>0</v>
      </c>
      <c r="DT6" s="246">
        <v>642</v>
      </c>
      <c r="DU6" s="250">
        <v>1341</v>
      </c>
      <c r="DV6" s="247">
        <v>1983</v>
      </c>
      <c r="DW6" s="249">
        <v>0</v>
      </c>
      <c r="DX6" s="250">
        <v>1776</v>
      </c>
      <c r="DY6" s="250">
        <v>3100</v>
      </c>
      <c r="DZ6" s="250">
        <v>1795</v>
      </c>
      <c r="EA6" s="250">
        <v>1280</v>
      </c>
      <c r="EB6" s="250">
        <v>713</v>
      </c>
      <c r="EC6" s="247">
        <v>8664</v>
      </c>
      <c r="ED6" s="252">
        <v>10647</v>
      </c>
      <c r="EE6" s="246">
        <v>179</v>
      </c>
      <c r="EF6" s="250">
        <v>132</v>
      </c>
      <c r="EG6" s="247">
        <v>311</v>
      </c>
      <c r="EH6" s="249">
        <v>0</v>
      </c>
      <c r="EI6" s="250">
        <v>571</v>
      </c>
      <c r="EJ6" s="250">
        <v>532</v>
      </c>
      <c r="EK6" s="250">
        <v>429</v>
      </c>
      <c r="EL6" s="250">
        <v>479</v>
      </c>
      <c r="EM6" s="250">
        <v>231</v>
      </c>
      <c r="EN6" s="247">
        <v>2242</v>
      </c>
      <c r="EO6" s="252">
        <v>2553</v>
      </c>
      <c r="EP6" s="246">
        <v>940</v>
      </c>
      <c r="EQ6" s="250">
        <v>1708</v>
      </c>
      <c r="ER6" s="247">
        <v>2648</v>
      </c>
      <c r="ES6" s="249">
        <v>0</v>
      </c>
      <c r="ET6" s="250">
        <v>4251</v>
      </c>
      <c r="EU6" s="250">
        <v>4245</v>
      </c>
      <c r="EV6" s="250">
        <v>2178</v>
      </c>
      <c r="EW6" s="250">
        <v>1379</v>
      </c>
      <c r="EX6" s="250">
        <v>728</v>
      </c>
      <c r="EY6" s="247">
        <v>12781</v>
      </c>
      <c r="EZ6" s="252">
        <v>15429</v>
      </c>
    </row>
    <row r="7" spans="2:156" ht="21" customHeight="1" x14ac:dyDescent="0.2">
      <c r="B7" s="436" t="s">
        <v>5</v>
      </c>
      <c r="C7" s="253">
        <v>0</v>
      </c>
      <c r="D7" s="257">
        <v>0</v>
      </c>
      <c r="E7" s="340">
        <v>0</v>
      </c>
      <c r="F7" s="256">
        <v>0</v>
      </c>
      <c r="G7" s="257">
        <v>498</v>
      </c>
      <c r="H7" s="257">
        <v>654</v>
      </c>
      <c r="I7" s="257">
        <v>340</v>
      </c>
      <c r="J7" s="257">
        <v>247</v>
      </c>
      <c r="K7" s="257">
        <v>167</v>
      </c>
      <c r="L7" s="258">
        <v>1906</v>
      </c>
      <c r="M7" s="259">
        <v>1906</v>
      </c>
      <c r="N7" s="253">
        <v>0</v>
      </c>
      <c r="O7" s="257">
        <v>1</v>
      </c>
      <c r="P7" s="254">
        <v>1</v>
      </c>
      <c r="Q7" s="256">
        <v>0</v>
      </c>
      <c r="R7" s="257">
        <v>2</v>
      </c>
      <c r="S7" s="257">
        <v>16</v>
      </c>
      <c r="T7" s="257">
        <v>27</v>
      </c>
      <c r="U7" s="257">
        <v>53</v>
      </c>
      <c r="V7" s="257">
        <v>90</v>
      </c>
      <c r="W7" s="254">
        <v>188</v>
      </c>
      <c r="X7" s="259">
        <v>189</v>
      </c>
      <c r="Y7" s="253">
        <v>100</v>
      </c>
      <c r="Z7" s="257">
        <v>227</v>
      </c>
      <c r="AA7" s="254">
        <v>327</v>
      </c>
      <c r="AB7" s="256">
        <v>0</v>
      </c>
      <c r="AC7" s="257">
        <v>386</v>
      </c>
      <c r="AD7" s="257">
        <v>671</v>
      </c>
      <c r="AE7" s="257">
        <v>377</v>
      </c>
      <c r="AF7" s="257">
        <v>300</v>
      </c>
      <c r="AG7" s="257">
        <v>156</v>
      </c>
      <c r="AH7" s="254">
        <v>1890</v>
      </c>
      <c r="AI7" s="259">
        <v>2217</v>
      </c>
      <c r="AJ7" s="253">
        <v>7</v>
      </c>
      <c r="AK7" s="257">
        <v>31</v>
      </c>
      <c r="AL7" s="254">
        <v>38</v>
      </c>
      <c r="AM7" s="256">
        <v>0</v>
      </c>
      <c r="AN7" s="257">
        <v>24</v>
      </c>
      <c r="AO7" s="257">
        <v>46</v>
      </c>
      <c r="AP7" s="257">
        <v>34</v>
      </c>
      <c r="AQ7" s="257">
        <v>30</v>
      </c>
      <c r="AR7" s="257">
        <v>13</v>
      </c>
      <c r="AS7" s="254">
        <v>147</v>
      </c>
      <c r="AT7" s="259">
        <v>185</v>
      </c>
      <c r="AU7" s="253">
        <v>115</v>
      </c>
      <c r="AV7" s="257">
        <v>206</v>
      </c>
      <c r="AW7" s="254">
        <v>321</v>
      </c>
      <c r="AX7" s="256">
        <v>0</v>
      </c>
      <c r="AY7" s="257">
        <v>498</v>
      </c>
      <c r="AZ7" s="257">
        <v>771</v>
      </c>
      <c r="BA7" s="257">
        <v>633</v>
      </c>
      <c r="BB7" s="257">
        <v>567</v>
      </c>
      <c r="BC7" s="257">
        <v>363</v>
      </c>
      <c r="BD7" s="258">
        <v>2832</v>
      </c>
      <c r="BE7" s="259">
        <v>3153</v>
      </c>
      <c r="BF7" s="253">
        <v>0</v>
      </c>
      <c r="BG7" s="257">
        <v>0</v>
      </c>
      <c r="BH7" s="254">
        <v>0</v>
      </c>
      <c r="BI7" s="256">
        <v>0</v>
      </c>
      <c r="BJ7" s="257">
        <v>602</v>
      </c>
      <c r="BK7" s="257">
        <v>594</v>
      </c>
      <c r="BL7" s="257">
        <v>303</v>
      </c>
      <c r="BM7" s="257">
        <v>147</v>
      </c>
      <c r="BN7" s="257">
        <v>64</v>
      </c>
      <c r="BO7" s="254">
        <v>1710</v>
      </c>
      <c r="BP7" s="259">
        <v>1710</v>
      </c>
      <c r="BQ7" s="253">
        <v>77</v>
      </c>
      <c r="BR7" s="257">
        <v>101</v>
      </c>
      <c r="BS7" s="254">
        <v>178</v>
      </c>
      <c r="BT7" s="256">
        <v>0</v>
      </c>
      <c r="BU7" s="257">
        <v>128</v>
      </c>
      <c r="BV7" s="257">
        <v>245</v>
      </c>
      <c r="BW7" s="257">
        <v>156</v>
      </c>
      <c r="BX7" s="257">
        <v>91</v>
      </c>
      <c r="BY7" s="257">
        <v>21</v>
      </c>
      <c r="BZ7" s="254">
        <v>641</v>
      </c>
      <c r="CA7" s="259">
        <v>819</v>
      </c>
      <c r="CB7" s="253">
        <v>0</v>
      </c>
      <c r="CC7" s="257">
        <v>9</v>
      </c>
      <c r="CD7" s="254">
        <v>9</v>
      </c>
      <c r="CE7" s="256">
        <v>0</v>
      </c>
      <c r="CF7" s="257">
        <v>52</v>
      </c>
      <c r="CG7" s="257">
        <v>95</v>
      </c>
      <c r="CH7" s="257">
        <v>114</v>
      </c>
      <c r="CI7" s="257">
        <v>81</v>
      </c>
      <c r="CJ7" s="257">
        <v>44</v>
      </c>
      <c r="CK7" s="254">
        <v>386</v>
      </c>
      <c r="CL7" s="259">
        <v>395</v>
      </c>
      <c r="CM7" s="253">
        <v>0</v>
      </c>
      <c r="CN7" s="257">
        <v>1</v>
      </c>
      <c r="CO7" s="254">
        <v>1</v>
      </c>
      <c r="CP7" s="256">
        <v>0</v>
      </c>
      <c r="CQ7" s="257">
        <v>14</v>
      </c>
      <c r="CR7" s="257">
        <v>21</v>
      </c>
      <c r="CS7" s="257">
        <v>29</v>
      </c>
      <c r="CT7" s="257">
        <v>27</v>
      </c>
      <c r="CU7" s="257">
        <v>20</v>
      </c>
      <c r="CV7" s="254">
        <v>111</v>
      </c>
      <c r="CW7" s="259">
        <v>112</v>
      </c>
      <c r="CX7" s="253">
        <v>0</v>
      </c>
      <c r="CY7" s="257">
        <v>0</v>
      </c>
      <c r="CZ7" s="254">
        <v>0</v>
      </c>
      <c r="DA7" s="256">
        <v>0</v>
      </c>
      <c r="DB7" s="257">
        <v>0</v>
      </c>
      <c r="DC7" s="257">
        <v>0</v>
      </c>
      <c r="DD7" s="257">
        <v>0</v>
      </c>
      <c r="DE7" s="257">
        <v>0</v>
      </c>
      <c r="DF7" s="257">
        <v>0</v>
      </c>
      <c r="DG7" s="254">
        <v>0</v>
      </c>
      <c r="DH7" s="259">
        <v>0</v>
      </c>
      <c r="DI7" s="253">
        <v>0</v>
      </c>
      <c r="DJ7" s="257">
        <v>0</v>
      </c>
      <c r="DK7" s="254">
        <v>0</v>
      </c>
      <c r="DL7" s="256">
        <v>0</v>
      </c>
      <c r="DM7" s="257">
        <v>0</v>
      </c>
      <c r="DN7" s="257">
        <v>0</v>
      </c>
      <c r="DO7" s="257">
        <v>0</v>
      </c>
      <c r="DP7" s="257">
        <v>0</v>
      </c>
      <c r="DQ7" s="257">
        <v>0</v>
      </c>
      <c r="DR7" s="254">
        <v>0</v>
      </c>
      <c r="DS7" s="259">
        <v>0</v>
      </c>
      <c r="DT7" s="253">
        <v>241</v>
      </c>
      <c r="DU7" s="257">
        <v>640</v>
      </c>
      <c r="DV7" s="254">
        <v>881</v>
      </c>
      <c r="DW7" s="256">
        <v>0</v>
      </c>
      <c r="DX7" s="257">
        <v>591</v>
      </c>
      <c r="DY7" s="257">
        <v>1434</v>
      </c>
      <c r="DZ7" s="257">
        <v>801</v>
      </c>
      <c r="EA7" s="257">
        <v>567</v>
      </c>
      <c r="EB7" s="257">
        <v>310</v>
      </c>
      <c r="EC7" s="254">
        <v>3703</v>
      </c>
      <c r="ED7" s="259">
        <v>4584</v>
      </c>
      <c r="EE7" s="253">
        <v>69</v>
      </c>
      <c r="EF7" s="257">
        <v>82</v>
      </c>
      <c r="EG7" s="254">
        <v>151</v>
      </c>
      <c r="EH7" s="256">
        <v>0</v>
      </c>
      <c r="EI7" s="257">
        <v>204</v>
      </c>
      <c r="EJ7" s="257">
        <v>246</v>
      </c>
      <c r="EK7" s="257">
        <v>192</v>
      </c>
      <c r="EL7" s="257">
        <v>217</v>
      </c>
      <c r="EM7" s="257">
        <v>107</v>
      </c>
      <c r="EN7" s="254">
        <v>966</v>
      </c>
      <c r="EO7" s="259">
        <v>1117</v>
      </c>
      <c r="EP7" s="253">
        <v>389</v>
      </c>
      <c r="EQ7" s="257">
        <v>836</v>
      </c>
      <c r="ER7" s="254">
        <v>1225</v>
      </c>
      <c r="ES7" s="256">
        <v>0</v>
      </c>
      <c r="ET7" s="257">
        <v>1594</v>
      </c>
      <c r="EU7" s="257">
        <v>1987</v>
      </c>
      <c r="EV7" s="257">
        <v>989</v>
      </c>
      <c r="EW7" s="257">
        <v>620</v>
      </c>
      <c r="EX7" s="257">
        <v>316</v>
      </c>
      <c r="EY7" s="254">
        <v>5506</v>
      </c>
      <c r="EZ7" s="259">
        <v>6731</v>
      </c>
    </row>
    <row r="8" spans="2:156" ht="21" customHeight="1" x14ac:dyDescent="0.2">
      <c r="B8" s="437" t="s">
        <v>6</v>
      </c>
      <c r="C8" s="253">
        <v>0</v>
      </c>
      <c r="D8" s="257">
        <v>0</v>
      </c>
      <c r="E8" s="340">
        <v>0</v>
      </c>
      <c r="F8" s="256">
        <v>0</v>
      </c>
      <c r="G8" s="257">
        <v>179</v>
      </c>
      <c r="H8" s="257">
        <v>147</v>
      </c>
      <c r="I8" s="257">
        <v>71</v>
      </c>
      <c r="J8" s="257">
        <v>56</v>
      </c>
      <c r="K8" s="257">
        <v>53</v>
      </c>
      <c r="L8" s="258">
        <v>506</v>
      </c>
      <c r="M8" s="259">
        <v>506</v>
      </c>
      <c r="N8" s="253">
        <v>0</v>
      </c>
      <c r="O8" s="257">
        <v>0</v>
      </c>
      <c r="P8" s="254">
        <v>0</v>
      </c>
      <c r="Q8" s="256">
        <v>0</v>
      </c>
      <c r="R8" s="257">
        <v>1</v>
      </c>
      <c r="S8" s="257">
        <v>5</v>
      </c>
      <c r="T8" s="257">
        <v>5</v>
      </c>
      <c r="U8" s="257">
        <v>5</v>
      </c>
      <c r="V8" s="257">
        <v>26</v>
      </c>
      <c r="W8" s="254">
        <v>42</v>
      </c>
      <c r="X8" s="259">
        <v>42</v>
      </c>
      <c r="Y8" s="253">
        <v>14</v>
      </c>
      <c r="Z8" s="257">
        <v>49</v>
      </c>
      <c r="AA8" s="254">
        <v>63</v>
      </c>
      <c r="AB8" s="256">
        <v>0</v>
      </c>
      <c r="AC8" s="257">
        <v>152</v>
      </c>
      <c r="AD8" s="257">
        <v>164</v>
      </c>
      <c r="AE8" s="257">
        <v>82</v>
      </c>
      <c r="AF8" s="257">
        <v>66</v>
      </c>
      <c r="AG8" s="257">
        <v>51</v>
      </c>
      <c r="AH8" s="254">
        <v>515</v>
      </c>
      <c r="AI8" s="259">
        <v>578</v>
      </c>
      <c r="AJ8" s="253">
        <v>2</v>
      </c>
      <c r="AK8" s="257">
        <v>5</v>
      </c>
      <c r="AL8" s="254">
        <v>7</v>
      </c>
      <c r="AM8" s="256">
        <v>0</v>
      </c>
      <c r="AN8" s="257">
        <v>15</v>
      </c>
      <c r="AO8" s="257">
        <v>15</v>
      </c>
      <c r="AP8" s="257">
        <v>9</v>
      </c>
      <c r="AQ8" s="257">
        <v>10</v>
      </c>
      <c r="AR8" s="257">
        <v>4</v>
      </c>
      <c r="AS8" s="254">
        <v>53</v>
      </c>
      <c r="AT8" s="259">
        <v>60</v>
      </c>
      <c r="AU8" s="253">
        <v>47</v>
      </c>
      <c r="AV8" s="257">
        <v>44</v>
      </c>
      <c r="AW8" s="254">
        <v>91</v>
      </c>
      <c r="AX8" s="256">
        <v>0</v>
      </c>
      <c r="AY8" s="257">
        <v>243</v>
      </c>
      <c r="AZ8" s="257">
        <v>234</v>
      </c>
      <c r="BA8" s="257">
        <v>180</v>
      </c>
      <c r="BB8" s="257">
        <v>183</v>
      </c>
      <c r="BC8" s="257">
        <v>112</v>
      </c>
      <c r="BD8" s="258">
        <v>952</v>
      </c>
      <c r="BE8" s="259">
        <v>1043</v>
      </c>
      <c r="BF8" s="253">
        <v>0</v>
      </c>
      <c r="BG8" s="257">
        <v>0</v>
      </c>
      <c r="BH8" s="254">
        <v>0</v>
      </c>
      <c r="BI8" s="256">
        <v>0</v>
      </c>
      <c r="BJ8" s="257">
        <v>234</v>
      </c>
      <c r="BK8" s="257">
        <v>188</v>
      </c>
      <c r="BL8" s="257">
        <v>89</v>
      </c>
      <c r="BM8" s="257">
        <v>42</v>
      </c>
      <c r="BN8" s="257">
        <v>22</v>
      </c>
      <c r="BO8" s="254">
        <v>575</v>
      </c>
      <c r="BP8" s="259">
        <v>575</v>
      </c>
      <c r="BQ8" s="253">
        <v>11</v>
      </c>
      <c r="BR8" s="257">
        <v>12</v>
      </c>
      <c r="BS8" s="254">
        <v>23</v>
      </c>
      <c r="BT8" s="256">
        <v>0</v>
      </c>
      <c r="BU8" s="257">
        <v>46</v>
      </c>
      <c r="BV8" s="257">
        <v>58</v>
      </c>
      <c r="BW8" s="257">
        <v>37</v>
      </c>
      <c r="BX8" s="257">
        <v>18</v>
      </c>
      <c r="BY8" s="257">
        <v>8</v>
      </c>
      <c r="BZ8" s="254">
        <v>167</v>
      </c>
      <c r="CA8" s="259">
        <v>190</v>
      </c>
      <c r="CB8" s="253">
        <v>1</v>
      </c>
      <c r="CC8" s="257">
        <v>2</v>
      </c>
      <c r="CD8" s="254">
        <v>3</v>
      </c>
      <c r="CE8" s="256">
        <v>0</v>
      </c>
      <c r="CF8" s="257">
        <v>26</v>
      </c>
      <c r="CG8" s="257">
        <v>27</v>
      </c>
      <c r="CH8" s="257">
        <v>32</v>
      </c>
      <c r="CI8" s="257">
        <v>25</v>
      </c>
      <c r="CJ8" s="257">
        <v>11</v>
      </c>
      <c r="CK8" s="254">
        <v>121</v>
      </c>
      <c r="CL8" s="259">
        <v>124</v>
      </c>
      <c r="CM8" s="253">
        <v>0</v>
      </c>
      <c r="CN8" s="257">
        <v>0</v>
      </c>
      <c r="CO8" s="254">
        <v>0</v>
      </c>
      <c r="CP8" s="256">
        <v>0</v>
      </c>
      <c r="CQ8" s="257">
        <v>2</v>
      </c>
      <c r="CR8" s="257">
        <v>6</v>
      </c>
      <c r="CS8" s="257">
        <v>3</v>
      </c>
      <c r="CT8" s="257">
        <v>4</v>
      </c>
      <c r="CU8" s="257">
        <v>4</v>
      </c>
      <c r="CV8" s="254">
        <v>19</v>
      </c>
      <c r="CW8" s="259">
        <v>19</v>
      </c>
      <c r="CX8" s="253">
        <v>0</v>
      </c>
      <c r="CY8" s="257">
        <v>0</v>
      </c>
      <c r="CZ8" s="254">
        <v>0</v>
      </c>
      <c r="DA8" s="256">
        <v>0</v>
      </c>
      <c r="DB8" s="257">
        <v>0</v>
      </c>
      <c r="DC8" s="257">
        <v>0</v>
      </c>
      <c r="DD8" s="257">
        <v>0</v>
      </c>
      <c r="DE8" s="257">
        <v>0</v>
      </c>
      <c r="DF8" s="257">
        <v>0</v>
      </c>
      <c r="DG8" s="254">
        <v>0</v>
      </c>
      <c r="DH8" s="259">
        <v>0</v>
      </c>
      <c r="DI8" s="253">
        <v>0</v>
      </c>
      <c r="DJ8" s="257">
        <v>0</v>
      </c>
      <c r="DK8" s="254">
        <v>0</v>
      </c>
      <c r="DL8" s="256">
        <v>0</v>
      </c>
      <c r="DM8" s="257">
        <v>0</v>
      </c>
      <c r="DN8" s="257">
        <v>0</v>
      </c>
      <c r="DO8" s="257">
        <v>0</v>
      </c>
      <c r="DP8" s="257">
        <v>0</v>
      </c>
      <c r="DQ8" s="257">
        <v>0</v>
      </c>
      <c r="DR8" s="254">
        <v>0</v>
      </c>
      <c r="DS8" s="259">
        <v>0</v>
      </c>
      <c r="DT8" s="253">
        <v>74</v>
      </c>
      <c r="DU8" s="257">
        <v>133</v>
      </c>
      <c r="DV8" s="254">
        <v>207</v>
      </c>
      <c r="DW8" s="256">
        <v>0</v>
      </c>
      <c r="DX8" s="257">
        <v>273</v>
      </c>
      <c r="DY8" s="257">
        <v>373</v>
      </c>
      <c r="DZ8" s="257">
        <v>199</v>
      </c>
      <c r="EA8" s="257">
        <v>159</v>
      </c>
      <c r="EB8" s="257">
        <v>100</v>
      </c>
      <c r="EC8" s="254">
        <v>1104</v>
      </c>
      <c r="ED8" s="259">
        <v>1311</v>
      </c>
      <c r="EE8" s="253">
        <v>28</v>
      </c>
      <c r="EF8" s="257">
        <v>11</v>
      </c>
      <c r="EG8" s="254">
        <v>39</v>
      </c>
      <c r="EH8" s="256">
        <v>0</v>
      </c>
      <c r="EI8" s="257">
        <v>95</v>
      </c>
      <c r="EJ8" s="257">
        <v>64</v>
      </c>
      <c r="EK8" s="257">
        <v>57</v>
      </c>
      <c r="EL8" s="257">
        <v>64</v>
      </c>
      <c r="EM8" s="257">
        <v>32</v>
      </c>
      <c r="EN8" s="254">
        <v>312</v>
      </c>
      <c r="EO8" s="259">
        <v>351</v>
      </c>
      <c r="EP8" s="253">
        <v>94</v>
      </c>
      <c r="EQ8" s="257">
        <v>170</v>
      </c>
      <c r="ER8" s="254">
        <v>264</v>
      </c>
      <c r="ES8" s="256">
        <v>0</v>
      </c>
      <c r="ET8" s="257">
        <v>610</v>
      </c>
      <c r="EU8" s="257">
        <v>496</v>
      </c>
      <c r="EV8" s="257">
        <v>234</v>
      </c>
      <c r="EW8" s="257">
        <v>157</v>
      </c>
      <c r="EX8" s="257">
        <v>100</v>
      </c>
      <c r="EY8" s="254">
        <v>1597</v>
      </c>
      <c r="EZ8" s="259">
        <v>1861</v>
      </c>
    </row>
    <row r="9" spans="2:156" ht="21" customHeight="1" x14ac:dyDescent="0.2">
      <c r="B9" s="437" t="s">
        <v>14</v>
      </c>
      <c r="C9" s="253">
        <v>0</v>
      </c>
      <c r="D9" s="257">
        <v>0</v>
      </c>
      <c r="E9" s="340">
        <v>0</v>
      </c>
      <c r="F9" s="256">
        <v>0</v>
      </c>
      <c r="G9" s="257">
        <v>55</v>
      </c>
      <c r="H9" s="257">
        <v>97</v>
      </c>
      <c r="I9" s="257">
        <v>56</v>
      </c>
      <c r="J9" s="257">
        <v>39</v>
      </c>
      <c r="K9" s="257">
        <v>31</v>
      </c>
      <c r="L9" s="258">
        <v>278</v>
      </c>
      <c r="M9" s="259">
        <v>278</v>
      </c>
      <c r="N9" s="253">
        <v>0</v>
      </c>
      <c r="O9" s="257">
        <v>0</v>
      </c>
      <c r="P9" s="254">
        <v>0</v>
      </c>
      <c r="Q9" s="256">
        <v>0</v>
      </c>
      <c r="R9" s="257">
        <v>0</v>
      </c>
      <c r="S9" s="257">
        <v>2</v>
      </c>
      <c r="T9" s="257">
        <v>4</v>
      </c>
      <c r="U9" s="257">
        <v>6</v>
      </c>
      <c r="V9" s="257">
        <v>5</v>
      </c>
      <c r="W9" s="254">
        <v>17</v>
      </c>
      <c r="X9" s="259">
        <v>17</v>
      </c>
      <c r="Y9" s="253">
        <v>9</v>
      </c>
      <c r="Z9" s="257">
        <v>29</v>
      </c>
      <c r="AA9" s="254">
        <v>38</v>
      </c>
      <c r="AB9" s="256">
        <v>0</v>
      </c>
      <c r="AC9" s="257">
        <v>51</v>
      </c>
      <c r="AD9" s="257">
        <v>92</v>
      </c>
      <c r="AE9" s="257">
        <v>58</v>
      </c>
      <c r="AF9" s="257">
        <v>36</v>
      </c>
      <c r="AG9" s="257">
        <v>31</v>
      </c>
      <c r="AH9" s="254">
        <v>268</v>
      </c>
      <c r="AI9" s="259">
        <v>306</v>
      </c>
      <c r="AJ9" s="253">
        <v>0</v>
      </c>
      <c r="AK9" s="257">
        <v>3</v>
      </c>
      <c r="AL9" s="254">
        <v>3</v>
      </c>
      <c r="AM9" s="256">
        <v>0</v>
      </c>
      <c r="AN9" s="257">
        <v>0</v>
      </c>
      <c r="AO9" s="257">
        <v>2</v>
      </c>
      <c r="AP9" s="257">
        <v>4</v>
      </c>
      <c r="AQ9" s="257">
        <v>5</v>
      </c>
      <c r="AR9" s="257">
        <v>1</v>
      </c>
      <c r="AS9" s="254">
        <v>12</v>
      </c>
      <c r="AT9" s="259">
        <v>15</v>
      </c>
      <c r="AU9" s="253">
        <v>18</v>
      </c>
      <c r="AV9" s="257">
        <v>22</v>
      </c>
      <c r="AW9" s="254">
        <v>40</v>
      </c>
      <c r="AX9" s="256">
        <v>0</v>
      </c>
      <c r="AY9" s="257">
        <v>79</v>
      </c>
      <c r="AZ9" s="257">
        <v>116</v>
      </c>
      <c r="BA9" s="257">
        <v>118</v>
      </c>
      <c r="BB9" s="257">
        <v>98</v>
      </c>
      <c r="BC9" s="257">
        <v>56</v>
      </c>
      <c r="BD9" s="258">
        <v>467</v>
      </c>
      <c r="BE9" s="259">
        <v>507</v>
      </c>
      <c r="BF9" s="253">
        <v>0</v>
      </c>
      <c r="BG9" s="257">
        <v>0</v>
      </c>
      <c r="BH9" s="254">
        <v>0</v>
      </c>
      <c r="BI9" s="256">
        <v>0</v>
      </c>
      <c r="BJ9" s="257">
        <v>104</v>
      </c>
      <c r="BK9" s="257">
        <v>123</v>
      </c>
      <c r="BL9" s="257">
        <v>75</v>
      </c>
      <c r="BM9" s="257">
        <v>32</v>
      </c>
      <c r="BN9" s="257">
        <v>15</v>
      </c>
      <c r="BO9" s="254">
        <v>349</v>
      </c>
      <c r="BP9" s="259">
        <v>349</v>
      </c>
      <c r="BQ9" s="253">
        <v>5</v>
      </c>
      <c r="BR9" s="257">
        <v>12</v>
      </c>
      <c r="BS9" s="254">
        <v>17</v>
      </c>
      <c r="BT9" s="256">
        <v>0</v>
      </c>
      <c r="BU9" s="257">
        <v>15</v>
      </c>
      <c r="BV9" s="257">
        <v>31</v>
      </c>
      <c r="BW9" s="257">
        <v>14</v>
      </c>
      <c r="BX9" s="257">
        <v>10</v>
      </c>
      <c r="BY9" s="257">
        <v>0</v>
      </c>
      <c r="BZ9" s="254">
        <v>70</v>
      </c>
      <c r="CA9" s="259">
        <v>87</v>
      </c>
      <c r="CB9" s="253">
        <v>0</v>
      </c>
      <c r="CC9" s="257">
        <v>3</v>
      </c>
      <c r="CD9" s="254">
        <v>3</v>
      </c>
      <c r="CE9" s="256">
        <v>0</v>
      </c>
      <c r="CF9" s="257">
        <v>8</v>
      </c>
      <c r="CG9" s="257">
        <v>26</v>
      </c>
      <c r="CH9" s="257">
        <v>26</v>
      </c>
      <c r="CI9" s="257">
        <v>17</v>
      </c>
      <c r="CJ9" s="257">
        <v>6</v>
      </c>
      <c r="CK9" s="254">
        <v>83</v>
      </c>
      <c r="CL9" s="259">
        <v>86</v>
      </c>
      <c r="CM9" s="253">
        <v>0</v>
      </c>
      <c r="CN9" s="257">
        <v>0</v>
      </c>
      <c r="CO9" s="254">
        <v>0</v>
      </c>
      <c r="CP9" s="256">
        <v>0</v>
      </c>
      <c r="CQ9" s="257">
        <v>0</v>
      </c>
      <c r="CR9" s="257">
        <v>1</v>
      </c>
      <c r="CS9" s="257">
        <v>0</v>
      </c>
      <c r="CT9" s="257">
        <v>1</v>
      </c>
      <c r="CU9" s="257">
        <v>1</v>
      </c>
      <c r="CV9" s="254">
        <v>3</v>
      </c>
      <c r="CW9" s="259">
        <v>3</v>
      </c>
      <c r="CX9" s="253">
        <v>0</v>
      </c>
      <c r="CY9" s="257">
        <v>0</v>
      </c>
      <c r="CZ9" s="254">
        <v>0</v>
      </c>
      <c r="DA9" s="256">
        <v>0</v>
      </c>
      <c r="DB9" s="257">
        <v>0</v>
      </c>
      <c r="DC9" s="257">
        <v>0</v>
      </c>
      <c r="DD9" s="257">
        <v>0</v>
      </c>
      <c r="DE9" s="257">
        <v>0</v>
      </c>
      <c r="DF9" s="257">
        <v>0</v>
      </c>
      <c r="DG9" s="254">
        <v>0</v>
      </c>
      <c r="DH9" s="259">
        <v>0</v>
      </c>
      <c r="DI9" s="253">
        <v>0</v>
      </c>
      <c r="DJ9" s="257">
        <v>0</v>
      </c>
      <c r="DK9" s="254">
        <v>0</v>
      </c>
      <c r="DL9" s="256">
        <v>0</v>
      </c>
      <c r="DM9" s="257">
        <v>0</v>
      </c>
      <c r="DN9" s="257">
        <v>0</v>
      </c>
      <c r="DO9" s="257">
        <v>0</v>
      </c>
      <c r="DP9" s="257">
        <v>0</v>
      </c>
      <c r="DQ9" s="257">
        <v>0</v>
      </c>
      <c r="DR9" s="254">
        <v>0</v>
      </c>
      <c r="DS9" s="259">
        <v>0</v>
      </c>
      <c r="DT9" s="253">
        <v>37</v>
      </c>
      <c r="DU9" s="257">
        <v>108</v>
      </c>
      <c r="DV9" s="254">
        <v>145</v>
      </c>
      <c r="DW9" s="256">
        <v>0</v>
      </c>
      <c r="DX9" s="257">
        <v>113</v>
      </c>
      <c r="DY9" s="257">
        <v>254</v>
      </c>
      <c r="DZ9" s="257">
        <v>151</v>
      </c>
      <c r="EA9" s="257">
        <v>96</v>
      </c>
      <c r="EB9" s="257">
        <v>49</v>
      </c>
      <c r="EC9" s="254">
        <v>663</v>
      </c>
      <c r="ED9" s="259">
        <v>808</v>
      </c>
      <c r="EE9" s="253">
        <v>13</v>
      </c>
      <c r="EF9" s="257">
        <v>8</v>
      </c>
      <c r="EG9" s="254">
        <v>21</v>
      </c>
      <c r="EH9" s="256">
        <v>0</v>
      </c>
      <c r="EI9" s="257">
        <v>30</v>
      </c>
      <c r="EJ9" s="257">
        <v>35</v>
      </c>
      <c r="EK9" s="257">
        <v>27</v>
      </c>
      <c r="EL9" s="257">
        <v>27</v>
      </c>
      <c r="EM9" s="257">
        <v>13</v>
      </c>
      <c r="EN9" s="254">
        <v>132</v>
      </c>
      <c r="EO9" s="259">
        <v>153</v>
      </c>
      <c r="EP9" s="253">
        <v>51</v>
      </c>
      <c r="EQ9" s="257">
        <v>129</v>
      </c>
      <c r="ER9" s="254">
        <v>180</v>
      </c>
      <c r="ES9" s="256">
        <v>0</v>
      </c>
      <c r="ET9" s="257">
        <v>255</v>
      </c>
      <c r="EU9" s="257">
        <v>342</v>
      </c>
      <c r="EV9" s="257">
        <v>185</v>
      </c>
      <c r="EW9" s="257">
        <v>111</v>
      </c>
      <c r="EX9" s="257">
        <v>49</v>
      </c>
      <c r="EY9" s="254">
        <v>942</v>
      </c>
      <c r="EZ9" s="259">
        <v>1122</v>
      </c>
    </row>
    <row r="10" spans="2:156" ht="21" customHeight="1" x14ac:dyDescent="0.2">
      <c r="B10" s="437" t="s">
        <v>7</v>
      </c>
      <c r="C10" s="253">
        <v>0</v>
      </c>
      <c r="D10" s="257">
        <v>0</v>
      </c>
      <c r="E10" s="340">
        <v>0</v>
      </c>
      <c r="F10" s="256">
        <v>0</v>
      </c>
      <c r="G10" s="257">
        <v>119</v>
      </c>
      <c r="H10" s="257">
        <v>93</v>
      </c>
      <c r="I10" s="257">
        <v>42</v>
      </c>
      <c r="J10" s="257">
        <v>31</v>
      </c>
      <c r="K10" s="257">
        <v>30</v>
      </c>
      <c r="L10" s="258">
        <v>315</v>
      </c>
      <c r="M10" s="259">
        <v>315</v>
      </c>
      <c r="N10" s="253">
        <v>0</v>
      </c>
      <c r="O10" s="257">
        <v>0</v>
      </c>
      <c r="P10" s="254">
        <v>0</v>
      </c>
      <c r="Q10" s="256">
        <v>0</v>
      </c>
      <c r="R10" s="257">
        <v>0</v>
      </c>
      <c r="S10" s="257">
        <v>5</v>
      </c>
      <c r="T10" s="257">
        <v>6</v>
      </c>
      <c r="U10" s="257">
        <v>11</v>
      </c>
      <c r="V10" s="257">
        <v>16</v>
      </c>
      <c r="W10" s="254">
        <v>38</v>
      </c>
      <c r="X10" s="259">
        <v>38</v>
      </c>
      <c r="Y10" s="253">
        <v>3</v>
      </c>
      <c r="Z10" s="257">
        <v>3</v>
      </c>
      <c r="AA10" s="254">
        <v>6</v>
      </c>
      <c r="AB10" s="256">
        <v>0</v>
      </c>
      <c r="AC10" s="257">
        <v>53</v>
      </c>
      <c r="AD10" s="257">
        <v>47</v>
      </c>
      <c r="AE10" s="257">
        <v>33</v>
      </c>
      <c r="AF10" s="257">
        <v>19</v>
      </c>
      <c r="AG10" s="257">
        <v>20</v>
      </c>
      <c r="AH10" s="254">
        <v>172</v>
      </c>
      <c r="AI10" s="259">
        <v>178</v>
      </c>
      <c r="AJ10" s="253">
        <v>1</v>
      </c>
      <c r="AK10" s="257">
        <v>0</v>
      </c>
      <c r="AL10" s="254">
        <v>1</v>
      </c>
      <c r="AM10" s="256">
        <v>0</v>
      </c>
      <c r="AN10" s="257">
        <v>5</v>
      </c>
      <c r="AO10" s="257">
        <v>7</v>
      </c>
      <c r="AP10" s="257">
        <v>7</v>
      </c>
      <c r="AQ10" s="257">
        <v>5</v>
      </c>
      <c r="AR10" s="257">
        <v>2</v>
      </c>
      <c r="AS10" s="254">
        <v>26</v>
      </c>
      <c r="AT10" s="259">
        <v>27</v>
      </c>
      <c r="AU10" s="253">
        <v>12</v>
      </c>
      <c r="AV10" s="257">
        <v>13</v>
      </c>
      <c r="AW10" s="254">
        <v>25</v>
      </c>
      <c r="AX10" s="256">
        <v>0</v>
      </c>
      <c r="AY10" s="257">
        <v>105</v>
      </c>
      <c r="AZ10" s="257">
        <v>117</v>
      </c>
      <c r="BA10" s="257">
        <v>88</v>
      </c>
      <c r="BB10" s="257">
        <v>69</v>
      </c>
      <c r="BC10" s="257">
        <v>52</v>
      </c>
      <c r="BD10" s="258">
        <v>431</v>
      </c>
      <c r="BE10" s="259">
        <v>456</v>
      </c>
      <c r="BF10" s="253">
        <v>0</v>
      </c>
      <c r="BG10" s="257">
        <v>0</v>
      </c>
      <c r="BH10" s="254">
        <v>0</v>
      </c>
      <c r="BI10" s="256">
        <v>0</v>
      </c>
      <c r="BJ10" s="257">
        <v>146</v>
      </c>
      <c r="BK10" s="257">
        <v>98</v>
      </c>
      <c r="BL10" s="257">
        <v>41</v>
      </c>
      <c r="BM10" s="257">
        <v>19</v>
      </c>
      <c r="BN10" s="257">
        <v>10</v>
      </c>
      <c r="BO10" s="254">
        <v>314</v>
      </c>
      <c r="BP10" s="259">
        <v>314</v>
      </c>
      <c r="BQ10" s="253">
        <v>3</v>
      </c>
      <c r="BR10" s="257">
        <v>4</v>
      </c>
      <c r="BS10" s="254">
        <v>7</v>
      </c>
      <c r="BT10" s="256">
        <v>0</v>
      </c>
      <c r="BU10" s="257">
        <v>23</v>
      </c>
      <c r="BV10" s="257">
        <v>22</v>
      </c>
      <c r="BW10" s="257">
        <v>13</v>
      </c>
      <c r="BX10" s="257">
        <v>4</v>
      </c>
      <c r="BY10" s="257">
        <v>2</v>
      </c>
      <c r="BZ10" s="254">
        <v>64</v>
      </c>
      <c r="CA10" s="259">
        <v>71</v>
      </c>
      <c r="CB10" s="253">
        <v>0</v>
      </c>
      <c r="CC10" s="257">
        <v>1</v>
      </c>
      <c r="CD10" s="254">
        <v>1</v>
      </c>
      <c r="CE10" s="256">
        <v>0</v>
      </c>
      <c r="CF10" s="257">
        <v>21</v>
      </c>
      <c r="CG10" s="257">
        <v>35</v>
      </c>
      <c r="CH10" s="257">
        <v>24</v>
      </c>
      <c r="CI10" s="257">
        <v>17</v>
      </c>
      <c r="CJ10" s="257">
        <v>10</v>
      </c>
      <c r="CK10" s="254">
        <v>107</v>
      </c>
      <c r="CL10" s="259">
        <v>108</v>
      </c>
      <c r="CM10" s="253">
        <v>0</v>
      </c>
      <c r="CN10" s="257">
        <v>0</v>
      </c>
      <c r="CO10" s="254">
        <v>0</v>
      </c>
      <c r="CP10" s="256">
        <v>0</v>
      </c>
      <c r="CQ10" s="257">
        <v>1</v>
      </c>
      <c r="CR10" s="257">
        <v>1</v>
      </c>
      <c r="CS10" s="257">
        <v>2</v>
      </c>
      <c r="CT10" s="257">
        <v>2</v>
      </c>
      <c r="CU10" s="257">
        <v>0</v>
      </c>
      <c r="CV10" s="254">
        <v>6</v>
      </c>
      <c r="CW10" s="259">
        <v>6</v>
      </c>
      <c r="CX10" s="253">
        <v>0</v>
      </c>
      <c r="CY10" s="257">
        <v>0</v>
      </c>
      <c r="CZ10" s="254">
        <v>0</v>
      </c>
      <c r="DA10" s="256">
        <v>0</v>
      </c>
      <c r="DB10" s="257">
        <v>0</v>
      </c>
      <c r="DC10" s="257">
        <v>0</v>
      </c>
      <c r="DD10" s="257">
        <v>0</v>
      </c>
      <c r="DE10" s="257">
        <v>0</v>
      </c>
      <c r="DF10" s="257">
        <v>0</v>
      </c>
      <c r="DG10" s="254">
        <v>0</v>
      </c>
      <c r="DH10" s="259">
        <v>0</v>
      </c>
      <c r="DI10" s="253">
        <v>0</v>
      </c>
      <c r="DJ10" s="257">
        <v>0</v>
      </c>
      <c r="DK10" s="254">
        <v>0</v>
      </c>
      <c r="DL10" s="256">
        <v>0</v>
      </c>
      <c r="DM10" s="257">
        <v>0</v>
      </c>
      <c r="DN10" s="257">
        <v>0</v>
      </c>
      <c r="DO10" s="257">
        <v>0</v>
      </c>
      <c r="DP10" s="257">
        <v>0</v>
      </c>
      <c r="DQ10" s="257">
        <v>0</v>
      </c>
      <c r="DR10" s="254">
        <v>0</v>
      </c>
      <c r="DS10" s="259">
        <v>0</v>
      </c>
      <c r="DT10" s="253">
        <v>28</v>
      </c>
      <c r="DU10" s="257">
        <v>31</v>
      </c>
      <c r="DV10" s="254">
        <v>59</v>
      </c>
      <c r="DW10" s="256">
        <v>0</v>
      </c>
      <c r="DX10" s="257">
        <v>148</v>
      </c>
      <c r="DY10" s="257">
        <v>194</v>
      </c>
      <c r="DZ10" s="257">
        <v>98</v>
      </c>
      <c r="EA10" s="257">
        <v>65</v>
      </c>
      <c r="EB10" s="257">
        <v>44</v>
      </c>
      <c r="EC10" s="254">
        <v>549</v>
      </c>
      <c r="ED10" s="259">
        <v>608</v>
      </c>
      <c r="EE10" s="253">
        <v>6</v>
      </c>
      <c r="EF10" s="257">
        <v>13</v>
      </c>
      <c r="EG10" s="254">
        <v>19</v>
      </c>
      <c r="EH10" s="256">
        <v>0</v>
      </c>
      <c r="EI10" s="257">
        <v>44</v>
      </c>
      <c r="EJ10" s="257">
        <v>41</v>
      </c>
      <c r="EK10" s="257">
        <v>28</v>
      </c>
      <c r="EL10" s="257">
        <v>25</v>
      </c>
      <c r="EM10" s="257">
        <v>12</v>
      </c>
      <c r="EN10" s="254">
        <v>150</v>
      </c>
      <c r="EO10" s="259">
        <v>169</v>
      </c>
      <c r="EP10" s="253">
        <v>35</v>
      </c>
      <c r="EQ10" s="257">
        <v>37</v>
      </c>
      <c r="ER10" s="254">
        <v>72</v>
      </c>
      <c r="ES10" s="256">
        <v>0</v>
      </c>
      <c r="ET10" s="257">
        <v>355</v>
      </c>
      <c r="EU10" s="257">
        <v>267</v>
      </c>
      <c r="EV10" s="257">
        <v>122</v>
      </c>
      <c r="EW10" s="257">
        <v>72</v>
      </c>
      <c r="EX10" s="257">
        <v>46</v>
      </c>
      <c r="EY10" s="254">
        <v>862</v>
      </c>
      <c r="EZ10" s="259">
        <v>934</v>
      </c>
    </row>
    <row r="11" spans="2:156" ht="21" customHeight="1" x14ac:dyDescent="0.2">
      <c r="B11" s="437" t="s">
        <v>8</v>
      </c>
      <c r="C11" s="253">
        <v>0</v>
      </c>
      <c r="D11" s="257">
        <v>0</v>
      </c>
      <c r="E11" s="340">
        <v>0</v>
      </c>
      <c r="F11" s="256">
        <v>0</v>
      </c>
      <c r="G11" s="257">
        <v>16</v>
      </c>
      <c r="H11" s="257">
        <v>25</v>
      </c>
      <c r="I11" s="257">
        <v>29</v>
      </c>
      <c r="J11" s="257">
        <v>12</v>
      </c>
      <c r="K11" s="257">
        <v>14</v>
      </c>
      <c r="L11" s="258">
        <v>96</v>
      </c>
      <c r="M11" s="259">
        <v>96</v>
      </c>
      <c r="N11" s="253">
        <v>0</v>
      </c>
      <c r="O11" s="257">
        <v>0</v>
      </c>
      <c r="P11" s="254">
        <v>0</v>
      </c>
      <c r="Q11" s="256">
        <v>0</v>
      </c>
      <c r="R11" s="257">
        <v>0</v>
      </c>
      <c r="S11" s="257">
        <v>0</v>
      </c>
      <c r="T11" s="257">
        <v>2</v>
      </c>
      <c r="U11" s="257">
        <v>4</v>
      </c>
      <c r="V11" s="257">
        <v>7</v>
      </c>
      <c r="W11" s="254">
        <v>13</v>
      </c>
      <c r="X11" s="259">
        <v>13</v>
      </c>
      <c r="Y11" s="253">
        <v>5</v>
      </c>
      <c r="Z11" s="257">
        <v>3</v>
      </c>
      <c r="AA11" s="254">
        <v>8</v>
      </c>
      <c r="AB11" s="256">
        <v>0</v>
      </c>
      <c r="AC11" s="257">
        <v>14</v>
      </c>
      <c r="AD11" s="257">
        <v>27</v>
      </c>
      <c r="AE11" s="257">
        <v>32</v>
      </c>
      <c r="AF11" s="257">
        <v>10</v>
      </c>
      <c r="AG11" s="257">
        <v>12</v>
      </c>
      <c r="AH11" s="254">
        <v>95</v>
      </c>
      <c r="AI11" s="259">
        <v>103</v>
      </c>
      <c r="AJ11" s="253">
        <v>0</v>
      </c>
      <c r="AK11" s="257">
        <v>0</v>
      </c>
      <c r="AL11" s="254">
        <v>0</v>
      </c>
      <c r="AM11" s="256">
        <v>0</v>
      </c>
      <c r="AN11" s="257">
        <v>4</v>
      </c>
      <c r="AO11" s="257">
        <v>1</v>
      </c>
      <c r="AP11" s="257">
        <v>7</v>
      </c>
      <c r="AQ11" s="257">
        <v>3</v>
      </c>
      <c r="AR11" s="257">
        <v>1</v>
      </c>
      <c r="AS11" s="254">
        <v>16</v>
      </c>
      <c r="AT11" s="259">
        <v>16</v>
      </c>
      <c r="AU11" s="253">
        <v>11</v>
      </c>
      <c r="AV11" s="257">
        <v>2</v>
      </c>
      <c r="AW11" s="254">
        <v>13</v>
      </c>
      <c r="AX11" s="256">
        <v>0</v>
      </c>
      <c r="AY11" s="257">
        <v>35</v>
      </c>
      <c r="AZ11" s="257">
        <v>32</v>
      </c>
      <c r="BA11" s="257">
        <v>51</v>
      </c>
      <c r="BB11" s="257">
        <v>30</v>
      </c>
      <c r="BC11" s="257">
        <v>22</v>
      </c>
      <c r="BD11" s="258">
        <v>170</v>
      </c>
      <c r="BE11" s="259">
        <v>183</v>
      </c>
      <c r="BF11" s="253">
        <v>0</v>
      </c>
      <c r="BG11" s="257">
        <v>0</v>
      </c>
      <c r="BH11" s="254">
        <v>0</v>
      </c>
      <c r="BI11" s="256">
        <v>0</v>
      </c>
      <c r="BJ11" s="257">
        <v>29</v>
      </c>
      <c r="BK11" s="257">
        <v>34</v>
      </c>
      <c r="BL11" s="257">
        <v>23</v>
      </c>
      <c r="BM11" s="257">
        <v>16</v>
      </c>
      <c r="BN11" s="257">
        <v>3</v>
      </c>
      <c r="BO11" s="254">
        <v>105</v>
      </c>
      <c r="BP11" s="259">
        <v>105</v>
      </c>
      <c r="BQ11" s="253">
        <v>5</v>
      </c>
      <c r="BR11" s="257">
        <v>2</v>
      </c>
      <c r="BS11" s="254">
        <v>7</v>
      </c>
      <c r="BT11" s="256">
        <v>0</v>
      </c>
      <c r="BU11" s="257">
        <v>11</v>
      </c>
      <c r="BV11" s="257">
        <v>8</v>
      </c>
      <c r="BW11" s="257">
        <v>8</v>
      </c>
      <c r="BX11" s="257">
        <v>3</v>
      </c>
      <c r="BY11" s="257">
        <v>0</v>
      </c>
      <c r="BZ11" s="254">
        <v>30</v>
      </c>
      <c r="CA11" s="259">
        <v>37</v>
      </c>
      <c r="CB11" s="253">
        <v>0</v>
      </c>
      <c r="CC11" s="257">
        <v>1</v>
      </c>
      <c r="CD11" s="254">
        <v>1</v>
      </c>
      <c r="CE11" s="256">
        <v>0</v>
      </c>
      <c r="CF11" s="257">
        <v>7</v>
      </c>
      <c r="CG11" s="257">
        <v>8</v>
      </c>
      <c r="CH11" s="257">
        <v>14</v>
      </c>
      <c r="CI11" s="257">
        <v>6</v>
      </c>
      <c r="CJ11" s="257">
        <v>0</v>
      </c>
      <c r="CK11" s="254">
        <v>35</v>
      </c>
      <c r="CL11" s="259">
        <v>36</v>
      </c>
      <c r="CM11" s="253">
        <v>0</v>
      </c>
      <c r="CN11" s="257">
        <v>0</v>
      </c>
      <c r="CO11" s="254">
        <v>0</v>
      </c>
      <c r="CP11" s="256">
        <v>0</v>
      </c>
      <c r="CQ11" s="257">
        <v>0</v>
      </c>
      <c r="CR11" s="257">
        <v>0</v>
      </c>
      <c r="CS11" s="257">
        <v>1</v>
      </c>
      <c r="CT11" s="257">
        <v>0</v>
      </c>
      <c r="CU11" s="257">
        <v>0</v>
      </c>
      <c r="CV11" s="254">
        <v>1</v>
      </c>
      <c r="CW11" s="259">
        <v>1</v>
      </c>
      <c r="CX11" s="253">
        <v>0</v>
      </c>
      <c r="CY11" s="257">
        <v>0</v>
      </c>
      <c r="CZ11" s="254">
        <v>0</v>
      </c>
      <c r="DA11" s="256">
        <v>0</v>
      </c>
      <c r="DB11" s="257">
        <v>0</v>
      </c>
      <c r="DC11" s="257">
        <v>0</v>
      </c>
      <c r="DD11" s="257">
        <v>0</v>
      </c>
      <c r="DE11" s="257">
        <v>0</v>
      </c>
      <c r="DF11" s="257">
        <v>0</v>
      </c>
      <c r="DG11" s="254">
        <v>0</v>
      </c>
      <c r="DH11" s="259">
        <v>0</v>
      </c>
      <c r="DI11" s="253">
        <v>0</v>
      </c>
      <c r="DJ11" s="257">
        <v>0</v>
      </c>
      <c r="DK11" s="254">
        <v>0</v>
      </c>
      <c r="DL11" s="256">
        <v>0</v>
      </c>
      <c r="DM11" s="257">
        <v>0</v>
      </c>
      <c r="DN11" s="257">
        <v>0</v>
      </c>
      <c r="DO11" s="257">
        <v>0</v>
      </c>
      <c r="DP11" s="257">
        <v>0</v>
      </c>
      <c r="DQ11" s="257">
        <v>0</v>
      </c>
      <c r="DR11" s="254">
        <v>0</v>
      </c>
      <c r="DS11" s="259">
        <v>0</v>
      </c>
      <c r="DT11" s="253">
        <v>22</v>
      </c>
      <c r="DU11" s="257">
        <v>26</v>
      </c>
      <c r="DV11" s="254">
        <v>48</v>
      </c>
      <c r="DW11" s="256">
        <v>0</v>
      </c>
      <c r="DX11" s="257">
        <v>46</v>
      </c>
      <c r="DY11" s="257">
        <v>83</v>
      </c>
      <c r="DZ11" s="257">
        <v>68</v>
      </c>
      <c r="EA11" s="257">
        <v>38</v>
      </c>
      <c r="EB11" s="257">
        <v>20</v>
      </c>
      <c r="EC11" s="254">
        <v>255</v>
      </c>
      <c r="ED11" s="259">
        <v>303</v>
      </c>
      <c r="EE11" s="253">
        <v>8</v>
      </c>
      <c r="EF11" s="257">
        <v>1</v>
      </c>
      <c r="EG11" s="254">
        <v>9</v>
      </c>
      <c r="EH11" s="256">
        <v>0</v>
      </c>
      <c r="EI11" s="257">
        <v>18</v>
      </c>
      <c r="EJ11" s="257">
        <v>8</v>
      </c>
      <c r="EK11" s="257">
        <v>11</v>
      </c>
      <c r="EL11" s="257">
        <v>8</v>
      </c>
      <c r="EM11" s="257">
        <v>6</v>
      </c>
      <c r="EN11" s="254">
        <v>51</v>
      </c>
      <c r="EO11" s="259">
        <v>60</v>
      </c>
      <c r="EP11" s="253">
        <v>30</v>
      </c>
      <c r="EQ11" s="257">
        <v>28</v>
      </c>
      <c r="ER11" s="254">
        <v>58</v>
      </c>
      <c r="ES11" s="256">
        <v>0</v>
      </c>
      <c r="ET11" s="257">
        <v>96</v>
      </c>
      <c r="EU11" s="257">
        <v>105</v>
      </c>
      <c r="EV11" s="257">
        <v>77</v>
      </c>
      <c r="EW11" s="257">
        <v>37</v>
      </c>
      <c r="EX11" s="257">
        <v>19</v>
      </c>
      <c r="EY11" s="254">
        <v>334</v>
      </c>
      <c r="EZ11" s="259">
        <v>392</v>
      </c>
    </row>
    <row r="12" spans="2:156" ht="21" customHeight="1" x14ac:dyDescent="0.2">
      <c r="B12" s="437" t="s">
        <v>9</v>
      </c>
      <c r="C12" s="253">
        <v>0</v>
      </c>
      <c r="D12" s="257">
        <v>0</v>
      </c>
      <c r="E12" s="340">
        <v>0</v>
      </c>
      <c r="F12" s="256">
        <v>0</v>
      </c>
      <c r="G12" s="257">
        <v>52</v>
      </c>
      <c r="H12" s="257">
        <v>38</v>
      </c>
      <c r="I12" s="257">
        <v>32</v>
      </c>
      <c r="J12" s="257">
        <v>25</v>
      </c>
      <c r="K12" s="257">
        <v>20</v>
      </c>
      <c r="L12" s="258">
        <v>167</v>
      </c>
      <c r="M12" s="259">
        <v>167</v>
      </c>
      <c r="N12" s="253">
        <v>0</v>
      </c>
      <c r="O12" s="257">
        <v>0</v>
      </c>
      <c r="P12" s="254">
        <v>0</v>
      </c>
      <c r="Q12" s="256">
        <v>0</v>
      </c>
      <c r="R12" s="257">
        <v>0</v>
      </c>
      <c r="S12" s="257">
        <v>2</v>
      </c>
      <c r="T12" s="257">
        <v>2</v>
      </c>
      <c r="U12" s="257">
        <v>0</v>
      </c>
      <c r="V12" s="257">
        <v>5</v>
      </c>
      <c r="W12" s="254">
        <v>9</v>
      </c>
      <c r="X12" s="259">
        <v>9</v>
      </c>
      <c r="Y12" s="253">
        <v>6</v>
      </c>
      <c r="Z12" s="257">
        <v>8</v>
      </c>
      <c r="AA12" s="254">
        <v>14</v>
      </c>
      <c r="AB12" s="256">
        <v>0</v>
      </c>
      <c r="AC12" s="257">
        <v>49</v>
      </c>
      <c r="AD12" s="257">
        <v>25</v>
      </c>
      <c r="AE12" s="257">
        <v>33</v>
      </c>
      <c r="AF12" s="257">
        <v>24</v>
      </c>
      <c r="AG12" s="257">
        <v>20</v>
      </c>
      <c r="AH12" s="254">
        <v>151</v>
      </c>
      <c r="AI12" s="259">
        <v>165</v>
      </c>
      <c r="AJ12" s="253">
        <v>1</v>
      </c>
      <c r="AK12" s="257">
        <v>2</v>
      </c>
      <c r="AL12" s="254">
        <v>3</v>
      </c>
      <c r="AM12" s="256">
        <v>0</v>
      </c>
      <c r="AN12" s="257">
        <v>1</v>
      </c>
      <c r="AO12" s="257">
        <v>5</v>
      </c>
      <c r="AP12" s="257">
        <v>4</v>
      </c>
      <c r="AQ12" s="257">
        <v>3</v>
      </c>
      <c r="AR12" s="257">
        <v>3</v>
      </c>
      <c r="AS12" s="254">
        <v>16</v>
      </c>
      <c r="AT12" s="259">
        <v>19</v>
      </c>
      <c r="AU12" s="253">
        <v>8</v>
      </c>
      <c r="AV12" s="257">
        <v>8</v>
      </c>
      <c r="AW12" s="254">
        <v>16</v>
      </c>
      <c r="AX12" s="256">
        <v>0</v>
      </c>
      <c r="AY12" s="257">
        <v>54</v>
      </c>
      <c r="AZ12" s="257">
        <v>48</v>
      </c>
      <c r="BA12" s="257">
        <v>65</v>
      </c>
      <c r="BB12" s="257">
        <v>47</v>
      </c>
      <c r="BC12" s="257">
        <v>34</v>
      </c>
      <c r="BD12" s="258">
        <v>248</v>
      </c>
      <c r="BE12" s="259">
        <v>264</v>
      </c>
      <c r="BF12" s="253">
        <v>0</v>
      </c>
      <c r="BG12" s="257">
        <v>0</v>
      </c>
      <c r="BH12" s="254">
        <v>0</v>
      </c>
      <c r="BI12" s="256">
        <v>0</v>
      </c>
      <c r="BJ12" s="257">
        <v>56</v>
      </c>
      <c r="BK12" s="257">
        <v>31</v>
      </c>
      <c r="BL12" s="257">
        <v>20</v>
      </c>
      <c r="BM12" s="257">
        <v>17</v>
      </c>
      <c r="BN12" s="257">
        <v>3</v>
      </c>
      <c r="BO12" s="254">
        <v>127</v>
      </c>
      <c r="BP12" s="259">
        <v>127</v>
      </c>
      <c r="BQ12" s="253">
        <v>3</v>
      </c>
      <c r="BR12" s="257">
        <v>9</v>
      </c>
      <c r="BS12" s="254">
        <v>12</v>
      </c>
      <c r="BT12" s="256">
        <v>0</v>
      </c>
      <c r="BU12" s="257">
        <v>15</v>
      </c>
      <c r="BV12" s="257">
        <v>14</v>
      </c>
      <c r="BW12" s="257">
        <v>13</v>
      </c>
      <c r="BX12" s="257">
        <v>7</v>
      </c>
      <c r="BY12" s="257">
        <v>2</v>
      </c>
      <c r="BZ12" s="254">
        <v>51</v>
      </c>
      <c r="CA12" s="259">
        <v>63</v>
      </c>
      <c r="CB12" s="253">
        <v>0</v>
      </c>
      <c r="CC12" s="257">
        <v>0</v>
      </c>
      <c r="CD12" s="254">
        <v>0</v>
      </c>
      <c r="CE12" s="256">
        <v>0</v>
      </c>
      <c r="CF12" s="257">
        <v>6</v>
      </c>
      <c r="CG12" s="257">
        <v>8</v>
      </c>
      <c r="CH12" s="257">
        <v>15</v>
      </c>
      <c r="CI12" s="257">
        <v>7</v>
      </c>
      <c r="CJ12" s="257">
        <v>4</v>
      </c>
      <c r="CK12" s="254">
        <v>40</v>
      </c>
      <c r="CL12" s="259">
        <v>40</v>
      </c>
      <c r="CM12" s="253">
        <v>0</v>
      </c>
      <c r="CN12" s="257">
        <v>0</v>
      </c>
      <c r="CO12" s="254">
        <v>0</v>
      </c>
      <c r="CP12" s="256">
        <v>0</v>
      </c>
      <c r="CQ12" s="257">
        <v>0</v>
      </c>
      <c r="CR12" s="257">
        <v>2</v>
      </c>
      <c r="CS12" s="257">
        <v>1</v>
      </c>
      <c r="CT12" s="257">
        <v>0</v>
      </c>
      <c r="CU12" s="257">
        <v>0</v>
      </c>
      <c r="CV12" s="254">
        <v>3</v>
      </c>
      <c r="CW12" s="259">
        <v>3</v>
      </c>
      <c r="CX12" s="253">
        <v>0</v>
      </c>
      <c r="CY12" s="257">
        <v>0</v>
      </c>
      <c r="CZ12" s="254">
        <v>0</v>
      </c>
      <c r="DA12" s="256">
        <v>0</v>
      </c>
      <c r="DB12" s="257">
        <v>0</v>
      </c>
      <c r="DC12" s="257">
        <v>0</v>
      </c>
      <c r="DD12" s="257">
        <v>0</v>
      </c>
      <c r="DE12" s="257">
        <v>0</v>
      </c>
      <c r="DF12" s="257">
        <v>0</v>
      </c>
      <c r="DG12" s="254">
        <v>0</v>
      </c>
      <c r="DH12" s="259">
        <v>0</v>
      </c>
      <c r="DI12" s="253">
        <v>0</v>
      </c>
      <c r="DJ12" s="257">
        <v>0</v>
      </c>
      <c r="DK12" s="254">
        <v>0</v>
      </c>
      <c r="DL12" s="256">
        <v>0</v>
      </c>
      <c r="DM12" s="257">
        <v>0</v>
      </c>
      <c r="DN12" s="257">
        <v>0</v>
      </c>
      <c r="DO12" s="257">
        <v>0</v>
      </c>
      <c r="DP12" s="257">
        <v>0</v>
      </c>
      <c r="DQ12" s="257">
        <v>0</v>
      </c>
      <c r="DR12" s="254">
        <v>0</v>
      </c>
      <c r="DS12" s="259">
        <v>0</v>
      </c>
      <c r="DT12" s="253">
        <v>28</v>
      </c>
      <c r="DU12" s="257">
        <v>32</v>
      </c>
      <c r="DV12" s="254">
        <v>60</v>
      </c>
      <c r="DW12" s="256">
        <v>0</v>
      </c>
      <c r="DX12" s="257">
        <v>77</v>
      </c>
      <c r="DY12" s="257">
        <v>66</v>
      </c>
      <c r="DZ12" s="257">
        <v>67</v>
      </c>
      <c r="EA12" s="257">
        <v>41</v>
      </c>
      <c r="EB12" s="257">
        <v>31</v>
      </c>
      <c r="EC12" s="254">
        <v>282</v>
      </c>
      <c r="ED12" s="259">
        <v>342</v>
      </c>
      <c r="EE12" s="253">
        <v>6</v>
      </c>
      <c r="EF12" s="257">
        <v>1</v>
      </c>
      <c r="EG12" s="254">
        <v>7</v>
      </c>
      <c r="EH12" s="256">
        <v>0</v>
      </c>
      <c r="EI12" s="257">
        <v>21</v>
      </c>
      <c r="EJ12" s="257">
        <v>18</v>
      </c>
      <c r="EK12" s="257">
        <v>15</v>
      </c>
      <c r="EL12" s="257">
        <v>17</v>
      </c>
      <c r="EM12" s="257">
        <v>9</v>
      </c>
      <c r="EN12" s="254">
        <v>80</v>
      </c>
      <c r="EO12" s="259">
        <v>87</v>
      </c>
      <c r="EP12" s="253">
        <v>31</v>
      </c>
      <c r="EQ12" s="257">
        <v>45</v>
      </c>
      <c r="ER12" s="254">
        <v>76</v>
      </c>
      <c r="ES12" s="256">
        <v>0</v>
      </c>
      <c r="ET12" s="257">
        <v>156</v>
      </c>
      <c r="EU12" s="257">
        <v>101</v>
      </c>
      <c r="EV12" s="257">
        <v>79</v>
      </c>
      <c r="EW12" s="257">
        <v>45</v>
      </c>
      <c r="EX12" s="257">
        <v>31</v>
      </c>
      <c r="EY12" s="254">
        <v>412</v>
      </c>
      <c r="EZ12" s="259">
        <v>488</v>
      </c>
    </row>
    <row r="13" spans="2:156" ht="21" customHeight="1" x14ac:dyDescent="0.2">
      <c r="B13" s="437" t="s">
        <v>10</v>
      </c>
      <c r="C13" s="253">
        <v>0</v>
      </c>
      <c r="D13" s="257">
        <v>0</v>
      </c>
      <c r="E13" s="340">
        <v>0</v>
      </c>
      <c r="F13" s="256">
        <v>0</v>
      </c>
      <c r="G13" s="257">
        <v>79</v>
      </c>
      <c r="H13" s="257">
        <v>46</v>
      </c>
      <c r="I13" s="257">
        <v>29</v>
      </c>
      <c r="J13" s="257">
        <v>37</v>
      </c>
      <c r="K13" s="257">
        <v>21</v>
      </c>
      <c r="L13" s="258">
        <v>212</v>
      </c>
      <c r="M13" s="259">
        <v>212</v>
      </c>
      <c r="N13" s="253">
        <v>0</v>
      </c>
      <c r="O13" s="257">
        <v>0</v>
      </c>
      <c r="P13" s="254">
        <v>0</v>
      </c>
      <c r="Q13" s="256">
        <v>0</v>
      </c>
      <c r="R13" s="257">
        <v>1</v>
      </c>
      <c r="S13" s="257">
        <v>1</v>
      </c>
      <c r="T13" s="257">
        <v>4</v>
      </c>
      <c r="U13" s="257">
        <v>7</v>
      </c>
      <c r="V13" s="257">
        <v>15</v>
      </c>
      <c r="W13" s="254">
        <v>28</v>
      </c>
      <c r="X13" s="259">
        <v>28</v>
      </c>
      <c r="Y13" s="253">
        <v>18</v>
      </c>
      <c r="Z13" s="257">
        <v>21</v>
      </c>
      <c r="AA13" s="254">
        <v>39</v>
      </c>
      <c r="AB13" s="256">
        <v>0</v>
      </c>
      <c r="AC13" s="257">
        <v>61</v>
      </c>
      <c r="AD13" s="257">
        <v>34</v>
      </c>
      <c r="AE13" s="257">
        <v>25</v>
      </c>
      <c r="AF13" s="257">
        <v>35</v>
      </c>
      <c r="AG13" s="257">
        <v>15</v>
      </c>
      <c r="AH13" s="254">
        <v>170</v>
      </c>
      <c r="AI13" s="259">
        <v>209</v>
      </c>
      <c r="AJ13" s="253">
        <v>4</v>
      </c>
      <c r="AK13" s="257">
        <v>4</v>
      </c>
      <c r="AL13" s="254">
        <v>8</v>
      </c>
      <c r="AM13" s="256">
        <v>0</v>
      </c>
      <c r="AN13" s="257">
        <v>5</v>
      </c>
      <c r="AO13" s="257">
        <v>4</v>
      </c>
      <c r="AP13" s="257">
        <v>6</v>
      </c>
      <c r="AQ13" s="257">
        <v>4</v>
      </c>
      <c r="AR13" s="257">
        <v>5</v>
      </c>
      <c r="AS13" s="254">
        <v>24</v>
      </c>
      <c r="AT13" s="259">
        <v>32</v>
      </c>
      <c r="AU13" s="253">
        <v>19</v>
      </c>
      <c r="AV13" s="257">
        <v>12</v>
      </c>
      <c r="AW13" s="254">
        <v>31</v>
      </c>
      <c r="AX13" s="256">
        <v>0</v>
      </c>
      <c r="AY13" s="257">
        <v>88</v>
      </c>
      <c r="AZ13" s="257">
        <v>72</v>
      </c>
      <c r="BA13" s="257">
        <v>73</v>
      </c>
      <c r="BB13" s="257">
        <v>79</v>
      </c>
      <c r="BC13" s="257">
        <v>47</v>
      </c>
      <c r="BD13" s="258">
        <v>359</v>
      </c>
      <c r="BE13" s="259">
        <v>390</v>
      </c>
      <c r="BF13" s="253">
        <v>0</v>
      </c>
      <c r="BG13" s="257">
        <v>0</v>
      </c>
      <c r="BH13" s="254">
        <v>0</v>
      </c>
      <c r="BI13" s="256">
        <v>0</v>
      </c>
      <c r="BJ13" s="257">
        <v>114</v>
      </c>
      <c r="BK13" s="257">
        <v>62</v>
      </c>
      <c r="BL13" s="257">
        <v>38</v>
      </c>
      <c r="BM13" s="257">
        <v>21</v>
      </c>
      <c r="BN13" s="257">
        <v>7</v>
      </c>
      <c r="BO13" s="254">
        <v>242</v>
      </c>
      <c r="BP13" s="259">
        <v>242</v>
      </c>
      <c r="BQ13" s="253">
        <v>4</v>
      </c>
      <c r="BR13" s="257">
        <v>8</v>
      </c>
      <c r="BS13" s="254">
        <v>12</v>
      </c>
      <c r="BT13" s="256">
        <v>0</v>
      </c>
      <c r="BU13" s="257">
        <v>26</v>
      </c>
      <c r="BV13" s="257">
        <v>12</v>
      </c>
      <c r="BW13" s="257">
        <v>4</v>
      </c>
      <c r="BX13" s="257">
        <v>6</v>
      </c>
      <c r="BY13" s="257">
        <v>3</v>
      </c>
      <c r="BZ13" s="254">
        <v>51</v>
      </c>
      <c r="CA13" s="259">
        <v>63</v>
      </c>
      <c r="CB13" s="253">
        <v>0</v>
      </c>
      <c r="CC13" s="257">
        <v>2</v>
      </c>
      <c r="CD13" s="254">
        <v>2</v>
      </c>
      <c r="CE13" s="256">
        <v>0</v>
      </c>
      <c r="CF13" s="257">
        <v>11</v>
      </c>
      <c r="CG13" s="257">
        <v>14</v>
      </c>
      <c r="CH13" s="257">
        <v>11</v>
      </c>
      <c r="CI13" s="257">
        <v>15</v>
      </c>
      <c r="CJ13" s="257">
        <v>7</v>
      </c>
      <c r="CK13" s="254">
        <v>58</v>
      </c>
      <c r="CL13" s="259">
        <v>60</v>
      </c>
      <c r="CM13" s="253">
        <v>0</v>
      </c>
      <c r="CN13" s="257">
        <v>0</v>
      </c>
      <c r="CO13" s="254">
        <v>0</v>
      </c>
      <c r="CP13" s="256">
        <v>0</v>
      </c>
      <c r="CQ13" s="257">
        <v>0</v>
      </c>
      <c r="CR13" s="257">
        <v>1</v>
      </c>
      <c r="CS13" s="257">
        <v>3</v>
      </c>
      <c r="CT13" s="257">
        <v>2</v>
      </c>
      <c r="CU13" s="257">
        <v>1</v>
      </c>
      <c r="CV13" s="254">
        <v>7</v>
      </c>
      <c r="CW13" s="259">
        <v>7</v>
      </c>
      <c r="CX13" s="253">
        <v>0</v>
      </c>
      <c r="CY13" s="257">
        <v>0</v>
      </c>
      <c r="CZ13" s="254">
        <v>0</v>
      </c>
      <c r="DA13" s="256">
        <v>0</v>
      </c>
      <c r="DB13" s="257">
        <v>0</v>
      </c>
      <c r="DC13" s="257">
        <v>0</v>
      </c>
      <c r="DD13" s="257">
        <v>0</v>
      </c>
      <c r="DE13" s="257">
        <v>0</v>
      </c>
      <c r="DF13" s="257">
        <v>0</v>
      </c>
      <c r="DG13" s="254">
        <v>0</v>
      </c>
      <c r="DH13" s="259">
        <v>0</v>
      </c>
      <c r="DI13" s="253">
        <v>0</v>
      </c>
      <c r="DJ13" s="257">
        <v>0</v>
      </c>
      <c r="DK13" s="254">
        <v>0</v>
      </c>
      <c r="DL13" s="256">
        <v>0</v>
      </c>
      <c r="DM13" s="257">
        <v>0</v>
      </c>
      <c r="DN13" s="257">
        <v>0</v>
      </c>
      <c r="DO13" s="257">
        <v>0</v>
      </c>
      <c r="DP13" s="257">
        <v>0</v>
      </c>
      <c r="DQ13" s="257">
        <v>0</v>
      </c>
      <c r="DR13" s="254">
        <v>0</v>
      </c>
      <c r="DS13" s="259">
        <v>0</v>
      </c>
      <c r="DT13" s="253">
        <v>69</v>
      </c>
      <c r="DU13" s="257">
        <v>80</v>
      </c>
      <c r="DV13" s="254">
        <v>149</v>
      </c>
      <c r="DW13" s="256">
        <v>0</v>
      </c>
      <c r="DX13" s="257">
        <v>127</v>
      </c>
      <c r="DY13" s="257">
        <v>104</v>
      </c>
      <c r="DZ13" s="257">
        <v>71</v>
      </c>
      <c r="EA13" s="257">
        <v>67</v>
      </c>
      <c r="EB13" s="257">
        <v>36</v>
      </c>
      <c r="EC13" s="254">
        <v>405</v>
      </c>
      <c r="ED13" s="259">
        <v>554</v>
      </c>
      <c r="EE13" s="253">
        <v>10</v>
      </c>
      <c r="EF13" s="257">
        <v>0</v>
      </c>
      <c r="EG13" s="254">
        <v>10</v>
      </c>
      <c r="EH13" s="256">
        <v>0</v>
      </c>
      <c r="EI13" s="257">
        <v>28</v>
      </c>
      <c r="EJ13" s="257">
        <v>15</v>
      </c>
      <c r="EK13" s="257">
        <v>19</v>
      </c>
      <c r="EL13" s="257">
        <v>24</v>
      </c>
      <c r="EM13" s="257">
        <v>9</v>
      </c>
      <c r="EN13" s="254">
        <v>95</v>
      </c>
      <c r="EO13" s="259">
        <v>105</v>
      </c>
      <c r="EP13" s="253">
        <v>88</v>
      </c>
      <c r="EQ13" s="257">
        <v>96</v>
      </c>
      <c r="ER13" s="254">
        <v>184</v>
      </c>
      <c r="ES13" s="256">
        <v>0</v>
      </c>
      <c r="ET13" s="257">
        <v>260</v>
      </c>
      <c r="EU13" s="257">
        <v>133</v>
      </c>
      <c r="EV13" s="257">
        <v>80</v>
      </c>
      <c r="EW13" s="257">
        <v>71</v>
      </c>
      <c r="EX13" s="257">
        <v>39</v>
      </c>
      <c r="EY13" s="254">
        <v>583</v>
      </c>
      <c r="EZ13" s="259">
        <v>767</v>
      </c>
    </row>
    <row r="14" spans="2:156" ht="21" customHeight="1" x14ac:dyDescent="0.2">
      <c r="B14" s="437" t="s">
        <v>11</v>
      </c>
      <c r="C14" s="253">
        <v>0</v>
      </c>
      <c r="D14" s="257">
        <v>0</v>
      </c>
      <c r="E14" s="340">
        <v>0</v>
      </c>
      <c r="F14" s="256">
        <v>0</v>
      </c>
      <c r="G14" s="257">
        <v>16</v>
      </c>
      <c r="H14" s="257">
        <v>18</v>
      </c>
      <c r="I14" s="257">
        <v>10</v>
      </c>
      <c r="J14" s="257">
        <v>17</v>
      </c>
      <c r="K14" s="257">
        <v>9</v>
      </c>
      <c r="L14" s="258">
        <v>70</v>
      </c>
      <c r="M14" s="259">
        <v>70</v>
      </c>
      <c r="N14" s="253">
        <v>0</v>
      </c>
      <c r="O14" s="257">
        <v>0</v>
      </c>
      <c r="P14" s="254">
        <v>0</v>
      </c>
      <c r="Q14" s="256">
        <v>0</v>
      </c>
      <c r="R14" s="257">
        <v>1</v>
      </c>
      <c r="S14" s="257">
        <v>1</v>
      </c>
      <c r="T14" s="257">
        <v>1</v>
      </c>
      <c r="U14" s="257">
        <v>2</v>
      </c>
      <c r="V14" s="257">
        <v>3</v>
      </c>
      <c r="W14" s="254">
        <v>8</v>
      </c>
      <c r="X14" s="259">
        <v>8</v>
      </c>
      <c r="Y14" s="253">
        <v>6</v>
      </c>
      <c r="Z14" s="257">
        <v>4</v>
      </c>
      <c r="AA14" s="254">
        <v>10</v>
      </c>
      <c r="AB14" s="256">
        <v>0</v>
      </c>
      <c r="AC14" s="257">
        <v>20</v>
      </c>
      <c r="AD14" s="257">
        <v>12</v>
      </c>
      <c r="AE14" s="257">
        <v>12</v>
      </c>
      <c r="AF14" s="257">
        <v>17</v>
      </c>
      <c r="AG14" s="257">
        <v>6</v>
      </c>
      <c r="AH14" s="254">
        <v>67</v>
      </c>
      <c r="AI14" s="259">
        <v>77</v>
      </c>
      <c r="AJ14" s="253">
        <v>0</v>
      </c>
      <c r="AK14" s="257">
        <v>2</v>
      </c>
      <c r="AL14" s="254">
        <v>2</v>
      </c>
      <c r="AM14" s="256">
        <v>0</v>
      </c>
      <c r="AN14" s="257">
        <v>2</v>
      </c>
      <c r="AO14" s="257">
        <v>0</v>
      </c>
      <c r="AP14" s="257">
        <v>1</v>
      </c>
      <c r="AQ14" s="257">
        <v>3</v>
      </c>
      <c r="AR14" s="257">
        <v>1</v>
      </c>
      <c r="AS14" s="254">
        <v>7</v>
      </c>
      <c r="AT14" s="259">
        <v>9</v>
      </c>
      <c r="AU14" s="253">
        <v>4</v>
      </c>
      <c r="AV14" s="257">
        <v>6</v>
      </c>
      <c r="AW14" s="254">
        <v>10</v>
      </c>
      <c r="AX14" s="256">
        <v>0</v>
      </c>
      <c r="AY14" s="257">
        <v>24</v>
      </c>
      <c r="AZ14" s="257">
        <v>36</v>
      </c>
      <c r="BA14" s="257">
        <v>14</v>
      </c>
      <c r="BB14" s="257">
        <v>34</v>
      </c>
      <c r="BC14" s="257">
        <v>11</v>
      </c>
      <c r="BD14" s="258">
        <v>119</v>
      </c>
      <c r="BE14" s="259">
        <v>129</v>
      </c>
      <c r="BF14" s="253">
        <v>0</v>
      </c>
      <c r="BG14" s="257">
        <v>0</v>
      </c>
      <c r="BH14" s="254">
        <v>0</v>
      </c>
      <c r="BI14" s="256">
        <v>0</v>
      </c>
      <c r="BJ14" s="257">
        <v>41</v>
      </c>
      <c r="BK14" s="257">
        <v>26</v>
      </c>
      <c r="BL14" s="257">
        <v>15</v>
      </c>
      <c r="BM14" s="257">
        <v>10</v>
      </c>
      <c r="BN14" s="257">
        <v>2</v>
      </c>
      <c r="BO14" s="254">
        <v>94</v>
      </c>
      <c r="BP14" s="259">
        <v>94</v>
      </c>
      <c r="BQ14" s="253">
        <v>9</v>
      </c>
      <c r="BR14" s="257">
        <v>6</v>
      </c>
      <c r="BS14" s="254">
        <v>15</v>
      </c>
      <c r="BT14" s="256">
        <v>0</v>
      </c>
      <c r="BU14" s="257">
        <v>21</v>
      </c>
      <c r="BV14" s="257">
        <v>12</v>
      </c>
      <c r="BW14" s="257">
        <v>8</v>
      </c>
      <c r="BX14" s="257">
        <v>11</v>
      </c>
      <c r="BY14" s="257">
        <v>1</v>
      </c>
      <c r="BZ14" s="254">
        <v>53</v>
      </c>
      <c r="CA14" s="259">
        <v>68</v>
      </c>
      <c r="CB14" s="253">
        <v>1</v>
      </c>
      <c r="CC14" s="257">
        <v>0</v>
      </c>
      <c r="CD14" s="254">
        <v>1</v>
      </c>
      <c r="CE14" s="256">
        <v>0</v>
      </c>
      <c r="CF14" s="257">
        <v>6</v>
      </c>
      <c r="CG14" s="257">
        <v>8</v>
      </c>
      <c r="CH14" s="257">
        <v>2</v>
      </c>
      <c r="CI14" s="257">
        <v>7</v>
      </c>
      <c r="CJ14" s="257">
        <v>1</v>
      </c>
      <c r="CK14" s="254">
        <v>24</v>
      </c>
      <c r="CL14" s="259">
        <v>25</v>
      </c>
      <c r="CM14" s="253">
        <v>0</v>
      </c>
      <c r="CN14" s="257">
        <v>0</v>
      </c>
      <c r="CO14" s="254">
        <v>0</v>
      </c>
      <c r="CP14" s="256">
        <v>0</v>
      </c>
      <c r="CQ14" s="257">
        <v>1</v>
      </c>
      <c r="CR14" s="257">
        <v>1</v>
      </c>
      <c r="CS14" s="257">
        <v>0</v>
      </c>
      <c r="CT14" s="257">
        <v>1</v>
      </c>
      <c r="CU14" s="257">
        <v>0</v>
      </c>
      <c r="CV14" s="254">
        <v>3</v>
      </c>
      <c r="CW14" s="259">
        <v>3</v>
      </c>
      <c r="CX14" s="253">
        <v>0</v>
      </c>
      <c r="CY14" s="257">
        <v>0</v>
      </c>
      <c r="CZ14" s="254">
        <v>0</v>
      </c>
      <c r="DA14" s="256">
        <v>0</v>
      </c>
      <c r="DB14" s="257">
        <v>0</v>
      </c>
      <c r="DC14" s="257">
        <v>0</v>
      </c>
      <c r="DD14" s="257">
        <v>0</v>
      </c>
      <c r="DE14" s="257">
        <v>0</v>
      </c>
      <c r="DF14" s="257">
        <v>0</v>
      </c>
      <c r="DG14" s="254">
        <v>0</v>
      </c>
      <c r="DH14" s="259">
        <v>0</v>
      </c>
      <c r="DI14" s="253">
        <v>0</v>
      </c>
      <c r="DJ14" s="257">
        <v>0</v>
      </c>
      <c r="DK14" s="254">
        <v>0</v>
      </c>
      <c r="DL14" s="256">
        <v>0</v>
      </c>
      <c r="DM14" s="257">
        <v>0</v>
      </c>
      <c r="DN14" s="257">
        <v>0</v>
      </c>
      <c r="DO14" s="257">
        <v>0</v>
      </c>
      <c r="DP14" s="257">
        <v>0</v>
      </c>
      <c r="DQ14" s="257">
        <v>0</v>
      </c>
      <c r="DR14" s="254">
        <v>0</v>
      </c>
      <c r="DS14" s="259">
        <v>0</v>
      </c>
      <c r="DT14" s="253">
        <v>14</v>
      </c>
      <c r="DU14" s="257">
        <v>29</v>
      </c>
      <c r="DV14" s="254">
        <v>43</v>
      </c>
      <c r="DW14" s="256">
        <v>0</v>
      </c>
      <c r="DX14" s="257">
        <v>51</v>
      </c>
      <c r="DY14" s="257">
        <v>52</v>
      </c>
      <c r="DZ14" s="257">
        <v>29</v>
      </c>
      <c r="EA14" s="257">
        <v>36</v>
      </c>
      <c r="EB14" s="257">
        <v>11</v>
      </c>
      <c r="EC14" s="254">
        <v>179</v>
      </c>
      <c r="ED14" s="259">
        <v>222</v>
      </c>
      <c r="EE14" s="253">
        <v>5</v>
      </c>
      <c r="EF14" s="257">
        <v>2</v>
      </c>
      <c r="EG14" s="254">
        <v>7</v>
      </c>
      <c r="EH14" s="256">
        <v>0</v>
      </c>
      <c r="EI14" s="257">
        <v>17</v>
      </c>
      <c r="EJ14" s="257">
        <v>11</v>
      </c>
      <c r="EK14" s="257">
        <v>5</v>
      </c>
      <c r="EL14" s="257">
        <v>21</v>
      </c>
      <c r="EM14" s="257">
        <v>3</v>
      </c>
      <c r="EN14" s="254">
        <v>57</v>
      </c>
      <c r="EO14" s="259">
        <v>64</v>
      </c>
      <c r="EP14" s="253">
        <v>25</v>
      </c>
      <c r="EQ14" s="257">
        <v>34</v>
      </c>
      <c r="ER14" s="254">
        <v>59</v>
      </c>
      <c r="ES14" s="256">
        <v>0</v>
      </c>
      <c r="ET14" s="257">
        <v>98</v>
      </c>
      <c r="EU14" s="257">
        <v>71</v>
      </c>
      <c r="EV14" s="257">
        <v>35</v>
      </c>
      <c r="EW14" s="257">
        <v>37</v>
      </c>
      <c r="EX14" s="257">
        <v>12</v>
      </c>
      <c r="EY14" s="254">
        <v>253</v>
      </c>
      <c r="EZ14" s="259">
        <v>312</v>
      </c>
    </row>
    <row r="15" spans="2:156" ht="21" customHeight="1" x14ac:dyDescent="0.2">
      <c r="B15" s="437" t="s">
        <v>12</v>
      </c>
      <c r="C15" s="253">
        <v>0</v>
      </c>
      <c r="D15" s="257">
        <v>0</v>
      </c>
      <c r="E15" s="340">
        <v>0</v>
      </c>
      <c r="F15" s="256">
        <v>0</v>
      </c>
      <c r="G15" s="257">
        <v>40</v>
      </c>
      <c r="H15" s="257">
        <v>35</v>
      </c>
      <c r="I15" s="257">
        <v>20</v>
      </c>
      <c r="J15" s="257">
        <v>25</v>
      </c>
      <c r="K15" s="257">
        <v>9</v>
      </c>
      <c r="L15" s="258">
        <v>129</v>
      </c>
      <c r="M15" s="259">
        <v>129</v>
      </c>
      <c r="N15" s="253">
        <v>0</v>
      </c>
      <c r="O15" s="257">
        <v>0</v>
      </c>
      <c r="P15" s="254">
        <v>0</v>
      </c>
      <c r="Q15" s="256">
        <v>0</v>
      </c>
      <c r="R15" s="257">
        <v>0</v>
      </c>
      <c r="S15" s="257">
        <v>0</v>
      </c>
      <c r="T15" s="257">
        <v>1</v>
      </c>
      <c r="U15" s="257">
        <v>6</v>
      </c>
      <c r="V15" s="257">
        <v>5</v>
      </c>
      <c r="W15" s="254">
        <v>12</v>
      </c>
      <c r="X15" s="259">
        <v>12</v>
      </c>
      <c r="Y15" s="253">
        <v>16</v>
      </c>
      <c r="Z15" s="257">
        <v>20</v>
      </c>
      <c r="AA15" s="254">
        <v>36</v>
      </c>
      <c r="AB15" s="256">
        <v>0</v>
      </c>
      <c r="AC15" s="257">
        <v>23</v>
      </c>
      <c r="AD15" s="257">
        <v>37</v>
      </c>
      <c r="AE15" s="257">
        <v>14</v>
      </c>
      <c r="AF15" s="257">
        <v>17</v>
      </c>
      <c r="AG15" s="257">
        <v>8</v>
      </c>
      <c r="AH15" s="254">
        <v>99</v>
      </c>
      <c r="AI15" s="259">
        <v>135</v>
      </c>
      <c r="AJ15" s="253">
        <v>0</v>
      </c>
      <c r="AK15" s="257">
        <v>3</v>
      </c>
      <c r="AL15" s="254">
        <v>3</v>
      </c>
      <c r="AM15" s="256">
        <v>0</v>
      </c>
      <c r="AN15" s="257">
        <v>1</v>
      </c>
      <c r="AO15" s="257">
        <v>3</v>
      </c>
      <c r="AP15" s="257">
        <v>1</v>
      </c>
      <c r="AQ15" s="257">
        <v>1</v>
      </c>
      <c r="AR15" s="257">
        <v>0</v>
      </c>
      <c r="AS15" s="254">
        <v>6</v>
      </c>
      <c r="AT15" s="259">
        <v>9</v>
      </c>
      <c r="AU15" s="253">
        <v>7</v>
      </c>
      <c r="AV15" s="257">
        <v>7</v>
      </c>
      <c r="AW15" s="254">
        <v>14</v>
      </c>
      <c r="AX15" s="256">
        <v>0</v>
      </c>
      <c r="AY15" s="257">
        <v>19</v>
      </c>
      <c r="AZ15" s="257">
        <v>43</v>
      </c>
      <c r="BA15" s="257">
        <v>28</v>
      </c>
      <c r="BB15" s="257">
        <v>40</v>
      </c>
      <c r="BC15" s="257">
        <v>13</v>
      </c>
      <c r="BD15" s="258">
        <v>143</v>
      </c>
      <c r="BE15" s="259">
        <v>157</v>
      </c>
      <c r="BF15" s="253">
        <v>0</v>
      </c>
      <c r="BG15" s="257">
        <v>0</v>
      </c>
      <c r="BH15" s="254">
        <v>0</v>
      </c>
      <c r="BI15" s="256">
        <v>0</v>
      </c>
      <c r="BJ15" s="257">
        <v>56</v>
      </c>
      <c r="BK15" s="257">
        <v>29</v>
      </c>
      <c r="BL15" s="257">
        <v>23</v>
      </c>
      <c r="BM15" s="257">
        <v>19</v>
      </c>
      <c r="BN15" s="257">
        <v>2</v>
      </c>
      <c r="BO15" s="254">
        <v>129</v>
      </c>
      <c r="BP15" s="259">
        <v>129</v>
      </c>
      <c r="BQ15" s="253">
        <v>7</v>
      </c>
      <c r="BR15" s="257">
        <v>12</v>
      </c>
      <c r="BS15" s="254">
        <v>19</v>
      </c>
      <c r="BT15" s="256">
        <v>0</v>
      </c>
      <c r="BU15" s="257">
        <v>9</v>
      </c>
      <c r="BV15" s="257">
        <v>14</v>
      </c>
      <c r="BW15" s="257">
        <v>9</v>
      </c>
      <c r="BX15" s="257">
        <v>7</v>
      </c>
      <c r="BY15" s="257">
        <v>0</v>
      </c>
      <c r="BZ15" s="254">
        <v>39</v>
      </c>
      <c r="CA15" s="259">
        <v>58</v>
      </c>
      <c r="CB15" s="253">
        <v>0</v>
      </c>
      <c r="CC15" s="257">
        <v>2</v>
      </c>
      <c r="CD15" s="254">
        <v>2</v>
      </c>
      <c r="CE15" s="256">
        <v>0</v>
      </c>
      <c r="CF15" s="257">
        <v>8</v>
      </c>
      <c r="CG15" s="257">
        <v>10</v>
      </c>
      <c r="CH15" s="257">
        <v>10</v>
      </c>
      <c r="CI15" s="257">
        <v>12</v>
      </c>
      <c r="CJ15" s="257">
        <v>3</v>
      </c>
      <c r="CK15" s="254">
        <v>43</v>
      </c>
      <c r="CL15" s="259">
        <v>45</v>
      </c>
      <c r="CM15" s="253">
        <v>0</v>
      </c>
      <c r="CN15" s="257">
        <v>0</v>
      </c>
      <c r="CO15" s="254">
        <v>0</v>
      </c>
      <c r="CP15" s="256">
        <v>0</v>
      </c>
      <c r="CQ15" s="257">
        <v>0</v>
      </c>
      <c r="CR15" s="257">
        <v>0</v>
      </c>
      <c r="CS15" s="257">
        <v>0</v>
      </c>
      <c r="CT15" s="257">
        <v>2</v>
      </c>
      <c r="CU15" s="257">
        <v>0</v>
      </c>
      <c r="CV15" s="254">
        <v>2</v>
      </c>
      <c r="CW15" s="259">
        <v>2</v>
      </c>
      <c r="CX15" s="253">
        <v>0</v>
      </c>
      <c r="CY15" s="257">
        <v>0</v>
      </c>
      <c r="CZ15" s="254">
        <v>0</v>
      </c>
      <c r="DA15" s="256">
        <v>0</v>
      </c>
      <c r="DB15" s="257">
        <v>0</v>
      </c>
      <c r="DC15" s="257">
        <v>0</v>
      </c>
      <c r="DD15" s="257">
        <v>0</v>
      </c>
      <c r="DE15" s="257">
        <v>0</v>
      </c>
      <c r="DF15" s="257">
        <v>0</v>
      </c>
      <c r="DG15" s="254">
        <v>0</v>
      </c>
      <c r="DH15" s="259">
        <v>0</v>
      </c>
      <c r="DI15" s="253">
        <v>0</v>
      </c>
      <c r="DJ15" s="257">
        <v>0</v>
      </c>
      <c r="DK15" s="254">
        <v>0</v>
      </c>
      <c r="DL15" s="256">
        <v>0</v>
      </c>
      <c r="DM15" s="257">
        <v>0</v>
      </c>
      <c r="DN15" s="257">
        <v>0</v>
      </c>
      <c r="DO15" s="257">
        <v>0</v>
      </c>
      <c r="DP15" s="257">
        <v>0</v>
      </c>
      <c r="DQ15" s="257">
        <v>0</v>
      </c>
      <c r="DR15" s="254">
        <v>0</v>
      </c>
      <c r="DS15" s="259">
        <v>0</v>
      </c>
      <c r="DT15" s="253">
        <v>23</v>
      </c>
      <c r="DU15" s="257">
        <v>56</v>
      </c>
      <c r="DV15" s="254">
        <v>79</v>
      </c>
      <c r="DW15" s="256">
        <v>0</v>
      </c>
      <c r="DX15" s="257">
        <v>35</v>
      </c>
      <c r="DY15" s="257">
        <v>86</v>
      </c>
      <c r="DZ15" s="257">
        <v>44</v>
      </c>
      <c r="EA15" s="257">
        <v>52</v>
      </c>
      <c r="EB15" s="257">
        <v>15</v>
      </c>
      <c r="EC15" s="254">
        <v>232</v>
      </c>
      <c r="ED15" s="259">
        <v>311</v>
      </c>
      <c r="EE15" s="253">
        <v>4</v>
      </c>
      <c r="EF15" s="257">
        <v>2</v>
      </c>
      <c r="EG15" s="254">
        <v>6</v>
      </c>
      <c r="EH15" s="256">
        <v>0</v>
      </c>
      <c r="EI15" s="257">
        <v>10</v>
      </c>
      <c r="EJ15" s="257">
        <v>15</v>
      </c>
      <c r="EK15" s="257">
        <v>11</v>
      </c>
      <c r="EL15" s="257">
        <v>15</v>
      </c>
      <c r="EM15" s="257">
        <v>3</v>
      </c>
      <c r="EN15" s="254">
        <v>54</v>
      </c>
      <c r="EO15" s="259">
        <v>60</v>
      </c>
      <c r="EP15" s="253">
        <v>44</v>
      </c>
      <c r="EQ15" s="257">
        <v>77</v>
      </c>
      <c r="ER15" s="254">
        <v>121</v>
      </c>
      <c r="ES15" s="256">
        <v>0</v>
      </c>
      <c r="ET15" s="257">
        <v>126</v>
      </c>
      <c r="EU15" s="257">
        <v>103</v>
      </c>
      <c r="EV15" s="257">
        <v>52</v>
      </c>
      <c r="EW15" s="257">
        <v>49</v>
      </c>
      <c r="EX15" s="257">
        <v>13</v>
      </c>
      <c r="EY15" s="254">
        <v>343</v>
      </c>
      <c r="EZ15" s="259">
        <v>464</v>
      </c>
    </row>
    <row r="16" spans="2:156" ht="21" customHeight="1" x14ac:dyDescent="0.2">
      <c r="B16" s="437" t="s">
        <v>13</v>
      </c>
      <c r="C16" s="253">
        <v>0</v>
      </c>
      <c r="D16" s="257">
        <v>0</v>
      </c>
      <c r="E16" s="340">
        <v>0</v>
      </c>
      <c r="F16" s="256">
        <v>0</v>
      </c>
      <c r="G16" s="257">
        <v>17</v>
      </c>
      <c r="H16" s="257">
        <v>19</v>
      </c>
      <c r="I16" s="257">
        <v>9</v>
      </c>
      <c r="J16" s="257">
        <v>12</v>
      </c>
      <c r="K16" s="257">
        <v>10</v>
      </c>
      <c r="L16" s="258">
        <v>67</v>
      </c>
      <c r="M16" s="259">
        <v>67</v>
      </c>
      <c r="N16" s="253">
        <v>0</v>
      </c>
      <c r="O16" s="257">
        <v>0</v>
      </c>
      <c r="P16" s="254">
        <v>0</v>
      </c>
      <c r="Q16" s="256">
        <v>0</v>
      </c>
      <c r="R16" s="257">
        <v>0</v>
      </c>
      <c r="S16" s="257">
        <v>0</v>
      </c>
      <c r="T16" s="257">
        <v>0</v>
      </c>
      <c r="U16" s="257">
        <v>1</v>
      </c>
      <c r="V16" s="257">
        <v>5</v>
      </c>
      <c r="W16" s="254">
        <v>6</v>
      </c>
      <c r="X16" s="259">
        <v>6</v>
      </c>
      <c r="Y16" s="253">
        <v>0</v>
      </c>
      <c r="Z16" s="257">
        <v>1</v>
      </c>
      <c r="AA16" s="254">
        <v>1</v>
      </c>
      <c r="AB16" s="256">
        <v>0</v>
      </c>
      <c r="AC16" s="257">
        <v>10</v>
      </c>
      <c r="AD16" s="257">
        <v>24</v>
      </c>
      <c r="AE16" s="257">
        <v>8</v>
      </c>
      <c r="AF16" s="257">
        <v>4</v>
      </c>
      <c r="AG16" s="257">
        <v>11</v>
      </c>
      <c r="AH16" s="254">
        <v>57</v>
      </c>
      <c r="AI16" s="259">
        <v>58</v>
      </c>
      <c r="AJ16" s="253">
        <v>1</v>
      </c>
      <c r="AK16" s="257">
        <v>0</v>
      </c>
      <c r="AL16" s="254">
        <v>1</v>
      </c>
      <c r="AM16" s="256">
        <v>0</v>
      </c>
      <c r="AN16" s="257">
        <v>2</v>
      </c>
      <c r="AO16" s="257">
        <v>1</v>
      </c>
      <c r="AP16" s="257">
        <v>1</v>
      </c>
      <c r="AQ16" s="257">
        <v>2</v>
      </c>
      <c r="AR16" s="257">
        <v>1</v>
      </c>
      <c r="AS16" s="254">
        <v>7</v>
      </c>
      <c r="AT16" s="259">
        <v>8</v>
      </c>
      <c r="AU16" s="253">
        <v>1</v>
      </c>
      <c r="AV16" s="257">
        <v>0</v>
      </c>
      <c r="AW16" s="254">
        <v>1</v>
      </c>
      <c r="AX16" s="256">
        <v>0</v>
      </c>
      <c r="AY16" s="257">
        <v>14</v>
      </c>
      <c r="AZ16" s="257">
        <v>23</v>
      </c>
      <c r="BA16" s="257">
        <v>17</v>
      </c>
      <c r="BB16" s="257">
        <v>15</v>
      </c>
      <c r="BC16" s="257">
        <v>12</v>
      </c>
      <c r="BD16" s="258">
        <v>81</v>
      </c>
      <c r="BE16" s="259">
        <v>82</v>
      </c>
      <c r="BF16" s="253">
        <v>0</v>
      </c>
      <c r="BG16" s="257">
        <v>0</v>
      </c>
      <c r="BH16" s="254">
        <v>0</v>
      </c>
      <c r="BI16" s="256">
        <v>0</v>
      </c>
      <c r="BJ16" s="257">
        <v>14</v>
      </c>
      <c r="BK16" s="257">
        <v>15</v>
      </c>
      <c r="BL16" s="257">
        <v>13</v>
      </c>
      <c r="BM16" s="257">
        <v>5</v>
      </c>
      <c r="BN16" s="257">
        <v>1</v>
      </c>
      <c r="BO16" s="254">
        <v>48</v>
      </c>
      <c r="BP16" s="259">
        <v>48</v>
      </c>
      <c r="BQ16" s="253">
        <v>0</v>
      </c>
      <c r="BR16" s="257">
        <v>1</v>
      </c>
      <c r="BS16" s="254">
        <v>1</v>
      </c>
      <c r="BT16" s="256">
        <v>0</v>
      </c>
      <c r="BU16" s="257">
        <v>4</v>
      </c>
      <c r="BV16" s="257">
        <v>2</v>
      </c>
      <c r="BW16" s="257">
        <v>5</v>
      </c>
      <c r="BX16" s="257">
        <v>1</v>
      </c>
      <c r="BY16" s="257">
        <v>3</v>
      </c>
      <c r="BZ16" s="254">
        <v>15</v>
      </c>
      <c r="CA16" s="259">
        <v>16</v>
      </c>
      <c r="CB16" s="253">
        <v>0</v>
      </c>
      <c r="CC16" s="257">
        <v>0</v>
      </c>
      <c r="CD16" s="254">
        <v>0</v>
      </c>
      <c r="CE16" s="256">
        <v>0</v>
      </c>
      <c r="CF16" s="257">
        <v>1</v>
      </c>
      <c r="CG16" s="257">
        <v>3</v>
      </c>
      <c r="CH16" s="257">
        <v>5</v>
      </c>
      <c r="CI16" s="257">
        <v>3</v>
      </c>
      <c r="CJ16" s="257">
        <v>1</v>
      </c>
      <c r="CK16" s="254">
        <v>13</v>
      </c>
      <c r="CL16" s="259">
        <v>13</v>
      </c>
      <c r="CM16" s="253">
        <v>0</v>
      </c>
      <c r="CN16" s="257">
        <v>0</v>
      </c>
      <c r="CO16" s="254">
        <v>0</v>
      </c>
      <c r="CP16" s="256">
        <v>0</v>
      </c>
      <c r="CQ16" s="257">
        <v>0</v>
      </c>
      <c r="CR16" s="257">
        <v>1</v>
      </c>
      <c r="CS16" s="257">
        <v>0</v>
      </c>
      <c r="CT16" s="257">
        <v>0</v>
      </c>
      <c r="CU16" s="257">
        <v>0</v>
      </c>
      <c r="CV16" s="254">
        <v>1</v>
      </c>
      <c r="CW16" s="259">
        <v>1</v>
      </c>
      <c r="CX16" s="253">
        <v>0</v>
      </c>
      <c r="CY16" s="257">
        <v>0</v>
      </c>
      <c r="CZ16" s="254">
        <v>0</v>
      </c>
      <c r="DA16" s="256">
        <v>0</v>
      </c>
      <c r="DB16" s="257">
        <v>0</v>
      </c>
      <c r="DC16" s="257">
        <v>0</v>
      </c>
      <c r="DD16" s="257">
        <v>0</v>
      </c>
      <c r="DE16" s="257">
        <v>0</v>
      </c>
      <c r="DF16" s="257">
        <v>0</v>
      </c>
      <c r="DG16" s="254">
        <v>0</v>
      </c>
      <c r="DH16" s="259">
        <v>0</v>
      </c>
      <c r="DI16" s="253">
        <v>0</v>
      </c>
      <c r="DJ16" s="257">
        <v>0</v>
      </c>
      <c r="DK16" s="254">
        <v>0</v>
      </c>
      <c r="DL16" s="256">
        <v>0</v>
      </c>
      <c r="DM16" s="257">
        <v>0</v>
      </c>
      <c r="DN16" s="257">
        <v>0</v>
      </c>
      <c r="DO16" s="257">
        <v>0</v>
      </c>
      <c r="DP16" s="257">
        <v>0</v>
      </c>
      <c r="DQ16" s="257">
        <v>0</v>
      </c>
      <c r="DR16" s="254">
        <v>0</v>
      </c>
      <c r="DS16" s="259">
        <v>0</v>
      </c>
      <c r="DT16" s="253">
        <v>1</v>
      </c>
      <c r="DU16" s="257">
        <v>11</v>
      </c>
      <c r="DV16" s="254">
        <v>12</v>
      </c>
      <c r="DW16" s="256">
        <v>0</v>
      </c>
      <c r="DX16" s="257">
        <v>21</v>
      </c>
      <c r="DY16" s="257">
        <v>36</v>
      </c>
      <c r="DZ16" s="257">
        <v>23</v>
      </c>
      <c r="EA16" s="257">
        <v>21</v>
      </c>
      <c r="EB16" s="257">
        <v>13</v>
      </c>
      <c r="EC16" s="254">
        <v>114</v>
      </c>
      <c r="ED16" s="259">
        <v>126</v>
      </c>
      <c r="EE16" s="253">
        <v>1</v>
      </c>
      <c r="EF16" s="257">
        <v>0</v>
      </c>
      <c r="EG16" s="254">
        <v>1</v>
      </c>
      <c r="EH16" s="256">
        <v>0</v>
      </c>
      <c r="EI16" s="257">
        <v>7</v>
      </c>
      <c r="EJ16" s="257">
        <v>9</v>
      </c>
      <c r="EK16" s="257">
        <v>11</v>
      </c>
      <c r="EL16" s="257">
        <v>6</v>
      </c>
      <c r="EM16" s="257">
        <v>3</v>
      </c>
      <c r="EN16" s="254">
        <v>36</v>
      </c>
      <c r="EO16" s="259">
        <v>37</v>
      </c>
      <c r="EP16" s="253">
        <v>2</v>
      </c>
      <c r="EQ16" s="257">
        <v>12</v>
      </c>
      <c r="ER16" s="254">
        <v>14</v>
      </c>
      <c r="ES16" s="256">
        <v>0</v>
      </c>
      <c r="ET16" s="257">
        <v>52</v>
      </c>
      <c r="EU16" s="257">
        <v>55</v>
      </c>
      <c r="EV16" s="257">
        <v>32</v>
      </c>
      <c r="EW16" s="257">
        <v>24</v>
      </c>
      <c r="EX16" s="257">
        <v>14</v>
      </c>
      <c r="EY16" s="254">
        <v>177</v>
      </c>
      <c r="EZ16" s="259">
        <v>191</v>
      </c>
    </row>
    <row r="17" spans="2:156" ht="21" customHeight="1" x14ac:dyDescent="0.2">
      <c r="B17" s="437" t="s">
        <v>15</v>
      </c>
      <c r="C17" s="253">
        <v>0</v>
      </c>
      <c r="D17" s="257">
        <v>0</v>
      </c>
      <c r="E17" s="340">
        <v>0</v>
      </c>
      <c r="F17" s="256">
        <v>0</v>
      </c>
      <c r="G17" s="257">
        <v>5</v>
      </c>
      <c r="H17" s="257">
        <v>6</v>
      </c>
      <c r="I17" s="257">
        <v>3</v>
      </c>
      <c r="J17" s="257">
        <v>7</v>
      </c>
      <c r="K17" s="257">
        <v>1</v>
      </c>
      <c r="L17" s="258">
        <v>22</v>
      </c>
      <c r="M17" s="259">
        <v>22</v>
      </c>
      <c r="N17" s="253">
        <v>0</v>
      </c>
      <c r="O17" s="257">
        <v>0</v>
      </c>
      <c r="P17" s="254">
        <v>0</v>
      </c>
      <c r="Q17" s="256">
        <v>0</v>
      </c>
      <c r="R17" s="257">
        <v>0</v>
      </c>
      <c r="S17" s="257">
        <v>1</v>
      </c>
      <c r="T17" s="257">
        <v>0</v>
      </c>
      <c r="U17" s="257">
        <v>2</v>
      </c>
      <c r="V17" s="257">
        <v>0</v>
      </c>
      <c r="W17" s="254">
        <v>3</v>
      </c>
      <c r="X17" s="259">
        <v>3</v>
      </c>
      <c r="Y17" s="253">
        <v>0</v>
      </c>
      <c r="Z17" s="257">
        <v>1</v>
      </c>
      <c r="AA17" s="254">
        <v>1</v>
      </c>
      <c r="AB17" s="256">
        <v>0</v>
      </c>
      <c r="AC17" s="257">
        <v>7</v>
      </c>
      <c r="AD17" s="257">
        <v>5</v>
      </c>
      <c r="AE17" s="257">
        <v>5</v>
      </c>
      <c r="AF17" s="257">
        <v>5</v>
      </c>
      <c r="AG17" s="257">
        <v>0</v>
      </c>
      <c r="AH17" s="254">
        <v>22</v>
      </c>
      <c r="AI17" s="259">
        <v>23</v>
      </c>
      <c r="AJ17" s="253">
        <v>0</v>
      </c>
      <c r="AK17" s="257">
        <v>0</v>
      </c>
      <c r="AL17" s="254">
        <v>0</v>
      </c>
      <c r="AM17" s="256">
        <v>0</v>
      </c>
      <c r="AN17" s="257">
        <v>2</v>
      </c>
      <c r="AO17" s="257">
        <v>2</v>
      </c>
      <c r="AP17" s="257">
        <v>0</v>
      </c>
      <c r="AQ17" s="257">
        <v>0</v>
      </c>
      <c r="AR17" s="257">
        <v>0</v>
      </c>
      <c r="AS17" s="254">
        <v>4</v>
      </c>
      <c r="AT17" s="259">
        <v>4</v>
      </c>
      <c r="AU17" s="253">
        <v>0</v>
      </c>
      <c r="AV17" s="257">
        <v>1</v>
      </c>
      <c r="AW17" s="254">
        <v>1</v>
      </c>
      <c r="AX17" s="256">
        <v>0</v>
      </c>
      <c r="AY17" s="257">
        <v>10</v>
      </c>
      <c r="AZ17" s="257">
        <v>7</v>
      </c>
      <c r="BA17" s="257">
        <v>9</v>
      </c>
      <c r="BB17" s="257">
        <v>4</v>
      </c>
      <c r="BC17" s="257">
        <v>3</v>
      </c>
      <c r="BD17" s="258">
        <v>33</v>
      </c>
      <c r="BE17" s="259">
        <v>34</v>
      </c>
      <c r="BF17" s="253">
        <v>0</v>
      </c>
      <c r="BG17" s="257">
        <v>0</v>
      </c>
      <c r="BH17" s="254">
        <v>0</v>
      </c>
      <c r="BI17" s="256">
        <v>0</v>
      </c>
      <c r="BJ17" s="257">
        <v>4</v>
      </c>
      <c r="BK17" s="257">
        <v>5</v>
      </c>
      <c r="BL17" s="257">
        <v>3</v>
      </c>
      <c r="BM17" s="257">
        <v>2</v>
      </c>
      <c r="BN17" s="257">
        <v>0</v>
      </c>
      <c r="BO17" s="254">
        <v>14</v>
      </c>
      <c r="BP17" s="259">
        <v>14</v>
      </c>
      <c r="BQ17" s="253">
        <v>0</v>
      </c>
      <c r="BR17" s="257">
        <v>0</v>
      </c>
      <c r="BS17" s="254">
        <v>0</v>
      </c>
      <c r="BT17" s="256">
        <v>0</v>
      </c>
      <c r="BU17" s="257">
        <v>2</v>
      </c>
      <c r="BV17" s="257">
        <v>2</v>
      </c>
      <c r="BW17" s="257">
        <v>3</v>
      </c>
      <c r="BX17" s="257">
        <v>0</v>
      </c>
      <c r="BY17" s="257">
        <v>0</v>
      </c>
      <c r="BZ17" s="254">
        <v>7</v>
      </c>
      <c r="CA17" s="259">
        <v>7</v>
      </c>
      <c r="CB17" s="253">
        <v>0</v>
      </c>
      <c r="CC17" s="257">
        <v>0</v>
      </c>
      <c r="CD17" s="254">
        <v>0</v>
      </c>
      <c r="CE17" s="256">
        <v>0</v>
      </c>
      <c r="CF17" s="257">
        <v>1</v>
      </c>
      <c r="CG17" s="257">
        <v>1</v>
      </c>
      <c r="CH17" s="257">
        <v>0</v>
      </c>
      <c r="CI17" s="257">
        <v>3</v>
      </c>
      <c r="CJ17" s="257">
        <v>0</v>
      </c>
      <c r="CK17" s="254">
        <v>5</v>
      </c>
      <c r="CL17" s="259">
        <v>5</v>
      </c>
      <c r="CM17" s="253">
        <v>0</v>
      </c>
      <c r="CN17" s="257">
        <v>0</v>
      </c>
      <c r="CO17" s="254">
        <v>0</v>
      </c>
      <c r="CP17" s="256">
        <v>0</v>
      </c>
      <c r="CQ17" s="257">
        <v>0</v>
      </c>
      <c r="CR17" s="257">
        <v>0</v>
      </c>
      <c r="CS17" s="257">
        <v>1</v>
      </c>
      <c r="CT17" s="257">
        <v>0</v>
      </c>
      <c r="CU17" s="257">
        <v>0</v>
      </c>
      <c r="CV17" s="254">
        <v>1</v>
      </c>
      <c r="CW17" s="259">
        <v>1</v>
      </c>
      <c r="CX17" s="253">
        <v>0</v>
      </c>
      <c r="CY17" s="257">
        <v>0</v>
      </c>
      <c r="CZ17" s="254">
        <v>0</v>
      </c>
      <c r="DA17" s="256">
        <v>0</v>
      </c>
      <c r="DB17" s="257">
        <v>0</v>
      </c>
      <c r="DC17" s="257">
        <v>0</v>
      </c>
      <c r="DD17" s="257">
        <v>0</v>
      </c>
      <c r="DE17" s="257">
        <v>0</v>
      </c>
      <c r="DF17" s="257">
        <v>0</v>
      </c>
      <c r="DG17" s="254">
        <v>0</v>
      </c>
      <c r="DH17" s="259">
        <v>0</v>
      </c>
      <c r="DI17" s="253">
        <v>0</v>
      </c>
      <c r="DJ17" s="257">
        <v>0</v>
      </c>
      <c r="DK17" s="254">
        <v>0</v>
      </c>
      <c r="DL17" s="256">
        <v>0</v>
      </c>
      <c r="DM17" s="257">
        <v>0</v>
      </c>
      <c r="DN17" s="257">
        <v>0</v>
      </c>
      <c r="DO17" s="257">
        <v>0</v>
      </c>
      <c r="DP17" s="257">
        <v>0</v>
      </c>
      <c r="DQ17" s="257">
        <v>0</v>
      </c>
      <c r="DR17" s="254">
        <v>0</v>
      </c>
      <c r="DS17" s="259">
        <v>0</v>
      </c>
      <c r="DT17" s="253">
        <v>2</v>
      </c>
      <c r="DU17" s="257">
        <v>4</v>
      </c>
      <c r="DV17" s="254">
        <v>6</v>
      </c>
      <c r="DW17" s="256">
        <v>0</v>
      </c>
      <c r="DX17" s="257">
        <v>5</v>
      </c>
      <c r="DY17" s="257">
        <v>13</v>
      </c>
      <c r="DZ17" s="257">
        <v>12</v>
      </c>
      <c r="EA17" s="257">
        <v>9</v>
      </c>
      <c r="EB17" s="257">
        <v>3</v>
      </c>
      <c r="EC17" s="254">
        <v>42</v>
      </c>
      <c r="ED17" s="259">
        <v>48</v>
      </c>
      <c r="EE17" s="253">
        <v>2</v>
      </c>
      <c r="EF17" s="257">
        <v>2</v>
      </c>
      <c r="EG17" s="254">
        <v>4</v>
      </c>
      <c r="EH17" s="256">
        <v>0</v>
      </c>
      <c r="EI17" s="257">
        <v>9</v>
      </c>
      <c r="EJ17" s="257">
        <v>2</v>
      </c>
      <c r="EK17" s="257">
        <v>6</v>
      </c>
      <c r="EL17" s="257">
        <v>0</v>
      </c>
      <c r="EM17" s="257">
        <v>1</v>
      </c>
      <c r="EN17" s="254">
        <v>18</v>
      </c>
      <c r="EO17" s="259">
        <v>22</v>
      </c>
      <c r="EP17" s="253">
        <v>2</v>
      </c>
      <c r="EQ17" s="257">
        <v>5</v>
      </c>
      <c r="ER17" s="254">
        <v>7</v>
      </c>
      <c r="ES17" s="256">
        <v>0</v>
      </c>
      <c r="ET17" s="257">
        <v>26</v>
      </c>
      <c r="EU17" s="257">
        <v>21</v>
      </c>
      <c r="EV17" s="257">
        <v>13</v>
      </c>
      <c r="EW17" s="257">
        <v>9</v>
      </c>
      <c r="EX17" s="257">
        <v>2</v>
      </c>
      <c r="EY17" s="254">
        <v>71</v>
      </c>
      <c r="EZ17" s="259">
        <v>78</v>
      </c>
    </row>
    <row r="18" spans="2:156" ht="21" customHeight="1" x14ac:dyDescent="0.2">
      <c r="B18" s="437" t="s">
        <v>16</v>
      </c>
      <c r="C18" s="253">
        <v>0</v>
      </c>
      <c r="D18" s="257">
        <v>0</v>
      </c>
      <c r="E18" s="340">
        <v>0</v>
      </c>
      <c r="F18" s="256">
        <v>0</v>
      </c>
      <c r="G18" s="257">
        <v>13</v>
      </c>
      <c r="H18" s="257">
        <v>10</v>
      </c>
      <c r="I18" s="257">
        <v>7</v>
      </c>
      <c r="J18" s="257">
        <v>2</v>
      </c>
      <c r="K18" s="257">
        <v>3</v>
      </c>
      <c r="L18" s="258">
        <v>35</v>
      </c>
      <c r="M18" s="259">
        <v>35</v>
      </c>
      <c r="N18" s="253">
        <v>0</v>
      </c>
      <c r="O18" s="257">
        <v>0</v>
      </c>
      <c r="P18" s="254">
        <v>0</v>
      </c>
      <c r="Q18" s="256">
        <v>0</v>
      </c>
      <c r="R18" s="257">
        <v>1</v>
      </c>
      <c r="S18" s="257">
        <v>0</v>
      </c>
      <c r="T18" s="257">
        <v>1</v>
      </c>
      <c r="U18" s="257">
        <v>2</v>
      </c>
      <c r="V18" s="257">
        <v>3</v>
      </c>
      <c r="W18" s="254">
        <v>7</v>
      </c>
      <c r="X18" s="259">
        <v>7</v>
      </c>
      <c r="Y18" s="253">
        <v>5</v>
      </c>
      <c r="Z18" s="257">
        <v>3</v>
      </c>
      <c r="AA18" s="254">
        <v>8</v>
      </c>
      <c r="AB18" s="256">
        <v>0</v>
      </c>
      <c r="AC18" s="257">
        <v>12</v>
      </c>
      <c r="AD18" s="257">
        <v>18</v>
      </c>
      <c r="AE18" s="257">
        <v>6</v>
      </c>
      <c r="AF18" s="257">
        <v>8</v>
      </c>
      <c r="AG18" s="257">
        <v>3</v>
      </c>
      <c r="AH18" s="254">
        <v>47</v>
      </c>
      <c r="AI18" s="259">
        <v>55</v>
      </c>
      <c r="AJ18" s="253">
        <v>1</v>
      </c>
      <c r="AK18" s="257">
        <v>1</v>
      </c>
      <c r="AL18" s="254">
        <v>2</v>
      </c>
      <c r="AM18" s="256">
        <v>0</v>
      </c>
      <c r="AN18" s="257">
        <v>1</v>
      </c>
      <c r="AO18" s="257">
        <v>1</v>
      </c>
      <c r="AP18" s="257">
        <v>0</v>
      </c>
      <c r="AQ18" s="257">
        <v>0</v>
      </c>
      <c r="AR18" s="257">
        <v>0</v>
      </c>
      <c r="AS18" s="254">
        <v>2</v>
      </c>
      <c r="AT18" s="259">
        <v>4</v>
      </c>
      <c r="AU18" s="253">
        <v>3</v>
      </c>
      <c r="AV18" s="257">
        <v>5</v>
      </c>
      <c r="AW18" s="254">
        <v>8</v>
      </c>
      <c r="AX18" s="256">
        <v>0</v>
      </c>
      <c r="AY18" s="257">
        <v>17</v>
      </c>
      <c r="AZ18" s="257">
        <v>22</v>
      </c>
      <c r="BA18" s="257">
        <v>12</v>
      </c>
      <c r="BB18" s="257">
        <v>18</v>
      </c>
      <c r="BC18" s="257">
        <v>12</v>
      </c>
      <c r="BD18" s="258">
        <v>81</v>
      </c>
      <c r="BE18" s="259">
        <v>89</v>
      </c>
      <c r="BF18" s="253">
        <v>0</v>
      </c>
      <c r="BG18" s="257">
        <v>0</v>
      </c>
      <c r="BH18" s="254">
        <v>0</v>
      </c>
      <c r="BI18" s="256">
        <v>0</v>
      </c>
      <c r="BJ18" s="257">
        <v>17</v>
      </c>
      <c r="BK18" s="257">
        <v>28</v>
      </c>
      <c r="BL18" s="257">
        <v>11</v>
      </c>
      <c r="BM18" s="257">
        <v>5</v>
      </c>
      <c r="BN18" s="257">
        <v>1</v>
      </c>
      <c r="BO18" s="254">
        <v>62</v>
      </c>
      <c r="BP18" s="259">
        <v>62</v>
      </c>
      <c r="BQ18" s="253">
        <v>2</v>
      </c>
      <c r="BR18" s="257">
        <v>6</v>
      </c>
      <c r="BS18" s="254">
        <v>8</v>
      </c>
      <c r="BT18" s="256">
        <v>0</v>
      </c>
      <c r="BU18" s="257">
        <v>6</v>
      </c>
      <c r="BV18" s="257">
        <v>26</v>
      </c>
      <c r="BW18" s="257">
        <v>7</v>
      </c>
      <c r="BX18" s="257">
        <v>4</v>
      </c>
      <c r="BY18" s="257">
        <v>1</v>
      </c>
      <c r="BZ18" s="254">
        <v>44</v>
      </c>
      <c r="CA18" s="259">
        <v>52</v>
      </c>
      <c r="CB18" s="253">
        <v>0</v>
      </c>
      <c r="CC18" s="257">
        <v>0</v>
      </c>
      <c r="CD18" s="254">
        <v>0</v>
      </c>
      <c r="CE18" s="256">
        <v>0</v>
      </c>
      <c r="CF18" s="257">
        <v>0</v>
      </c>
      <c r="CG18" s="257">
        <v>5</v>
      </c>
      <c r="CH18" s="257">
        <v>3</v>
      </c>
      <c r="CI18" s="257">
        <v>5</v>
      </c>
      <c r="CJ18" s="257">
        <v>1</v>
      </c>
      <c r="CK18" s="254">
        <v>14</v>
      </c>
      <c r="CL18" s="259">
        <v>14</v>
      </c>
      <c r="CM18" s="253">
        <v>0</v>
      </c>
      <c r="CN18" s="257">
        <v>0</v>
      </c>
      <c r="CO18" s="254">
        <v>0</v>
      </c>
      <c r="CP18" s="256">
        <v>0</v>
      </c>
      <c r="CQ18" s="257">
        <v>0</v>
      </c>
      <c r="CR18" s="257">
        <v>1</v>
      </c>
      <c r="CS18" s="257">
        <v>2</v>
      </c>
      <c r="CT18" s="257">
        <v>0</v>
      </c>
      <c r="CU18" s="257">
        <v>0</v>
      </c>
      <c r="CV18" s="254">
        <v>3</v>
      </c>
      <c r="CW18" s="259">
        <v>3</v>
      </c>
      <c r="CX18" s="253">
        <v>0</v>
      </c>
      <c r="CY18" s="257">
        <v>0</v>
      </c>
      <c r="CZ18" s="254">
        <v>0</v>
      </c>
      <c r="DA18" s="256">
        <v>0</v>
      </c>
      <c r="DB18" s="257">
        <v>0</v>
      </c>
      <c r="DC18" s="257">
        <v>0</v>
      </c>
      <c r="DD18" s="257">
        <v>0</v>
      </c>
      <c r="DE18" s="257">
        <v>0</v>
      </c>
      <c r="DF18" s="257">
        <v>0</v>
      </c>
      <c r="DG18" s="254">
        <v>0</v>
      </c>
      <c r="DH18" s="259">
        <v>0</v>
      </c>
      <c r="DI18" s="253">
        <v>0</v>
      </c>
      <c r="DJ18" s="257">
        <v>0</v>
      </c>
      <c r="DK18" s="254">
        <v>0</v>
      </c>
      <c r="DL18" s="256">
        <v>0</v>
      </c>
      <c r="DM18" s="257">
        <v>0</v>
      </c>
      <c r="DN18" s="257">
        <v>0</v>
      </c>
      <c r="DO18" s="257">
        <v>0</v>
      </c>
      <c r="DP18" s="257">
        <v>0</v>
      </c>
      <c r="DQ18" s="257">
        <v>0</v>
      </c>
      <c r="DR18" s="254">
        <v>0</v>
      </c>
      <c r="DS18" s="259">
        <v>0</v>
      </c>
      <c r="DT18" s="253">
        <v>10</v>
      </c>
      <c r="DU18" s="257">
        <v>20</v>
      </c>
      <c r="DV18" s="254">
        <v>30</v>
      </c>
      <c r="DW18" s="256">
        <v>0</v>
      </c>
      <c r="DX18" s="257">
        <v>23</v>
      </c>
      <c r="DY18" s="257">
        <v>55</v>
      </c>
      <c r="DZ18" s="257">
        <v>29</v>
      </c>
      <c r="EA18" s="257">
        <v>19</v>
      </c>
      <c r="EB18" s="257">
        <v>7</v>
      </c>
      <c r="EC18" s="254">
        <v>133</v>
      </c>
      <c r="ED18" s="259">
        <v>163</v>
      </c>
      <c r="EE18" s="253">
        <v>3</v>
      </c>
      <c r="EF18" s="257">
        <v>0</v>
      </c>
      <c r="EG18" s="254">
        <v>3</v>
      </c>
      <c r="EH18" s="256">
        <v>0</v>
      </c>
      <c r="EI18" s="257">
        <v>9</v>
      </c>
      <c r="EJ18" s="257">
        <v>13</v>
      </c>
      <c r="EK18" s="257">
        <v>6</v>
      </c>
      <c r="EL18" s="257">
        <v>11</v>
      </c>
      <c r="EM18" s="257">
        <v>6</v>
      </c>
      <c r="EN18" s="254">
        <v>45</v>
      </c>
      <c r="EO18" s="259">
        <v>48</v>
      </c>
      <c r="EP18" s="253">
        <v>16</v>
      </c>
      <c r="EQ18" s="257">
        <v>26</v>
      </c>
      <c r="ER18" s="254">
        <v>42</v>
      </c>
      <c r="ES18" s="256">
        <v>0</v>
      </c>
      <c r="ET18" s="257">
        <v>49</v>
      </c>
      <c r="EU18" s="257">
        <v>72</v>
      </c>
      <c r="EV18" s="257">
        <v>33</v>
      </c>
      <c r="EW18" s="257">
        <v>20</v>
      </c>
      <c r="EX18" s="257">
        <v>7</v>
      </c>
      <c r="EY18" s="254">
        <v>181</v>
      </c>
      <c r="EZ18" s="259">
        <v>223</v>
      </c>
    </row>
    <row r="19" spans="2:156" ht="21" customHeight="1" x14ac:dyDescent="0.2">
      <c r="B19" s="437" t="s">
        <v>17</v>
      </c>
      <c r="C19" s="253">
        <v>0</v>
      </c>
      <c r="D19" s="257">
        <v>0</v>
      </c>
      <c r="E19" s="340">
        <v>0</v>
      </c>
      <c r="F19" s="256">
        <v>0</v>
      </c>
      <c r="G19" s="257">
        <v>15</v>
      </c>
      <c r="H19" s="257">
        <v>17</v>
      </c>
      <c r="I19" s="257">
        <v>12</v>
      </c>
      <c r="J19" s="257">
        <v>1</v>
      </c>
      <c r="K19" s="257">
        <v>3</v>
      </c>
      <c r="L19" s="258">
        <v>48</v>
      </c>
      <c r="M19" s="259">
        <v>48</v>
      </c>
      <c r="N19" s="253">
        <v>0</v>
      </c>
      <c r="O19" s="257">
        <v>0</v>
      </c>
      <c r="P19" s="254">
        <v>0</v>
      </c>
      <c r="Q19" s="256">
        <v>0</v>
      </c>
      <c r="R19" s="257">
        <v>0</v>
      </c>
      <c r="S19" s="257">
        <v>0</v>
      </c>
      <c r="T19" s="257">
        <v>1</v>
      </c>
      <c r="U19" s="257">
        <v>1</v>
      </c>
      <c r="V19" s="257">
        <v>2</v>
      </c>
      <c r="W19" s="254">
        <v>4</v>
      </c>
      <c r="X19" s="259">
        <v>4</v>
      </c>
      <c r="Y19" s="253">
        <v>0</v>
      </c>
      <c r="Z19" s="257">
        <v>3</v>
      </c>
      <c r="AA19" s="254">
        <v>3</v>
      </c>
      <c r="AB19" s="256">
        <v>0</v>
      </c>
      <c r="AC19" s="257">
        <v>12</v>
      </c>
      <c r="AD19" s="257">
        <v>14</v>
      </c>
      <c r="AE19" s="257">
        <v>20</v>
      </c>
      <c r="AF19" s="257">
        <v>5</v>
      </c>
      <c r="AG19" s="257">
        <v>6</v>
      </c>
      <c r="AH19" s="254">
        <v>57</v>
      </c>
      <c r="AI19" s="259">
        <v>60</v>
      </c>
      <c r="AJ19" s="253">
        <v>0</v>
      </c>
      <c r="AK19" s="257">
        <v>1</v>
      </c>
      <c r="AL19" s="254">
        <v>1</v>
      </c>
      <c r="AM19" s="256">
        <v>0</v>
      </c>
      <c r="AN19" s="257">
        <v>1</v>
      </c>
      <c r="AO19" s="257">
        <v>2</v>
      </c>
      <c r="AP19" s="257">
        <v>2</v>
      </c>
      <c r="AQ19" s="257">
        <v>0</v>
      </c>
      <c r="AR19" s="257">
        <v>0</v>
      </c>
      <c r="AS19" s="254">
        <v>5</v>
      </c>
      <c r="AT19" s="259">
        <v>6</v>
      </c>
      <c r="AU19" s="253">
        <v>8</v>
      </c>
      <c r="AV19" s="257">
        <v>3</v>
      </c>
      <c r="AW19" s="254">
        <v>11</v>
      </c>
      <c r="AX19" s="256">
        <v>0</v>
      </c>
      <c r="AY19" s="257">
        <v>19</v>
      </c>
      <c r="AZ19" s="257">
        <v>22</v>
      </c>
      <c r="BA19" s="257">
        <v>25</v>
      </c>
      <c r="BB19" s="257">
        <v>10</v>
      </c>
      <c r="BC19" s="257">
        <v>12</v>
      </c>
      <c r="BD19" s="258">
        <v>88</v>
      </c>
      <c r="BE19" s="259">
        <v>99</v>
      </c>
      <c r="BF19" s="253">
        <v>0</v>
      </c>
      <c r="BG19" s="257">
        <v>0</v>
      </c>
      <c r="BH19" s="254">
        <v>0</v>
      </c>
      <c r="BI19" s="256">
        <v>0</v>
      </c>
      <c r="BJ19" s="257">
        <v>18</v>
      </c>
      <c r="BK19" s="257">
        <v>28</v>
      </c>
      <c r="BL19" s="257">
        <v>9</v>
      </c>
      <c r="BM19" s="257">
        <v>7</v>
      </c>
      <c r="BN19" s="257">
        <v>3</v>
      </c>
      <c r="BO19" s="254">
        <v>65</v>
      </c>
      <c r="BP19" s="259">
        <v>65</v>
      </c>
      <c r="BQ19" s="253">
        <v>3</v>
      </c>
      <c r="BR19" s="257">
        <v>4</v>
      </c>
      <c r="BS19" s="254">
        <v>7</v>
      </c>
      <c r="BT19" s="256">
        <v>0</v>
      </c>
      <c r="BU19" s="257">
        <v>1</v>
      </c>
      <c r="BV19" s="257">
        <v>13</v>
      </c>
      <c r="BW19" s="257">
        <v>5</v>
      </c>
      <c r="BX19" s="257">
        <v>1</v>
      </c>
      <c r="BY19" s="257">
        <v>1</v>
      </c>
      <c r="BZ19" s="254">
        <v>21</v>
      </c>
      <c r="CA19" s="259">
        <v>28</v>
      </c>
      <c r="CB19" s="253">
        <v>0</v>
      </c>
      <c r="CC19" s="257">
        <v>0</v>
      </c>
      <c r="CD19" s="254">
        <v>0</v>
      </c>
      <c r="CE19" s="256">
        <v>0</v>
      </c>
      <c r="CF19" s="257">
        <v>6</v>
      </c>
      <c r="CG19" s="257">
        <v>10</v>
      </c>
      <c r="CH19" s="257">
        <v>5</v>
      </c>
      <c r="CI19" s="257">
        <v>6</v>
      </c>
      <c r="CJ19" s="257">
        <v>3</v>
      </c>
      <c r="CK19" s="254">
        <v>30</v>
      </c>
      <c r="CL19" s="259">
        <v>30</v>
      </c>
      <c r="CM19" s="253">
        <v>0</v>
      </c>
      <c r="CN19" s="257">
        <v>0</v>
      </c>
      <c r="CO19" s="254">
        <v>0</v>
      </c>
      <c r="CP19" s="256">
        <v>0</v>
      </c>
      <c r="CQ19" s="257">
        <v>0</v>
      </c>
      <c r="CR19" s="257">
        <v>1</v>
      </c>
      <c r="CS19" s="257">
        <v>1</v>
      </c>
      <c r="CT19" s="257">
        <v>0</v>
      </c>
      <c r="CU19" s="257">
        <v>0</v>
      </c>
      <c r="CV19" s="254">
        <v>2</v>
      </c>
      <c r="CW19" s="259">
        <v>2</v>
      </c>
      <c r="CX19" s="253">
        <v>0</v>
      </c>
      <c r="CY19" s="257">
        <v>0</v>
      </c>
      <c r="CZ19" s="254">
        <v>0</v>
      </c>
      <c r="DA19" s="256">
        <v>0</v>
      </c>
      <c r="DB19" s="257">
        <v>0</v>
      </c>
      <c r="DC19" s="257">
        <v>0</v>
      </c>
      <c r="DD19" s="257">
        <v>0</v>
      </c>
      <c r="DE19" s="257">
        <v>0</v>
      </c>
      <c r="DF19" s="257">
        <v>0</v>
      </c>
      <c r="DG19" s="254">
        <v>0</v>
      </c>
      <c r="DH19" s="259">
        <v>0</v>
      </c>
      <c r="DI19" s="253">
        <v>0</v>
      </c>
      <c r="DJ19" s="257">
        <v>0</v>
      </c>
      <c r="DK19" s="254">
        <v>0</v>
      </c>
      <c r="DL19" s="256">
        <v>0</v>
      </c>
      <c r="DM19" s="257">
        <v>0</v>
      </c>
      <c r="DN19" s="257">
        <v>0</v>
      </c>
      <c r="DO19" s="257">
        <v>0</v>
      </c>
      <c r="DP19" s="257">
        <v>0</v>
      </c>
      <c r="DQ19" s="257">
        <v>0</v>
      </c>
      <c r="DR19" s="254">
        <v>0</v>
      </c>
      <c r="DS19" s="259">
        <v>0</v>
      </c>
      <c r="DT19" s="253">
        <v>10</v>
      </c>
      <c r="DU19" s="257">
        <v>27</v>
      </c>
      <c r="DV19" s="254">
        <v>37</v>
      </c>
      <c r="DW19" s="256">
        <v>0</v>
      </c>
      <c r="DX19" s="257">
        <v>18</v>
      </c>
      <c r="DY19" s="257">
        <v>70</v>
      </c>
      <c r="DZ19" s="257">
        <v>33</v>
      </c>
      <c r="EA19" s="257">
        <v>13</v>
      </c>
      <c r="EB19" s="257">
        <v>10</v>
      </c>
      <c r="EC19" s="254">
        <v>144</v>
      </c>
      <c r="ED19" s="259">
        <v>181</v>
      </c>
      <c r="EE19" s="253">
        <v>5</v>
      </c>
      <c r="EF19" s="257">
        <v>1</v>
      </c>
      <c r="EG19" s="254">
        <v>6</v>
      </c>
      <c r="EH19" s="256">
        <v>0</v>
      </c>
      <c r="EI19" s="257">
        <v>9</v>
      </c>
      <c r="EJ19" s="257">
        <v>9</v>
      </c>
      <c r="EK19" s="257">
        <v>8</v>
      </c>
      <c r="EL19" s="257">
        <v>4</v>
      </c>
      <c r="EM19" s="257">
        <v>3</v>
      </c>
      <c r="EN19" s="254">
        <v>33</v>
      </c>
      <c r="EO19" s="259">
        <v>39</v>
      </c>
      <c r="EP19" s="253">
        <v>13</v>
      </c>
      <c r="EQ19" s="257">
        <v>32</v>
      </c>
      <c r="ER19" s="254">
        <v>45</v>
      </c>
      <c r="ES19" s="256">
        <v>0</v>
      </c>
      <c r="ET19" s="257">
        <v>70</v>
      </c>
      <c r="EU19" s="257">
        <v>93</v>
      </c>
      <c r="EV19" s="257">
        <v>38</v>
      </c>
      <c r="EW19" s="257">
        <v>16</v>
      </c>
      <c r="EX19" s="257">
        <v>10</v>
      </c>
      <c r="EY19" s="254">
        <v>227</v>
      </c>
      <c r="EZ19" s="259">
        <v>272</v>
      </c>
    </row>
    <row r="20" spans="2:156" ht="21" customHeight="1" x14ac:dyDescent="0.2">
      <c r="B20" s="437" t="s">
        <v>18</v>
      </c>
      <c r="C20" s="253">
        <v>0</v>
      </c>
      <c r="D20" s="257">
        <v>0</v>
      </c>
      <c r="E20" s="340">
        <v>0</v>
      </c>
      <c r="F20" s="256">
        <v>0</v>
      </c>
      <c r="G20" s="257">
        <v>27</v>
      </c>
      <c r="H20" s="257">
        <v>29</v>
      </c>
      <c r="I20" s="257">
        <v>15</v>
      </c>
      <c r="J20" s="257">
        <v>8</v>
      </c>
      <c r="K20" s="257">
        <v>3</v>
      </c>
      <c r="L20" s="258">
        <v>82</v>
      </c>
      <c r="M20" s="259">
        <v>82</v>
      </c>
      <c r="N20" s="253">
        <v>0</v>
      </c>
      <c r="O20" s="257">
        <v>0</v>
      </c>
      <c r="P20" s="254">
        <v>0</v>
      </c>
      <c r="Q20" s="256">
        <v>0</v>
      </c>
      <c r="R20" s="257">
        <v>1</v>
      </c>
      <c r="S20" s="257">
        <v>0</v>
      </c>
      <c r="T20" s="257">
        <v>1</v>
      </c>
      <c r="U20" s="257">
        <v>1</v>
      </c>
      <c r="V20" s="257">
        <v>5</v>
      </c>
      <c r="W20" s="254">
        <v>8</v>
      </c>
      <c r="X20" s="259">
        <v>8</v>
      </c>
      <c r="Y20" s="253">
        <v>3</v>
      </c>
      <c r="Z20" s="257">
        <v>10</v>
      </c>
      <c r="AA20" s="254">
        <v>13</v>
      </c>
      <c r="AB20" s="256">
        <v>0</v>
      </c>
      <c r="AC20" s="257">
        <v>21</v>
      </c>
      <c r="AD20" s="257">
        <v>19</v>
      </c>
      <c r="AE20" s="257">
        <v>17</v>
      </c>
      <c r="AF20" s="257">
        <v>8</v>
      </c>
      <c r="AG20" s="257">
        <v>5</v>
      </c>
      <c r="AH20" s="254">
        <v>70</v>
      </c>
      <c r="AI20" s="259">
        <v>83</v>
      </c>
      <c r="AJ20" s="253">
        <v>0</v>
      </c>
      <c r="AK20" s="257">
        <v>1</v>
      </c>
      <c r="AL20" s="254">
        <v>1</v>
      </c>
      <c r="AM20" s="256">
        <v>0</v>
      </c>
      <c r="AN20" s="257">
        <v>3</v>
      </c>
      <c r="AO20" s="257">
        <v>2</v>
      </c>
      <c r="AP20" s="257">
        <v>1</v>
      </c>
      <c r="AQ20" s="257">
        <v>3</v>
      </c>
      <c r="AR20" s="257">
        <v>0</v>
      </c>
      <c r="AS20" s="254">
        <v>9</v>
      </c>
      <c r="AT20" s="259">
        <v>10</v>
      </c>
      <c r="AU20" s="253">
        <v>3</v>
      </c>
      <c r="AV20" s="257">
        <v>4</v>
      </c>
      <c r="AW20" s="254">
        <v>7</v>
      </c>
      <c r="AX20" s="256">
        <v>0</v>
      </c>
      <c r="AY20" s="257">
        <v>42</v>
      </c>
      <c r="AZ20" s="257">
        <v>36</v>
      </c>
      <c r="BA20" s="257">
        <v>32</v>
      </c>
      <c r="BB20" s="257">
        <v>26</v>
      </c>
      <c r="BC20" s="257">
        <v>15</v>
      </c>
      <c r="BD20" s="258">
        <v>151</v>
      </c>
      <c r="BE20" s="259">
        <v>158</v>
      </c>
      <c r="BF20" s="253">
        <v>0</v>
      </c>
      <c r="BG20" s="257">
        <v>0</v>
      </c>
      <c r="BH20" s="254">
        <v>0</v>
      </c>
      <c r="BI20" s="256">
        <v>0</v>
      </c>
      <c r="BJ20" s="257">
        <v>51</v>
      </c>
      <c r="BK20" s="257">
        <v>35</v>
      </c>
      <c r="BL20" s="257">
        <v>19</v>
      </c>
      <c r="BM20" s="257">
        <v>4</v>
      </c>
      <c r="BN20" s="257">
        <v>2</v>
      </c>
      <c r="BO20" s="254">
        <v>111</v>
      </c>
      <c r="BP20" s="259">
        <v>111</v>
      </c>
      <c r="BQ20" s="253">
        <v>4</v>
      </c>
      <c r="BR20" s="257">
        <v>7</v>
      </c>
      <c r="BS20" s="254">
        <v>11</v>
      </c>
      <c r="BT20" s="256">
        <v>0</v>
      </c>
      <c r="BU20" s="257">
        <v>14</v>
      </c>
      <c r="BV20" s="257">
        <v>11</v>
      </c>
      <c r="BW20" s="257">
        <v>8</v>
      </c>
      <c r="BX20" s="257">
        <v>2</v>
      </c>
      <c r="BY20" s="257">
        <v>1</v>
      </c>
      <c r="BZ20" s="254">
        <v>36</v>
      </c>
      <c r="CA20" s="259">
        <v>47</v>
      </c>
      <c r="CB20" s="253">
        <v>0</v>
      </c>
      <c r="CC20" s="257">
        <v>1</v>
      </c>
      <c r="CD20" s="254">
        <v>1</v>
      </c>
      <c r="CE20" s="256">
        <v>0</v>
      </c>
      <c r="CF20" s="257">
        <v>5</v>
      </c>
      <c r="CG20" s="257">
        <v>8</v>
      </c>
      <c r="CH20" s="257">
        <v>12</v>
      </c>
      <c r="CI20" s="257">
        <v>6</v>
      </c>
      <c r="CJ20" s="257">
        <v>1</v>
      </c>
      <c r="CK20" s="254">
        <v>32</v>
      </c>
      <c r="CL20" s="259">
        <v>33</v>
      </c>
      <c r="CM20" s="253">
        <v>0</v>
      </c>
      <c r="CN20" s="257">
        <v>0</v>
      </c>
      <c r="CO20" s="254">
        <v>0</v>
      </c>
      <c r="CP20" s="256">
        <v>0</v>
      </c>
      <c r="CQ20" s="257">
        <v>0</v>
      </c>
      <c r="CR20" s="257">
        <v>0</v>
      </c>
      <c r="CS20" s="257">
        <v>0</v>
      </c>
      <c r="CT20" s="257">
        <v>0</v>
      </c>
      <c r="CU20" s="257">
        <v>0</v>
      </c>
      <c r="CV20" s="254">
        <v>0</v>
      </c>
      <c r="CW20" s="259">
        <v>0</v>
      </c>
      <c r="CX20" s="253">
        <v>0</v>
      </c>
      <c r="CY20" s="257">
        <v>0</v>
      </c>
      <c r="CZ20" s="254">
        <v>0</v>
      </c>
      <c r="DA20" s="256">
        <v>0</v>
      </c>
      <c r="DB20" s="257">
        <v>0</v>
      </c>
      <c r="DC20" s="257">
        <v>0</v>
      </c>
      <c r="DD20" s="257">
        <v>0</v>
      </c>
      <c r="DE20" s="257">
        <v>0</v>
      </c>
      <c r="DF20" s="257">
        <v>0</v>
      </c>
      <c r="DG20" s="254">
        <v>0</v>
      </c>
      <c r="DH20" s="259">
        <v>0</v>
      </c>
      <c r="DI20" s="253">
        <v>0</v>
      </c>
      <c r="DJ20" s="257">
        <v>0</v>
      </c>
      <c r="DK20" s="254">
        <v>0</v>
      </c>
      <c r="DL20" s="256">
        <v>0</v>
      </c>
      <c r="DM20" s="257">
        <v>0</v>
      </c>
      <c r="DN20" s="257">
        <v>0</v>
      </c>
      <c r="DO20" s="257">
        <v>0</v>
      </c>
      <c r="DP20" s="257">
        <v>0</v>
      </c>
      <c r="DQ20" s="257">
        <v>0</v>
      </c>
      <c r="DR20" s="254">
        <v>0</v>
      </c>
      <c r="DS20" s="259">
        <v>0</v>
      </c>
      <c r="DT20" s="253">
        <v>10</v>
      </c>
      <c r="DU20" s="257">
        <v>31</v>
      </c>
      <c r="DV20" s="254">
        <v>41</v>
      </c>
      <c r="DW20" s="256">
        <v>0</v>
      </c>
      <c r="DX20" s="257">
        <v>49</v>
      </c>
      <c r="DY20" s="257">
        <v>53</v>
      </c>
      <c r="DZ20" s="257">
        <v>41</v>
      </c>
      <c r="EA20" s="257">
        <v>21</v>
      </c>
      <c r="EB20" s="257">
        <v>13</v>
      </c>
      <c r="EC20" s="254">
        <v>177</v>
      </c>
      <c r="ED20" s="259">
        <v>218</v>
      </c>
      <c r="EE20" s="253">
        <v>3</v>
      </c>
      <c r="EF20" s="257">
        <v>0</v>
      </c>
      <c r="EG20" s="254">
        <v>3</v>
      </c>
      <c r="EH20" s="256">
        <v>0</v>
      </c>
      <c r="EI20" s="257">
        <v>16</v>
      </c>
      <c r="EJ20" s="257">
        <v>13</v>
      </c>
      <c r="EK20" s="257">
        <v>9</v>
      </c>
      <c r="EL20" s="257">
        <v>8</v>
      </c>
      <c r="EM20" s="257">
        <v>3</v>
      </c>
      <c r="EN20" s="254">
        <v>49</v>
      </c>
      <c r="EO20" s="259">
        <v>52</v>
      </c>
      <c r="EP20" s="253">
        <v>16</v>
      </c>
      <c r="EQ20" s="257">
        <v>39</v>
      </c>
      <c r="ER20" s="254">
        <v>55</v>
      </c>
      <c r="ES20" s="256">
        <v>0</v>
      </c>
      <c r="ET20" s="257">
        <v>120</v>
      </c>
      <c r="EU20" s="257">
        <v>80</v>
      </c>
      <c r="EV20" s="257">
        <v>49</v>
      </c>
      <c r="EW20" s="257">
        <v>25</v>
      </c>
      <c r="EX20" s="257">
        <v>13</v>
      </c>
      <c r="EY20" s="254">
        <v>287</v>
      </c>
      <c r="EZ20" s="259">
        <v>342</v>
      </c>
    </row>
    <row r="21" spans="2:156" ht="21" customHeight="1" x14ac:dyDescent="0.2">
      <c r="B21" s="437" t="s">
        <v>19</v>
      </c>
      <c r="C21" s="253">
        <v>0</v>
      </c>
      <c r="D21" s="257">
        <v>0</v>
      </c>
      <c r="E21" s="340">
        <v>0</v>
      </c>
      <c r="F21" s="256">
        <v>0</v>
      </c>
      <c r="G21" s="257">
        <v>9</v>
      </c>
      <c r="H21" s="257">
        <v>6</v>
      </c>
      <c r="I21" s="257">
        <v>4</v>
      </c>
      <c r="J21" s="257">
        <v>2</v>
      </c>
      <c r="K21" s="257">
        <v>4</v>
      </c>
      <c r="L21" s="258">
        <v>25</v>
      </c>
      <c r="M21" s="259">
        <v>25</v>
      </c>
      <c r="N21" s="253">
        <v>0</v>
      </c>
      <c r="O21" s="257">
        <v>0</v>
      </c>
      <c r="P21" s="254">
        <v>0</v>
      </c>
      <c r="Q21" s="256">
        <v>0</v>
      </c>
      <c r="R21" s="257">
        <v>0</v>
      </c>
      <c r="S21" s="257">
        <v>1</v>
      </c>
      <c r="T21" s="257">
        <v>2</v>
      </c>
      <c r="U21" s="257">
        <v>2</v>
      </c>
      <c r="V21" s="257">
        <v>1</v>
      </c>
      <c r="W21" s="254">
        <v>6</v>
      </c>
      <c r="X21" s="259">
        <v>6</v>
      </c>
      <c r="Y21" s="253">
        <v>1</v>
      </c>
      <c r="Z21" s="257">
        <v>3</v>
      </c>
      <c r="AA21" s="254">
        <v>4</v>
      </c>
      <c r="AB21" s="256">
        <v>0</v>
      </c>
      <c r="AC21" s="257">
        <v>14</v>
      </c>
      <c r="AD21" s="257">
        <v>9</v>
      </c>
      <c r="AE21" s="257">
        <v>7</v>
      </c>
      <c r="AF21" s="257">
        <v>4</v>
      </c>
      <c r="AG21" s="257">
        <v>4</v>
      </c>
      <c r="AH21" s="254">
        <v>38</v>
      </c>
      <c r="AI21" s="259">
        <v>42</v>
      </c>
      <c r="AJ21" s="253">
        <v>0</v>
      </c>
      <c r="AK21" s="257">
        <v>0</v>
      </c>
      <c r="AL21" s="254">
        <v>0</v>
      </c>
      <c r="AM21" s="256">
        <v>0</v>
      </c>
      <c r="AN21" s="257">
        <v>1</v>
      </c>
      <c r="AO21" s="257">
        <v>1</v>
      </c>
      <c r="AP21" s="257">
        <v>0</v>
      </c>
      <c r="AQ21" s="257">
        <v>0</v>
      </c>
      <c r="AR21" s="257">
        <v>0</v>
      </c>
      <c r="AS21" s="254">
        <v>2</v>
      </c>
      <c r="AT21" s="259">
        <v>2</v>
      </c>
      <c r="AU21" s="253">
        <v>8</v>
      </c>
      <c r="AV21" s="257">
        <v>2</v>
      </c>
      <c r="AW21" s="254">
        <v>10</v>
      </c>
      <c r="AX21" s="256">
        <v>0</v>
      </c>
      <c r="AY21" s="257">
        <v>19</v>
      </c>
      <c r="AZ21" s="257">
        <v>20</v>
      </c>
      <c r="BA21" s="257">
        <v>13</v>
      </c>
      <c r="BB21" s="257">
        <v>8</v>
      </c>
      <c r="BC21" s="257">
        <v>12</v>
      </c>
      <c r="BD21" s="258">
        <v>72</v>
      </c>
      <c r="BE21" s="259">
        <v>82</v>
      </c>
      <c r="BF21" s="253">
        <v>0</v>
      </c>
      <c r="BG21" s="257">
        <v>0</v>
      </c>
      <c r="BH21" s="254">
        <v>0</v>
      </c>
      <c r="BI21" s="256">
        <v>0</v>
      </c>
      <c r="BJ21" s="257">
        <v>24</v>
      </c>
      <c r="BK21" s="257">
        <v>11</v>
      </c>
      <c r="BL21" s="257">
        <v>7</v>
      </c>
      <c r="BM21" s="257">
        <v>2</v>
      </c>
      <c r="BN21" s="257">
        <v>1</v>
      </c>
      <c r="BO21" s="254">
        <v>45</v>
      </c>
      <c r="BP21" s="259">
        <v>45</v>
      </c>
      <c r="BQ21" s="253">
        <v>2</v>
      </c>
      <c r="BR21" s="257">
        <v>3</v>
      </c>
      <c r="BS21" s="254">
        <v>5</v>
      </c>
      <c r="BT21" s="256">
        <v>0</v>
      </c>
      <c r="BU21" s="257">
        <v>11</v>
      </c>
      <c r="BV21" s="257">
        <v>6</v>
      </c>
      <c r="BW21" s="257">
        <v>3</v>
      </c>
      <c r="BX21" s="257">
        <v>2</v>
      </c>
      <c r="BY21" s="257">
        <v>0</v>
      </c>
      <c r="BZ21" s="254">
        <v>22</v>
      </c>
      <c r="CA21" s="259">
        <v>27</v>
      </c>
      <c r="CB21" s="253">
        <v>0</v>
      </c>
      <c r="CC21" s="257">
        <v>1</v>
      </c>
      <c r="CD21" s="254">
        <v>1</v>
      </c>
      <c r="CE21" s="256">
        <v>0</v>
      </c>
      <c r="CF21" s="257">
        <v>1</v>
      </c>
      <c r="CG21" s="257">
        <v>0</v>
      </c>
      <c r="CH21" s="257">
        <v>1</v>
      </c>
      <c r="CI21" s="257">
        <v>1</v>
      </c>
      <c r="CJ21" s="257">
        <v>1</v>
      </c>
      <c r="CK21" s="254">
        <v>4</v>
      </c>
      <c r="CL21" s="259">
        <v>5</v>
      </c>
      <c r="CM21" s="253">
        <v>0</v>
      </c>
      <c r="CN21" s="257">
        <v>0</v>
      </c>
      <c r="CO21" s="254">
        <v>0</v>
      </c>
      <c r="CP21" s="256">
        <v>0</v>
      </c>
      <c r="CQ21" s="257">
        <v>0</v>
      </c>
      <c r="CR21" s="257">
        <v>1</v>
      </c>
      <c r="CS21" s="257">
        <v>1</v>
      </c>
      <c r="CT21" s="257">
        <v>0</v>
      </c>
      <c r="CU21" s="257">
        <v>0</v>
      </c>
      <c r="CV21" s="254">
        <v>2</v>
      </c>
      <c r="CW21" s="259">
        <v>2</v>
      </c>
      <c r="CX21" s="253">
        <v>0</v>
      </c>
      <c r="CY21" s="257">
        <v>0</v>
      </c>
      <c r="CZ21" s="254">
        <v>0</v>
      </c>
      <c r="DA21" s="256">
        <v>0</v>
      </c>
      <c r="DB21" s="257">
        <v>0</v>
      </c>
      <c r="DC21" s="257">
        <v>0</v>
      </c>
      <c r="DD21" s="257">
        <v>0</v>
      </c>
      <c r="DE21" s="257">
        <v>0</v>
      </c>
      <c r="DF21" s="257">
        <v>0</v>
      </c>
      <c r="DG21" s="254">
        <v>0</v>
      </c>
      <c r="DH21" s="259">
        <v>0</v>
      </c>
      <c r="DI21" s="253">
        <v>0</v>
      </c>
      <c r="DJ21" s="257">
        <v>0</v>
      </c>
      <c r="DK21" s="254">
        <v>0</v>
      </c>
      <c r="DL21" s="256">
        <v>0</v>
      </c>
      <c r="DM21" s="257">
        <v>0</v>
      </c>
      <c r="DN21" s="257">
        <v>0</v>
      </c>
      <c r="DO21" s="257">
        <v>0</v>
      </c>
      <c r="DP21" s="257">
        <v>0</v>
      </c>
      <c r="DQ21" s="257">
        <v>0</v>
      </c>
      <c r="DR21" s="254">
        <v>0</v>
      </c>
      <c r="DS21" s="259">
        <v>0</v>
      </c>
      <c r="DT21" s="253">
        <v>3</v>
      </c>
      <c r="DU21" s="257">
        <v>12</v>
      </c>
      <c r="DV21" s="254">
        <v>15</v>
      </c>
      <c r="DW21" s="256">
        <v>0</v>
      </c>
      <c r="DX21" s="257">
        <v>39</v>
      </c>
      <c r="DY21" s="257">
        <v>23</v>
      </c>
      <c r="DZ21" s="257">
        <v>15</v>
      </c>
      <c r="EA21" s="257">
        <v>7</v>
      </c>
      <c r="EB21" s="257">
        <v>11</v>
      </c>
      <c r="EC21" s="254">
        <v>95</v>
      </c>
      <c r="ED21" s="259">
        <v>110</v>
      </c>
      <c r="EE21" s="253">
        <v>5</v>
      </c>
      <c r="EF21" s="257">
        <v>1</v>
      </c>
      <c r="EG21" s="254">
        <v>6</v>
      </c>
      <c r="EH21" s="256">
        <v>0</v>
      </c>
      <c r="EI21" s="257">
        <v>5</v>
      </c>
      <c r="EJ21" s="257">
        <v>8</v>
      </c>
      <c r="EK21" s="257">
        <v>3</v>
      </c>
      <c r="EL21" s="257">
        <v>2</v>
      </c>
      <c r="EM21" s="257">
        <v>2</v>
      </c>
      <c r="EN21" s="254">
        <v>20</v>
      </c>
      <c r="EO21" s="259">
        <v>26</v>
      </c>
      <c r="EP21" s="253">
        <v>7</v>
      </c>
      <c r="EQ21" s="257">
        <v>17</v>
      </c>
      <c r="ER21" s="254">
        <v>24</v>
      </c>
      <c r="ES21" s="256">
        <v>0</v>
      </c>
      <c r="ET21" s="257">
        <v>58</v>
      </c>
      <c r="EU21" s="257">
        <v>30</v>
      </c>
      <c r="EV21" s="257">
        <v>18</v>
      </c>
      <c r="EW21" s="257">
        <v>7</v>
      </c>
      <c r="EX21" s="257">
        <v>8</v>
      </c>
      <c r="EY21" s="254">
        <v>121</v>
      </c>
      <c r="EZ21" s="259">
        <v>145</v>
      </c>
    </row>
    <row r="22" spans="2:156" ht="21" customHeight="1" x14ac:dyDescent="0.2">
      <c r="B22" s="437" t="s">
        <v>20</v>
      </c>
      <c r="C22" s="253">
        <v>0</v>
      </c>
      <c r="D22" s="257">
        <v>0</v>
      </c>
      <c r="E22" s="340">
        <v>0</v>
      </c>
      <c r="F22" s="256">
        <v>0</v>
      </c>
      <c r="G22" s="257">
        <v>24</v>
      </c>
      <c r="H22" s="257">
        <v>19</v>
      </c>
      <c r="I22" s="257">
        <v>7</v>
      </c>
      <c r="J22" s="257">
        <v>7</v>
      </c>
      <c r="K22" s="257">
        <v>9</v>
      </c>
      <c r="L22" s="258">
        <v>66</v>
      </c>
      <c r="M22" s="259">
        <v>66</v>
      </c>
      <c r="N22" s="253">
        <v>0</v>
      </c>
      <c r="O22" s="257">
        <v>0</v>
      </c>
      <c r="P22" s="254">
        <v>0</v>
      </c>
      <c r="Q22" s="256">
        <v>0</v>
      </c>
      <c r="R22" s="257">
        <v>0</v>
      </c>
      <c r="S22" s="257">
        <v>0</v>
      </c>
      <c r="T22" s="257">
        <v>1</v>
      </c>
      <c r="U22" s="257">
        <v>1</v>
      </c>
      <c r="V22" s="257">
        <v>2</v>
      </c>
      <c r="W22" s="254">
        <v>4</v>
      </c>
      <c r="X22" s="259">
        <v>4</v>
      </c>
      <c r="Y22" s="253">
        <v>3</v>
      </c>
      <c r="Z22" s="257">
        <v>1</v>
      </c>
      <c r="AA22" s="254">
        <v>4</v>
      </c>
      <c r="AB22" s="256">
        <v>0</v>
      </c>
      <c r="AC22" s="257">
        <v>21</v>
      </c>
      <c r="AD22" s="257">
        <v>18</v>
      </c>
      <c r="AE22" s="257">
        <v>11</v>
      </c>
      <c r="AF22" s="257">
        <v>10</v>
      </c>
      <c r="AG22" s="257">
        <v>7</v>
      </c>
      <c r="AH22" s="254">
        <v>67</v>
      </c>
      <c r="AI22" s="259">
        <v>71</v>
      </c>
      <c r="AJ22" s="253">
        <v>2</v>
      </c>
      <c r="AK22" s="257">
        <v>3</v>
      </c>
      <c r="AL22" s="254">
        <v>5</v>
      </c>
      <c r="AM22" s="256">
        <v>0</v>
      </c>
      <c r="AN22" s="257">
        <v>3</v>
      </c>
      <c r="AO22" s="257">
        <v>7</v>
      </c>
      <c r="AP22" s="257">
        <v>7</v>
      </c>
      <c r="AQ22" s="257">
        <v>3</v>
      </c>
      <c r="AR22" s="257">
        <v>3</v>
      </c>
      <c r="AS22" s="254">
        <v>23</v>
      </c>
      <c r="AT22" s="259">
        <v>28</v>
      </c>
      <c r="AU22" s="253">
        <v>1</v>
      </c>
      <c r="AV22" s="257">
        <v>4</v>
      </c>
      <c r="AW22" s="254">
        <v>5</v>
      </c>
      <c r="AX22" s="256">
        <v>0</v>
      </c>
      <c r="AY22" s="257">
        <v>17</v>
      </c>
      <c r="AZ22" s="257">
        <v>20</v>
      </c>
      <c r="BA22" s="257">
        <v>23</v>
      </c>
      <c r="BB22" s="257">
        <v>20</v>
      </c>
      <c r="BC22" s="257">
        <v>12</v>
      </c>
      <c r="BD22" s="258">
        <v>92</v>
      </c>
      <c r="BE22" s="259">
        <v>97</v>
      </c>
      <c r="BF22" s="253">
        <v>0</v>
      </c>
      <c r="BG22" s="257">
        <v>0</v>
      </c>
      <c r="BH22" s="254">
        <v>0</v>
      </c>
      <c r="BI22" s="256">
        <v>0</v>
      </c>
      <c r="BJ22" s="257">
        <v>30</v>
      </c>
      <c r="BK22" s="257">
        <v>21</v>
      </c>
      <c r="BL22" s="257">
        <v>13</v>
      </c>
      <c r="BM22" s="257">
        <v>4</v>
      </c>
      <c r="BN22" s="257">
        <v>5</v>
      </c>
      <c r="BO22" s="254">
        <v>73</v>
      </c>
      <c r="BP22" s="259">
        <v>73</v>
      </c>
      <c r="BQ22" s="253">
        <v>3</v>
      </c>
      <c r="BR22" s="257">
        <v>1</v>
      </c>
      <c r="BS22" s="254">
        <v>4</v>
      </c>
      <c r="BT22" s="256">
        <v>0</v>
      </c>
      <c r="BU22" s="257">
        <v>10</v>
      </c>
      <c r="BV22" s="257">
        <v>11</v>
      </c>
      <c r="BW22" s="257">
        <v>5</v>
      </c>
      <c r="BX22" s="257">
        <v>5</v>
      </c>
      <c r="BY22" s="257">
        <v>2</v>
      </c>
      <c r="BZ22" s="254">
        <v>33</v>
      </c>
      <c r="CA22" s="259">
        <v>37</v>
      </c>
      <c r="CB22" s="253">
        <v>0</v>
      </c>
      <c r="CC22" s="257">
        <v>1</v>
      </c>
      <c r="CD22" s="254">
        <v>1</v>
      </c>
      <c r="CE22" s="256">
        <v>0</v>
      </c>
      <c r="CF22" s="257">
        <v>4</v>
      </c>
      <c r="CG22" s="257">
        <v>2</v>
      </c>
      <c r="CH22" s="257">
        <v>3</v>
      </c>
      <c r="CI22" s="257">
        <v>8</v>
      </c>
      <c r="CJ22" s="257">
        <v>2</v>
      </c>
      <c r="CK22" s="254">
        <v>19</v>
      </c>
      <c r="CL22" s="259">
        <v>20</v>
      </c>
      <c r="CM22" s="253">
        <v>0</v>
      </c>
      <c r="CN22" s="257">
        <v>0</v>
      </c>
      <c r="CO22" s="254">
        <v>0</v>
      </c>
      <c r="CP22" s="256">
        <v>0</v>
      </c>
      <c r="CQ22" s="257">
        <v>1</v>
      </c>
      <c r="CR22" s="257">
        <v>0</v>
      </c>
      <c r="CS22" s="257">
        <v>1</v>
      </c>
      <c r="CT22" s="257">
        <v>4</v>
      </c>
      <c r="CU22" s="257">
        <v>0</v>
      </c>
      <c r="CV22" s="254">
        <v>6</v>
      </c>
      <c r="CW22" s="259">
        <v>6</v>
      </c>
      <c r="CX22" s="253">
        <v>0</v>
      </c>
      <c r="CY22" s="257">
        <v>0</v>
      </c>
      <c r="CZ22" s="254">
        <v>0</v>
      </c>
      <c r="DA22" s="256">
        <v>0</v>
      </c>
      <c r="DB22" s="257">
        <v>0</v>
      </c>
      <c r="DC22" s="257">
        <v>0</v>
      </c>
      <c r="DD22" s="257">
        <v>0</v>
      </c>
      <c r="DE22" s="257">
        <v>0</v>
      </c>
      <c r="DF22" s="257">
        <v>0</v>
      </c>
      <c r="DG22" s="254">
        <v>0</v>
      </c>
      <c r="DH22" s="259">
        <v>0</v>
      </c>
      <c r="DI22" s="253">
        <v>0</v>
      </c>
      <c r="DJ22" s="257">
        <v>0</v>
      </c>
      <c r="DK22" s="254">
        <v>0</v>
      </c>
      <c r="DL22" s="256">
        <v>0</v>
      </c>
      <c r="DM22" s="257">
        <v>0</v>
      </c>
      <c r="DN22" s="257">
        <v>0</v>
      </c>
      <c r="DO22" s="257">
        <v>0</v>
      </c>
      <c r="DP22" s="257">
        <v>0</v>
      </c>
      <c r="DQ22" s="257">
        <v>0</v>
      </c>
      <c r="DR22" s="254">
        <v>0</v>
      </c>
      <c r="DS22" s="259">
        <v>0</v>
      </c>
      <c r="DT22" s="253">
        <v>12</v>
      </c>
      <c r="DU22" s="257">
        <v>27</v>
      </c>
      <c r="DV22" s="254">
        <v>39</v>
      </c>
      <c r="DW22" s="256">
        <v>0</v>
      </c>
      <c r="DX22" s="257">
        <v>42</v>
      </c>
      <c r="DY22" s="257">
        <v>37</v>
      </c>
      <c r="DZ22" s="257">
        <v>24</v>
      </c>
      <c r="EA22" s="257">
        <v>17</v>
      </c>
      <c r="EB22" s="257">
        <v>12</v>
      </c>
      <c r="EC22" s="254">
        <v>132</v>
      </c>
      <c r="ED22" s="259">
        <v>171</v>
      </c>
      <c r="EE22" s="253">
        <v>1</v>
      </c>
      <c r="EF22" s="257">
        <v>2</v>
      </c>
      <c r="EG22" s="254">
        <v>3</v>
      </c>
      <c r="EH22" s="256">
        <v>0</v>
      </c>
      <c r="EI22" s="257">
        <v>4</v>
      </c>
      <c r="EJ22" s="257">
        <v>3</v>
      </c>
      <c r="EK22" s="257">
        <v>8</v>
      </c>
      <c r="EL22" s="257">
        <v>7</v>
      </c>
      <c r="EM22" s="257">
        <v>2</v>
      </c>
      <c r="EN22" s="254">
        <v>24</v>
      </c>
      <c r="EO22" s="259">
        <v>27</v>
      </c>
      <c r="EP22" s="253">
        <v>16</v>
      </c>
      <c r="EQ22" s="257">
        <v>30</v>
      </c>
      <c r="ER22" s="254">
        <v>46</v>
      </c>
      <c r="ES22" s="256">
        <v>0</v>
      </c>
      <c r="ET22" s="257">
        <v>80</v>
      </c>
      <c r="EU22" s="257">
        <v>64</v>
      </c>
      <c r="EV22" s="257">
        <v>27</v>
      </c>
      <c r="EW22" s="257">
        <v>19</v>
      </c>
      <c r="EX22" s="257">
        <v>12</v>
      </c>
      <c r="EY22" s="254">
        <v>202</v>
      </c>
      <c r="EZ22" s="259">
        <v>248</v>
      </c>
    </row>
    <row r="23" spans="2:156" ht="21" customHeight="1" x14ac:dyDescent="0.2">
      <c r="B23" s="437" t="s">
        <v>21</v>
      </c>
      <c r="C23" s="253">
        <v>0</v>
      </c>
      <c r="D23" s="257">
        <v>0</v>
      </c>
      <c r="E23" s="340">
        <v>0</v>
      </c>
      <c r="F23" s="256">
        <v>0</v>
      </c>
      <c r="G23" s="257">
        <v>20</v>
      </c>
      <c r="H23" s="257">
        <v>13</v>
      </c>
      <c r="I23" s="257">
        <v>7</v>
      </c>
      <c r="J23" s="257">
        <v>7</v>
      </c>
      <c r="K23" s="257">
        <v>7</v>
      </c>
      <c r="L23" s="258">
        <v>54</v>
      </c>
      <c r="M23" s="259">
        <v>54</v>
      </c>
      <c r="N23" s="253">
        <v>0</v>
      </c>
      <c r="O23" s="257">
        <v>0</v>
      </c>
      <c r="P23" s="254">
        <v>0</v>
      </c>
      <c r="Q23" s="256">
        <v>0</v>
      </c>
      <c r="R23" s="257">
        <v>1</v>
      </c>
      <c r="S23" s="257">
        <v>0</v>
      </c>
      <c r="T23" s="257">
        <v>0</v>
      </c>
      <c r="U23" s="257">
        <v>1</v>
      </c>
      <c r="V23" s="257">
        <v>3</v>
      </c>
      <c r="W23" s="254">
        <v>5</v>
      </c>
      <c r="X23" s="259">
        <v>5</v>
      </c>
      <c r="Y23" s="253">
        <v>5</v>
      </c>
      <c r="Z23" s="257">
        <v>2</v>
      </c>
      <c r="AA23" s="254">
        <v>7</v>
      </c>
      <c r="AB23" s="256">
        <v>0</v>
      </c>
      <c r="AC23" s="257">
        <v>15</v>
      </c>
      <c r="AD23" s="257">
        <v>17</v>
      </c>
      <c r="AE23" s="257">
        <v>6</v>
      </c>
      <c r="AF23" s="257">
        <v>9</v>
      </c>
      <c r="AG23" s="257">
        <v>5</v>
      </c>
      <c r="AH23" s="254">
        <v>52</v>
      </c>
      <c r="AI23" s="259">
        <v>59</v>
      </c>
      <c r="AJ23" s="253">
        <v>1</v>
      </c>
      <c r="AK23" s="257">
        <v>0</v>
      </c>
      <c r="AL23" s="254">
        <v>1</v>
      </c>
      <c r="AM23" s="256">
        <v>0</v>
      </c>
      <c r="AN23" s="257">
        <v>2</v>
      </c>
      <c r="AO23" s="257">
        <v>2</v>
      </c>
      <c r="AP23" s="257">
        <v>0</v>
      </c>
      <c r="AQ23" s="257">
        <v>1</v>
      </c>
      <c r="AR23" s="257">
        <v>1</v>
      </c>
      <c r="AS23" s="254">
        <v>6</v>
      </c>
      <c r="AT23" s="259">
        <v>7</v>
      </c>
      <c r="AU23" s="253">
        <v>2</v>
      </c>
      <c r="AV23" s="257">
        <v>4</v>
      </c>
      <c r="AW23" s="254">
        <v>6</v>
      </c>
      <c r="AX23" s="256">
        <v>0</v>
      </c>
      <c r="AY23" s="257">
        <v>14</v>
      </c>
      <c r="AZ23" s="257">
        <v>17</v>
      </c>
      <c r="BA23" s="257">
        <v>13</v>
      </c>
      <c r="BB23" s="257">
        <v>12</v>
      </c>
      <c r="BC23" s="257">
        <v>14</v>
      </c>
      <c r="BD23" s="258">
        <v>70</v>
      </c>
      <c r="BE23" s="259">
        <v>76</v>
      </c>
      <c r="BF23" s="253">
        <v>0</v>
      </c>
      <c r="BG23" s="257">
        <v>0</v>
      </c>
      <c r="BH23" s="254">
        <v>0</v>
      </c>
      <c r="BI23" s="256">
        <v>0</v>
      </c>
      <c r="BJ23" s="257">
        <v>19</v>
      </c>
      <c r="BK23" s="257">
        <v>18</v>
      </c>
      <c r="BL23" s="257">
        <v>9</v>
      </c>
      <c r="BM23" s="257">
        <v>1</v>
      </c>
      <c r="BN23" s="257">
        <v>2</v>
      </c>
      <c r="BO23" s="254">
        <v>49</v>
      </c>
      <c r="BP23" s="259">
        <v>49</v>
      </c>
      <c r="BQ23" s="253">
        <v>4</v>
      </c>
      <c r="BR23" s="257">
        <v>1</v>
      </c>
      <c r="BS23" s="254">
        <v>5</v>
      </c>
      <c r="BT23" s="256">
        <v>0</v>
      </c>
      <c r="BU23" s="257">
        <v>7</v>
      </c>
      <c r="BV23" s="257">
        <v>9</v>
      </c>
      <c r="BW23" s="257">
        <v>4</v>
      </c>
      <c r="BX23" s="257">
        <v>0</v>
      </c>
      <c r="BY23" s="257">
        <v>1</v>
      </c>
      <c r="BZ23" s="254">
        <v>21</v>
      </c>
      <c r="CA23" s="259">
        <v>26</v>
      </c>
      <c r="CB23" s="253">
        <v>0</v>
      </c>
      <c r="CC23" s="257">
        <v>0</v>
      </c>
      <c r="CD23" s="254">
        <v>0</v>
      </c>
      <c r="CE23" s="256">
        <v>0</v>
      </c>
      <c r="CF23" s="257">
        <v>2</v>
      </c>
      <c r="CG23" s="257">
        <v>3</v>
      </c>
      <c r="CH23" s="257">
        <v>5</v>
      </c>
      <c r="CI23" s="257">
        <v>4</v>
      </c>
      <c r="CJ23" s="257">
        <v>3</v>
      </c>
      <c r="CK23" s="254">
        <v>17</v>
      </c>
      <c r="CL23" s="259">
        <v>17</v>
      </c>
      <c r="CM23" s="253">
        <v>0</v>
      </c>
      <c r="CN23" s="257">
        <v>0</v>
      </c>
      <c r="CO23" s="254">
        <v>0</v>
      </c>
      <c r="CP23" s="256">
        <v>0</v>
      </c>
      <c r="CQ23" s="257">
        <v>0</v>
      </c>
      <c r="CR23" s="257">
        <v>1</v>
      </c>
      <c r="CS23" s="257">
        <v>0</v>
      </c>
      <c r="CT23" s="257">
        <v>0</v>
      </c>
      <c r="CU23" s="257">
        <v>0</v>
      </c>
      <c r="CV23" s="254">
        <v>1</v>
      </c>
      <c r="CW23" s="259">
        <v>1</v>
      </c>
      <c r="CX23" s="253">
        <v>0</v>
      </c>
      <c r="CY23" s="257">
        <v>0</v>
      </c>
      <c r="CZ23" s="254">
        <v>0</v>
      </c>
      <c r="DA23" s="256">
        <v>0</v>
      </c>
      <c r="DB23" s="257">
        <v>0</v>
      </c>
      <c r="DC23" s="257">
        <v>0</v>
      </c>
      <c r="DD23" s="257">
        <v>0</v>
      </c>
      <c r="DE23" s="257">
        <v>0</v>
      </c>
      <c r="DF23" s="257">
        <v>0</v>
      </c>
      <c r="DG23" s="254">
        <v>0</v>
      </c>
      <c r="DH23" s="259">
        <v>0</v>
      </c>
      <c r="DI23" s="253">
        <v>0</v>
      </c>
      <c r="DJ23" s="257">
        <v>0</v>
      </c>
      <c r="DK23" s="254">
        <v>0</v>
      </c>
      <c r="DL23" s="256">
        <v>0</v>
      </c>
      <c r="DM23" s="257">
        <v>0</v>
      </c>
      <c r="DN23" s="257">
        <v>0</v>
      </c>
      <c r="DO23" s="257">
        <v>0</v>
      </c>
      <c r="DP23" s="257">
        <v>0</v>
      </c>
      <c r="DQ23" s="257">
        <v>0</v>
      </c>
      <c r="DR23" s="254">
        <v>0</v>
      </c>
      <c r="DS23" s="259">
        <v>0</v>
      </c>
      <c r="DT23" s="253">
        <v>13</v>
      </c>
      <c r="DU23" s="257">
        <v>18</v>
      </c>
      <c r="DV23" s="254">
        <v>31</v>
      </c>
      <c r="DW23" s="256">
        <v>0</v>
      </c>
      <c r="DX23" s="257">
        <v>22</v>
      </c>
      <c r="DY23" s="257">
        <v>40</v>
      </c>
      <c r="DZ23" s="257">
        <v>18</v>
      </c>
      <c r="EA23" s="257">
        <v>11</v>
      </c>
      <c r="EB23" s="257">
        <v>7</v>
      </c>
      <c r="EC23" s="254">
        <v>98</v>
      </c>
      <c r="ED23" s="259">
        <v>129</v>
      </c>
      <c r="EE23" s="253">
        <v>0</v>
      </c>
      <c r="EF23" s="257">
        <v>3</v>
      </c>
      <c r="EG23" s="254">
        <v>3</v>
      </c>
      <c r="EH23" s="256">
        <v>0</v>
      </c>
      <c r="EI23" s="257">
        <v>5</v>
      </c>
      <c r="EJ23" s="257">
        <v>5</v>
      </c>
      <c r="EK23" s="257">
        <v>3</v>
      </c>
      <c r="EL23" s="257">
        <v>4</v>
      </c>
      <c r="EM23" s="257">
        <v>4</v>
      </c>
      <c r="EN23" s="254">
        <v>21</v>
      </c>
      <c r="EO23" s="259">
        <v>24</v>
      </c>
      <c r="EP23" s="253">
        <v>21</v>
      </c>
      <c r="EQ23" s="257">
        <v>19</v>
      </c>
      <c r="ER23" s="254">
        <v>40</v>
      </c>
      <c r="ES23" s="256">
        <v>0</v>
      </c>
      <c r="ET23" s="257">
        <v>57</v>
      </c>
      <c r="EU23" s="257">
        <v>53</v>
      </c>
      <c r="EV23" s="257">
        <v>23</v>
      </c>
      <c r="EW23" s="257">
        <v>13</v>
      </c>
      <c r="EX23" s="257">
        <v>11</v>
      </c>
      <c r="EY23" s="254">
        <v>157</v>
      </c>
      <c r="EZ23" s="259">
        <v>197</v>
      </c>
    </row>
    <row r="24" spans="2:156" ht="21" customHeight="1" x14ac:dyDescent="0.2">
      <c r="B24" s="437" t="s">
        <v>22</v>
      </c>
      <c r="C24" s="253">
        <v>0</v>
      </c>
      <c r="D24" s="257">
        <v>0</v>
      </c>
      <c r="E24" s="340">
        <v>0</v>
      </c>
      <c r="F24" s="256">
        <v>0</v>
      </c>
      <c r="G24" s="257">
        <v>8</v>
      </c>
      <c r="H24" s="257">
        <v>8</v>
      </c>
      <c r="I24" s="257">
        <v>0</v>
      </c>
      <c r="J24" s="257">
        <v>1</v>
      </c>
      <c r="K24" s="257">
        <v>2</v>
      </c>
      <c r="L24" s="258">
        <v>19</v>
      </c>
      <c r="M24" s="259">
        <v>19</v>
      </c>
      <c r="N24" s="253">
        <v>0</v>
      </c>
      <c r="O24" s="257">
        <v>0</v>
      </c>
      <c r="P24" s="254">
        <v>0</v>
      </c>
      <c r="Q24" s="256">
        <v>0</v>
      </c>
      <c r="R24" s="257">
        <v>1</v>
      </c>
      <c r="S24" s="257">
        <v>0</v>
      </c>
      <c r="T24" s="257">
        <v>0</v>
      </c>
      <c r="U24" s="257">
        <v>0</v>
      </c>
      <c r="V24" s="257">
        <v>0</v>
      </c>
      <c r="W24" s="254">
        <v>1</v>
      </c>
      <c r="X24" s="259">
        <v>1</v>
      </c>
      <c r="Y24" s="253">
        <v>0</v>
      </c>
      <c r="Z24" s="257">
        <v>2</v>
      </c>
      <c r="AA24" s="254">
        <v>2</v>
      </c>
      <c r="AB24" s="256">
        <v>0</v>
      </c>
      <c r="AC24" s="257">
        <v>5</v>
      </c>
      <c r="AD24" s="257">
        <v>6</v>
      </c>
      <c r="AE24" s="257">
        <v>3</v>
      </c>
      <c r="AF24" s="257">
        <v>0</v>
      </c>
      <c r="AG24" s="257">
        <v>3</v>
      </c>
      <c r="AH24" s="254">
        <v>17</v>
      </c>
      <c r="AI24" s="259">
        <v>19</v>
      </c>
      <c r="AJ24" s="253">
        <v>0</v>
      </c>
      <c r="AK24" s="257">
        <v>0</v>
      </c>
      <c r="AL24" s="254">
        <v>0</v>
      </c>
      <c r="AM24" s="256">
        <v>0</v>
      </c>
      <c r="AN24" s="257">
        <v>0</v>
      </c>
      <c r="AO24" s="257">
        <v>1</v>
      </c>
      <c r="AP24" s="257">
        <v>0</v>
      </c>
      <c r="AQ24" s="257">
        <v>0</v>
      </c>
      <c r="AR24" s="257">
        <v>0</v>
      </c>
      <c r="AS24" s="254">
        <v>1</v>
      </c>
      <c r="AT24" s="259">
        <v>1</v>
      </c>
      <c r="AU24" s="253">
        <v>2</v>
      </c>
      <c r="AV24" s="257">
        <v>0</v>
      </c>
      <c r="AW24" s="254">
        <v>2</v>
      </c>
      <c r="AX24" s="256">
        <v>0</v>
      </c>
      <c r="AY24" s="257">
        <v>10</v>
      </c>
      <c r="AZ24" s="257">
        <v>9</v>
      </c>
      <c r="BA24" s="257">
        <v>4</v>
      </c>
      <c r="BB24" s="257">
        <v>3</v>
      </c>
      <c r="BC24" s="257">
        <v>3</v>
      </c>
      <c r="BD24" s="258">
        <v>29</v>
      </c>
      <c r="BE24" s="259">
        <v>31</v>
      </c>
      <c r="BF24" s="253">
        <v>0</v>
      </c>
      <c r="BG24" s="257">
        <v>0</v>
      </c>
      <c r="BH24" s="254">
        <v>0</v>
      </c>
      <c r="BI24" s="256">
        <v>0</v>
      </c>
      <c r="BJ24" s="257">
        <v>14</v>
      </c>
      <c r="BK24" s="257">
        <v>6</v>
      </c>
      <c r="BL24" s="257">
        <v>5</v>
      </c>
      <c r="BM24" s="257">
        <v>1</v>
      </c>
      <c r="BN24" s="257">
        <v>2</v>
      </c>
      <c r="BO24" s="254">
        <v>28</v>
      </c>
      <c r="BP24" s="259">
        <v>28</v>
      </c>
      <c r="BQ24" s="253">
        <v>1</v>
      </c>
      <c r="BR24" s="257">
        <v>1</v>
      </c>
      <c r="BS24" s="254">
        <v>2</v>
      </c>
      <c r="BT24" s="256">
        <v>0</v>
      </c>
      <c r="BU24" s="257">
        <v>6</v>
      </c>
      <c r="BV24" s="257">
        <v>1</v>
      </c>
      <c r="BW24" s="257">
        <v>2</v>
      </c>
      <c r="BX24" s="257">
        <v>1</v>
      </c>
      <c r="BY24" s="257">
        <v>1</v>
      </c>
      <c r="BZ24" s="254">
        <v>11</v>
      </c>
      <c r="CA24" s="259">
        <v>13</v>
      </c>
      <c r="CB24" s="253">
        <v>0</v>
      </c>
      <c r="CC24" s="257">
        <v>0</v>
      </c>
      <c r="CD24" s="254">
        <v>0</v>
      </c>
      <c r="CE24" s="256">
        <v>0</v>
      </c>
      <c r="CF24" s="257">
        <v>2</v>
      </c>
      <c r="CG24" s="257">
        <v>1</v>
      </c>
      <c r="CH24" s="257">
        <v>1</v>
      </c>
      <c r="CI24" s="257">
        <v>2</v>
      </c>
      <c r="CJ24" s="257">
        <v>1</v>
      </c>
      <c r="CK24" s="254">
        <v>7</v>
      </c>
      <c r="CL24" s="259">
        <v>7</v>
      </c>
      <c r="CM24" s="253">
        <v>0</v>
      </c>
      <c r="CN24" s="257">
        <v>0</v>
      </c>
      <c r="CO24" s="254">
        <v>0</v>
      </c>
      <c r="CP24" s="256">
        <v>0</v>
      </c>
      <c r="CQ24" s="257">
        <v>1</v>
      </c>
      <c r="CR24" s="257">
        <v>0</v>
      </c>
      <c r="CS24" s="257">
        <v>1</v>
      </c>
      <c r="CT24" s="257">
        <v>0</v>
      </c>
      <c r="CU24" s="257">
        <v>0</v>
      </c>
      <c r="CV24" s="254">
        <v>2</v>
      </c>
      <c r="CW24" s="259">
        <v>2</v>
      </c>
      <c r="CX24" s="253">
        <v>0</v>
      </c>
      <c r="CY24" s="257">
        <v>0</v>
      </c>
      <c r="CZ24" s="254">
        <v>0</v>
      </c>
      <c r="DA24" s="256">
        <v>0</v>
      </c>
      <c r="DB24" s="257">
        <v>0</v>
      </c>
      <c r="DC24" s="257">
        <v>0</v>
      </c>
      <c r="DD24" s="257">
        <v>0</v>
      </c>
      <c r="DE24" s="257">
        <v>0</v>
      </c>
      <c r="DF24" s="257">
        <v>0</v>
      </c>
      <c r="DG24" s="254">
        <v>0</v>
      </c>
      <c r="DH24" s="259">
        <v>0</v>
      </c>
      <c r="DI24" s="253">
        <v>0</v>
      </c>
      <c r="DJ24" s="257">
        <v>0</v>
      </c>
      <c r="DK24" s="254">
        <v>0</v>
      </c>
      <c r="DL24" s="256">
        <v>0</v>
      </c>
      <c r="DM24" s="257">
        <v>0</v>
      </c>
      <c r="DN24" s="257">
        <v>0</v>
      </c>
      <c r="DO24" s="257">
        <v>0</v>
      </c>
      <c r="DP24" s="257">
        <v>0</v>
      </c>
      <c r="DQ24" s="257">
        <v>0</v>
      </c>
      <c r="DR24" s="254">
        <v>0</v>
      </c>
      <c r="DS24" s="259">
        <v>0</v>
      </c>
      <c r="DT24" s="253">
        <v>2</v>
      </c>
      <c r="DU24" s="257">
        <v>3</v>
      </c>
      <c r="DV24" s="254">
        <v>5</v>
      </c>
      <c r="DW24" s="256">
        <v>0</v>
      </c>
      <c r="DX24" s="257">
        <v>20</v>
      </c>
      <c r="DY24" s="257">
        <v>18</v>
      </c>
      <c r="DZ24" s="257">
        <v>11</v>
      </c>
      <c r="EA24" s="257">
        <v>3</v>
      </c>
      <c r="EB24" s="257">
        <v>4</v>
      </c>
      <c r="EC24" s="254">
        <v>56</v>
      </c>
      <c r="ED24" s="259">
        <v>61</v>
      </c>
      <c r="EE24" s="253">
        <v>0</v>
      </c>
      <c r="EF24" s="257">
        <v>1</v>
      </c>
      <c r="EG24" s="254">
        <v>1</v>
      </c>
      <c r="EH24" s="256">
        <v>0</v>
      </c>
      <c r="EI24" s="257">
        <v>5</v>
      </c>
      <c r="EJ24" s="257">
        <v>4</v>
      </c>
      <c r="EK24" s="257">
        <v>1</v>
      </c>
      <c r="EL24" s="257">
        <v>2</v>
      </c>
      <c r="EM24" s="257">
        <v>1</v>
      </c>
      <c r="EN24" s="254">
        <v>13</v>
      </c>
      <c r="EO24" s="259">
        <v>14</v>
      </c>
      <c r="EP24" s="253">
        <v>3</v>
      </c>
      <c r="EQ24" s="257">
        <v>5</v>
      </c>
      <c r="ER24" s="254">
        <v>8</v>
      </c>
      <c r="ES24" s="256">
        <v>0</v>
      </c>
      <c r="ET24" s="257">
        <v>31</v>
      </c>
      <c r="EU24" s="257">
        <v>22</v>
      </c>
      <c r="EV24" s="257">
        <v>13</v>
      </c>
      <c r="EW24" s="257">
        <v>3</v>
      </c>
      <c r="EX24" s="257">
        <v>5</v>
      </c>
      <c r="EY24" s="254">
        <v>74</v>
      </c>
      <c r="EZ24" s="259">
        <v>82</v>
      </c>
    </row>
    <row r="25" spans="2:156" ht="21" customHeight="1" x14ac:dyDescent="0.2">
      <c r="B25" s="437" t="s">
        <v>23</v>
      </c>
      <c r="C25" s="253">
        <v>0</v>
      </c>
      <c r="D25" s="257">
        <v>0</v>
      </c>
      <c r="E25" s="340">
        <v>0</v>
      </c>
      <c r="F25" s="256">
        <v>0</v>
      </c>
      <c r="G25" s="257">
        <v>4</v>
      </c>
      <c r="H25" s="257">
        <v>8</v>
      </c>
      <c r="I25" s="257">
        <v>5</v>
      </c>
      <c r="J25" s="257">
        <v>3</v>
      </c>
      <c r="K25" s="257">
        <v>1</v>
      </c>
      <c r="L25" s="258">
        <v>21</v>
      </c>
      <c r="M25" s="259">
        <v>21</v>
      </c>
      <c r="N25" s="253">
        <v>0</v>
      </c>
      <c r="O25" s="257">
        <v>0</v>
      </c>
      <c r="P25" s="254">
        <v>0</v>
      </c>
      <c r="Q25" s="256">
        <v>0</v>
      </c>
      <c r="R25" s="257">
        <v>0</v>
      </c>
      <c r="S25" s="257">
        <v>0</v>
      </c>
      <c r="T25" s="257">
        <v>0</v>
      </c>
      <c r="U25" s="257">
        <v>3</v>
      </c>
      <c r="V25" s="257">
        <v>0</v>
      </c>
      <c r="W25" s="254">
        <v>3</v>
      </c>
      <c r="X25" s="259">
        <v>3</v>
      </c>
      <c r="Y25" s="253">
        <v>4</v>
      </c>
      <c r="Z25" s="257">
        <v>3</v>
      </c>
      <c r="AA25" s="254">
        <v>7</v>
      </c>
      <c r="AB25" s="256">
        <v>0</v>
      </c>
      <c r="AC25" s="257">
        <v>3</v>
      </c>
      <c r="AD25" s="257">
        <v>16</v>
      </c>
      <c r="AE25" s="257">
        <v>4</v>
      </c>
      <c r="AF25" s="257">
        <v>3</v>
      </c>
      <c r="AG25" s="257">
        <v>3</v>
      </c>
      <c r="AH25" s="254">
        <v>29</v>
      </c>
      <c r="AI25" s="259">
        <v>36</v>
      </c>
      <c r="AJ25" s="253">
        <v>0</v>
      </c>
      <c r="AK25" s="257">
        <v>1</v>
      </c>
      <c r="AL25" s="254">
        <v>1</v>
      </c>
      <c r="AM25" s="256">
        <v>0</v>
      </c>
      <c r="AN25" s="257">
        <v>0</v>
      </c>
      <c r="AO25" s="257">
        <v>0</v>
      </c>
      <c r="AP25" s="257">
        <v>0</v>
      </c>
      <c r="AQ25" s="257">
        <v>0</v>
      </c>
      <c r="AR25" s="257">
        <v>0</v>
      </c>
      <c r="AS25" s="254">
        <v>0</v>
      </c>
      <c r="AT25" s="259">
        <v>1</v>
      </c>
      <c r="AU25" s="253">
        <v>3</v>
      </c>
      <c r="AV25" s="257">
        <v>1</v>
      </c>
      <c r="AW25" s="254">
        <v>4</v>
      </c>
      <c r="AX25" s="256">
        <v>0</v>
      </c>
      <c r="AY25" s="257">
        <v>15</v>
      </c>
      <c r="AZ25" s="257">
        <v>10</v>
      </c>
      <c r="BA25" s="257">
        <v>8</v>
      </c>
      <c r="BB25" s="257">
        <v>9</v>
      </c>
      <c r="BC25" s="257">
        <v>6</v>
      </c>
      <c r="BD25" s="258">
        <v>48</v>
      </c>
      <c r="BE25" s="259">
        <v>52</v>
      </c>
      <c r="BF25" s="253">
        <v>0</v>
      </c>
      <c r="BG25" s="257">
        <v>0</v>
      </c>
      <c r="BH25" s="254">
        <v>0</v>
      </c>
      <c r="BI25" s="256">
        <v>0</v>
      </c>
      <c r="BJ25" s="257">
        <v>12</v>
      </c>
      <c r="BK25" s="257">
        <v>15</v>
      </c>
      <c r="BL25" s="257">
        <v>4</v>
      </c>
      <c r="BM25" s="257">
        <v>4</v>
      </c>
      <c r="BN25" s="257">
        <v>2</v>
      </c>
      <c r="BO25" s="254">
        <v>37</v>
      </c>
      <c r="BP25" s="259">
        <v>37</v>
      </c>
      <c r="BQ25" s="253">
        <v>0</v>
      </c>
      <c r="BR25" s="257">
        <v>0</v>
      </c>
      <c r="BS25" s="254">
        <v>0</v>
      </c>
      <c r="BT25" s="256">
        <v>0</v>
      </c>
      <c r="BU25" s="257">
        <v>4</v>
      </c>
      <c r="BV25" s="257">
        <v>1</v>
      </c>
      <c r="BW25" s="257">
        <v>3</v>
      </c>
      <c r="BX25" s="257">
        <v>1</v>
      </c>
      <c r="BY25" s="257">
        <v>0</v>
      </c>
      <c r="BZ25" s="254">
        <v>9</v>
      </c>
      <c r="CA25" s="259">
        <v>9</v>
      </c>
      <c r="CB25" s="253">
        <v>0</v>
      </c>
      <c r="CC25" s="257">
        <v>0</v>
      </c>
      <c r="CD25" s="254">
        <v>0</v>
      </c>
      <c r="CE25" s="256">
        <v>0</v>
      </c>
      <c r="CF25" s="257">
        <v>0</v>
      </c>
      <c r="CG25" s="257">
        <v>1</v>
      </c>
      <c r="CH25" s="257">
        <v>3</v>
      </c>
      <c r="CI25" s="257">
        <v>1</v>
      </c>
      <c r="CJ25" s="257">
        <v>1</v>
      </c>
      <c r="CK25" s="254">
        <v>6</v>
      </c>
      <c r="CL25" s="259">
        <v>6</v>
      </c>
      <c r="CM25" s="253">
        <v>1</v>
      </c>
      <c r="CN25" s="257">
        <v>0</v>
      </c>
      <c r="CO25" s="254">
        <v>1</v>
      </c>
      <c r="CP25" s="256">
        <v>0</v>
      </c>
      <c r="CQ25" s="257">
        <v>1</v>
      </c>
      <c r="CR25" s="257">
        <v>0</v>
      </c>
      <c r="CS25" s="257">
        <v>0</v>
      </c>
      <c r="CT25" s="257">
        <v>0</v>
      </c>
      <c r="CU25" s="257">
        <v>0</v>
      </c>
      <c r="CV25" s="254">
        <v>1</v>
      </c>
      <c r="CW25" s="259">
        <v>2</v>
      </c>
      <c r="CX25" s="253">
        <v>0</v>
      </c>
      <c r="CY25" s="257">
        <v>0</v>
      </c>
      <c r="CZ25" s="254">
        <v>0</v>
      </c>
      <c r="DA25" s="256">
        <v>0</v>
      </c>
      <c r="DB25" s="257">
        <v>0</v>
      </c>
      <c r="DC25" s="257">
        <v>0</v>
      </c>
      <c r="DD25" s="257">
        <v>0</v>
      </c>
      <c r="DE25" s="257">
        <v>0</v>
      </c>
      <c r="DF25" s="257">
        <v>0</v>
      </c>
      <c r="DG25" s="254">
        <v>0</v>
      </c>
      <c r="DH25" s="259">
        <v>0</v>
      </c>
      <c r="DI25" s="253">
        <v>0</v>
      </c>
      <c r="DJ25" s="257">
        <v>0</v>
      </c>
      <c r="DK25" s="254">
        <v>0</v>
      </c>
      <c r="DL25" s="256">
        <v>0</v>
      </c>
      <c r="DM25" s="257">
        <v>0</v>
      </c>
      <c r="DN25" s="257">
        <v>0</v>
      </c>
      <c r="DO25" s="257">
        <v>0</v>
      </c>
      <c r="DP25" s="257">
        <v>0</v>
      </c>
      <c r="DQ25" s="257">
        <v>0</v>
      </c>
      <c r="DR25" s="254">
        <v>0</v>
      </c>
      <c r="DS25" s="259">
        <v>0</v>
      </c>
      <c r="DT25" s="253">
        <v>6</v>
      </c>
      <c r="DU25" s="257">
        <v>10</v>
      </c>
      <c r="DV25" s="254">
        <v>16</v>
      </c>
      <c r="DW25" s="256">
        <v>0</v>
      </c>
      <c r="DX25" s="257">
        <v>8</v>
      </c>
      <c r="DY25" s="257">
        <v>24</v>
      </c>
      <c r="DZ25" s="257">
        <v>10</v>
      </c>
      <c r="EA25" s="257">
        <v>7</v>
      </c>
      <c r="EB25" s="257">
        <v>3</v>
      </c>
      <c r="EC25" s="254">
        <v>52</v>
      </c>
      <c r="ED25" s="259">
        <v>68</v>
      </c>
      <c r="EE25" s="253">
        <v>3</v>
      </c>
      <c r="EF25" s="257">
        <v>0</v>
      </c>
      <c r="EG25" s="254">
        <v>3</v>
      </c>
      <c r="EH25" s="256">
        <v>0</v>
      </c>
      <c r="EI25" s="257">
        <v>9</v>
      </c>
      <c r="EJ25" s="257">
        <v>2</v>
      </c>
      <c r="EK25" s="257">
        <v>0</v>
      </c>
      <c r="EL25" s="257">
        <v>4</v>
      </c>
      <c r="EM25" s="257">
        <v>3</v>
      </c>
      <c r="EN25" s="254">
        <v>18</v>
      </c>
      <c r="EO25" s="259">
        <v>21</v>
      </c>
      <c r="EP25" s="253">
        <v>9</v>
      </c>
      <c r="EQ25" s="257">
        <v>12</v>
      </c>
      <c r="ER25" s="254">
        <v>21</v>
      </c>
      <c r="ES25" s="256">
        <v>0</v>
      </c>
      <c r="ET25" s="257">
        <v>24</v>
      </c>
      <c r="EU25" s="257">
        <v>31</v>
      </c>
      <c r="EV25" s="257">
        <v>15</v>
      </c>
      <c r="EW25" s="257">
        <v>7</v>
      </c>
      <c r="EX25" s="257">
        <v>4</v>
      </c>
      <c r="EY25" s="254">
        <v>81</v>
      </c>
      <c r="EZ25" s="259">
        <v>102</v>
      </c>
    </row>
    <row r="26" spans="2:156" ht="21" customHeight="1" x14ac:dyDescent="0.2">
      <c r="B26" s="437" t="s">
        <v>24</v>
      </c>
      <c r="C26" s="253">
        <v>0</v>
      </c>
      <c r="D26" s="257">
        <v>0</v>
      </c>
      <c r="E26" s="340">
        <v>0</v>
      </c>
      <c r="F26" s="256">
        <v>0</v>
      </c>
      <c r="G26" s="257">
        <v>10</v>
      </c>
      <c r="H26" s="257">
        <v>4</v>
      </c>
      <c r="I26" s="257">
        <v>2</v>
      </c>
      <c r="J26" s="257">
        <v>3</v>
      </c>
      <c r="K26" s="257">
        <v>2</v>
      </c>
      <c r="L26" s="258">
        <v>21</v>
      </c>
      <c r="M26" s="259">
        <v>21</v>
      </c>
      <c r="N26" s="253">
        <v>0</v>
      </c>
      <c r="O26" s="257">
        <v>0</v>
      </c>
      <c r="P26" s="254">
        <v>0</v>
      </c>
      <c r="Q26" s="256">
        <v>0</v>
      </c>
      <c r="R26" s="257">
        <v>0</v>
      </c>
      <c r="S26" s="257">
        <v>0</v>
      </c>
      <c r="T26" s="257">
        <v>0</v>
      </c>
      <c r="U26" s="257">
        <v>2</v>
      </c>
      <c r="V26" s="257">
        <v>2</v>
      </c>
      <c r="W26" s="254">
        <v>4</v>
      </c>
      <c r="X26" s="259">
        <v>4</v>
      </c>
      <c r="Y26" s="253">
        <v>1</v>
      </c>
      <c r="Z26" s="257">
        <v>4</v>
      </c>
      <c r="AA26" s="254">
        <v>5</v>
      </c>
      <c r="AB26" s="256">
        <v>0</v>
      </c>
      <c r="AC26" s="257">
        <v>11</v>
      </c>
      <c r="AD26" s="257">
        <v>7</v>
      </c>
      <c r="AE26" s="257">
        <v>2</v>
      </c>
      <c r="AF26" s="257">
        <v>5</v>
      </c>
      <c r="AG26" s="257">
        <v>2</v>
      </c>
      <c r="AH26" s="254">
        <v>27</v>
      </c>
      <c r="AI26" s="259">
        <v>32</v>
      </c>
      <c r="AJ26" s="253">
        <v>0</v>
      </c>
      <c r="AK26" s="257">
        <v>0</v>
      </c>
      <c r="AL26" s="254">
        <v>0</v>
      </c>
      <c r="AM26" s="256">
        <v>0</v>
      </c>
      <c r="AN26" s="257">
        <v>1</v>
      </c>
      <c r="AO26" s="257">
        <v>1</v>
      </c>
      <c r="AP26" s="257">
        <v>1</v>
      </c>
      <c r="AQ26" s="257">
        <v>0</v>
      </c>
      <c r="AR26" s="257">
        <v>0</v>
      </c>
      <c r="AS26" s="254">
        <v>3</v>
      </c>
      <c r="AT26" s="259">
        <v>3</v>
      </c>
      <c r="AU26" s="253">
        <v>3</v>
      </c>
      <c r="AV26" s="257">
        <v>1</v>
      </c>
      <c r="AW26" s="254">
        <v>4</v>
      </c>
      <c r="AX26" s="256">
        <v>0</v>
      </c>
      <c r="AY26" s="257">
        <v>13</v>
      </c>
      <c r="AZ26" s="257">
        <v>8</v>
      </c>
      <c r="BA26" s="257">
        <v>9</v>
      </c>
      <c r="BB26" s="257">
        <v>7</v>
      </c>
      <c r="BC26" s="257">
        <v>8</v>
      </c>
      <c r="BD26" s="258">
        <v>45</v>
      </c>
      <c r="BE26" s="259">
        <v>49</v>
      </c>
      <c r="BF26" s="253">
        <v>0</v>
      </c>
      <c r="BG26" s="257">
        <v>0</v>
      </c>
      <c r="BH26" s="254">
        <v>0</v>
      </c>
      <c r="BI26" s="256">
        <v>0</v>
      </c>
      <c r="BJ26" s="257">
        <v>12</v>
      </c>
      <c r="BK26" s="257">
        <v>12</v>
      </c>
      <c r="BL26" s="257">
        <v>3</v>
      </c>
      <c r="BM26" s="257">
        <v>2</v>
      </c>
      <c r="BN26" s="257">
        <v>1</v>
      </c>
      <c r="BO26" s="254">
        <v>30</v>
      </c>
      <c r="BP26" s="259">
        <v>30</v>
      </c>
      <c r="BQ26" s="253">
        <v>2</v>
      </c>
      <c r="BR26" s="257">
        <v>0</v>
      </c>
      <c r="BS26" s="254">
        <v>2</v>
      </c>
      <c r="BT26" s="256">
        <v>0</v>
      </c>
      <c r="BU26" s="257">
        <v>2</v>
      </c>
      <c r="BV26" s="257">
        <v>6</v>
      </c>
      <c r="BW26" s="257">
        <v>6</v>
      </c>
      <c r="BX26" s="257">
        <v>1</v>
      </c>
      <c r="BY26" s="257">
        <v>0</v>
      </c>
      <c r="BZ26" s="254">
        <v>15</v>
      </c>
      <c r="CA26" s="259">
        <v>17</v>
      </c>
      <c r="CB26" s="253">
        <v>0</v>
      </c>
      <c r="CC26" s="257">
        <v>0</v>
      </c>
      <c r="CD26" s="254">
        <v>0</v>
      </c>
      <c r="CE26" s="256">
        <v>0</v>
      </c>
      <c r="CF26" s="257">
        <v>0</v>
      </c>
      <c r="CG26" s="257">
        <v>2</v>
      </c>
      <c r="CH26" s="257">
        <v>0</v>
      </c>
      <c r="CI26" s="257">
        <v>0</v>
      </c>
      <c r="CJ26" s="257">
        <v>1</v>
      </c>
      <c r="CK26" s="254">
        <v>3</v>
      </c>
      <c r="CL26" s="259">
        <v>3</v>
      </c>
      <c r="CM26" s="253">
        <v>0</v>
      </c>
      <c r="CN26" s="257">
        <v>0</v>
      </c>
      <c r="CO26" s="254">
        <v>0</v>
      </c>
      <c r="CP26" s="256">
        <v>0</v>
      </c>
      <c r="CQ26" s="257">
        <v>1</v>
      </c>
      <c r="CR26" s="257">
        <v>1</v>
      </c>
      <c r="CS26" s="257">
        <v>0</v>
      </c>
      <c r="CT26" s="257">
        <v>0</v>
      </c>
      <c r="CU26" s="257">
        <v>0</v>
      </c>
      <c r="CV26" s="254">
        <v>2</v>
      </c>
      <c r="CW26" s="259">
        <v>2</v>
      </c>
      <c r="CX26" s="253">
        <v>0</v>
      </c>
      <c r="CY26" s="257">
        <v>0</v>
      </c>
      <c r="CZ26" s="254">
        <v>0</v>
      </c>
      <c r="DA26" s="256">
        <v>0</v>
      </c>
      <c r="DB26" s="257">
        <v>0</v>
      </c>
      <c r="DC26" s="257">
        <v>0</v>
      </c>
      <c r="DD26" s="257">
        <v>0</v>
      </c>
      <c r="DE26" s="257">
        <v>0</v>
      </c>
      <c r="DF26" s="257">
        <v>0</v>
      </c>
      <c r="DG26" s="254">
        <v>0</v>
      </c>
      <c r="DH26" s="259">
        <v>0</v>
      </c>
      <c r="DI26" s="253">
        <v>0</v>
      </c>
      <c r="DJ26" s="257">
        <v>0</v>
      </c>
      <c r="DK26" s="254">
        <v>0</v>
      </c>
      <c r="DL26" s="256">
        <v>0</v>
      </c>
      <c r="DM26" s="257">
        <v>0</v>
      </c>
      <c r="DN26" s="257">
        <v>0</v>
      </c>
      <c r="DO26" s="257">
        <v>0</v>
      </c>
      <c r="DP26" s="257">
        <v>0</v>
      </c>
      <c r="DQ26" s="257">
        <v>0</v>
      </c>
      <c r="DR26" s="254">
        <v>0</v>
      </c>
      <c r="DS26" s="259">
        <v>0</v>
      </c>
      <c r="DT26" s="253">
        <v>9</v>
      </c>
      <c r="DU26" s="257">
        <v>7</v>
      </c>
      <c r="DV26" s="254">
        <v>16</v>
      </c>
      <c r="DW26" s="256">
        <v>0</v>
      </c>
      <c r="DX26" s="257">
        <v>16</v>
      </c>
      <c r="DY26" s="257">
        <v>17</v>
      </c>
      <c r="DZ26" s="257">
        <v>7</v>
      </c>
      <c r="EA26" s="257">
        <v>5</v>
      </c>
      <c r="EB26" s="257">
        <v>2</v>
      </c>
      <c r="EC26" s="254">
        <v>47</v>
      </c>
      <c r="ED26" s="259">
        <v>63</v>
      </c>
      <c r="EE26" s="253">
        <v>3</v>
      </c>
      <c r="EF26" s="257">
        <v>0</v>
      </c>
      <c r="EG26" s="254">
        <v>3</v>
      </c>
      <c r="EH26" s="256">
        <v>0</v>
      </c>
      <c r="EI26" s="257">
        <v>5</v>
      </c>
      <c r="EJ26" s="257">
        <v>3</v>
      </c>
      <c r="EK26" s="257">
        <v>3</v>
      </c>
      <c r="EL26" s="257">
        <v>2</v>
      </c>
      <c r="EM26" s="257">
        <v>3</v>
      </c>
      <c r="EN26" s="254">
        <v>16</v>
      </c>
      <c r="EO26" s="259">
        <v>19</v>
      </c>
      <c r="EP26" s="253">
        <v>11</v>
      </c>
      <c r="EQ26" s="257">
        <v>8</v>
      </c>
      <c r="ER26" s="254">
        <v>19</v>
      </c>
      <c r="ES26" s="256">
        <v>0</v>
      </c>
      <c r="ET26" s="257">
        <v>32</v>
      </c>
      <c r="EU26" s="257">
        <v>25</v>
      </c>
      <c r="EV26" s="257">
        <v>12</v>
      </c>
      <c r="EW26" s="257">
        <v>8</v>
      </c>
      <c r="EX26" s="257">
        <v>4</v>
      </c>
      <c r="EY26" s="254">
        <v>81</v>
      </c>
      <c r="EZ26" s="259">
        <v>100</v>
      </c>
    </row>
    <row r="27" spans="2:156" ht="21" customHeight="1" x14ac:dyDescent="0.2">
      <c r="B27" s="437" t="s">
        <v>25</v>
      </c>
      <c r="C27" s="253">
        <v>0</v>
      </c>
      <c r="D27" s="257">
        <v>0</v>
      </c>
      <c r="E27" s="340">
        <v>0</v>
      </c>
      <c r="F27" s="256">
        <v>0</v>
      </c>
      <c r="G27" s="257">
        <v>6</v>
      </c>
      <c r="H27" s="257">
        <v>4</v>
      </c>
      <c r="I27" s="257">
        <v>2</v>
      </c>
      <c r="J27" s="257">
        <v>2</v>
      </c>
      <c r="K27" s="257">
        <v>1</v>
      </c>
      <c r="L27" s="258">
        <v>15</v>
      </c>
      <c r="M27" s="259">
        <v>15</v>
      </c>
      <c r="N27" s="253">
        <v>0</v>
      </c>
      <c r="O27" s="257">
        <v>0</v>
      </c>
      <c r="P27" s="254">
        <v>0</v>
      </c>
      <c r="Q27" s="256">
        <v>0</v>
      </c>
      <c r="R27" s="257">
        <v>0</v>
      </c>
      <c r="S27" s="257">
        <v>0</v>
      </c>
      <c r="T27" s="257">
        <v>2</v>
      </c>
      <c r="U27" s="257">
        <v>1</v>
      </c>
      <c r="V27" s="257">
        <v>0</v>
      </c>
      <c r="W27" s="254">
        <v>3</v>
      </c>
      <c r="X27" s="259">
        <v>3</v>
      </c>
      <c r="Y27" s="253">
        <v>1</v>
      </c>
      <c r="Z27" s="257">
        <v>4</v>
      </c>
      <c r="AA27" s="254">
        <v>5</v>
      </c>
      <c r="AB27" s="256">
        <v>0</v>
      </c>
      <c r="AC27" s="257">
        <v>4</v>
      </c>
      <c r="AD27" s="257">
        <v>4</v>
      </c>
      <c r="AE27" s="257">
        <v>3</v>
      </c>
      <c r="AF27" s="257">
        <v>2</v>
      </c>
      <c r="AG27" s="257">
        <v>2</v>
      </c>
      <c r="AH27" s="254">
        <v>15</v>
      </c>
      <c r="AI27" s="259">
        <v>20</v>
      </c>
      <c r="AJ27" s="253">
        <v>0</v>
      </c>
      <c r="AK27" s="257">
        <v>2</v>
      </c>
      <c r="AL27" s="254">
        <v>2</v>
      </c>
      <c r="AM27" s="256">
        <v>0</v>
      </c>
      <c r="AN27" s="257">
        <v>0</v>
      </c>
      <c r="AO27" s="257">
        <v>0</v>
      </c>
      <c r="AP27" s="257">
        <v>0</v>
      </c>
      <c r="AQ27" s="257">
        <v>0</v>
      </c>
      <c r="AR27" s="257">
        <v>0</v>
      </c>
      <c r="AS27" s="254">
        <v>0</v>
      </c>
      <c r="AT27" s="259">
        <v>2</v>
      </c>
      <c r="AU27" s="253">
        <v>0</v>
      </c>
      <c r="AV27" s="257">
        <v>1</v>
      </c>
      <c r="AW27" s="254">
        <v>1</v>
      </c>
      <c r="AX27" s="256">
        <v>0</v>
      </c>
      <c r="AY27" s="257">
        <v>5</v>
      </c>
      <c r="AZ27" s="257">
        <v>2</v>
      </c>
      <c r="BA27" s="257">
        <v>5</v>
      </c>
      <c r="BB27" s="257">
        <v>5</v>
      </c>
      <c r="BC27" s="257">
        <v>1</v>
      </c>
      <c r="BD27" s="258">
        <v>18</v>
      </c>
      <c r="BE27" s="259">
        <v>19</v>
      </c>
      <c r="BF27" s="253">
        <v>0</v>
      </c>
      <c r="BG27" s="257">
        <v>0</v>
      </c>
      <c r="BH27" s="254">
        <v>0</v>
      </c>
      <c r="BI27" s="256">
        <v>0</v>
      </c>
      <c r="BJ27" s="257">
        <v>5</v>
      </c>
      <c r="BK27" s="257">
        <v>3</v>
      </c>
      <c r="BL27" s="257">
        <v>2</v>
      </c>
      <c r="BM27" s="257">
        <v>2</v>
      </c>
      <c r="BN27" s="257">
        <v>0</v>
      </c>
      <c r="BO27" s="254">
        <v>12</v>
      </c>
      <c r="BP27" s="259">
        <v>12</v>
      </c>
      <c r="BQ27" s="253">
        <v>2</v>
      </c>
      <c r="BR27" s="257">
        <v>2</v>
      </c>
      <c r="BS27" s="254">
        <v>4</v>
      </c>
      <c r="BT27" s="256">
        <v>0</v>
      </c>
      <c r="BU27" s="257">
        <v>1</v>
      </c>
      <c r="BV27" s="257">
        <v>3</v>
      </c>
      <c r="BW27" s="257">
        <v>3</v>
      </c>
      <c r="BX27" s="257">
        <v>2</v>
      </c>
      <c r="BY27" s="257">
        <v>1</v>
      </c>
      <c r="BZ27" s="254">
        <v>10</v>
      </c>
      <c r="CA27" s="259">
        <v>14</v>
      </c>
      <c r="CB27" s="253">
        <v>0</v>
      </c>
      <c r="CC27" s="257">
        <v>0</v>
      </c>
      <c r="CD27" s="254">
        <v>0</v>
      </c>
      <c r="CE27" s="256">
        <v>0</v>
      </c>
      <c r="CF27" s="257">
        <v>5</v>
      </c>
      <c r="CG27" s="257">
        <v>3</v>
      </c>
      <c r="CH27" s="257">
        <v>0</v>
      </c>
      <c r="CI27" s="257">
        <v>0</v>
      </c>
      <c r="CJ27" s="257">
        <v>0</v>
      </c>
      <c r="CK27" s="254">
        <v>8</v>
      </c>
      <c r="CL27" s="259">
        <v>8</v>
      </c>
      <c r="CM27" s="253">
        <v>0</v>
      </c>
      <c r="CN27" s="257">
        <v>0</v>
      </c>
      <c r="CO27" s="254">
        <v>0</v>
      </c>
      <c r="CP27" s="256">
        <v>0</v>
      </c>
      <c r="CQ27" s="257">
        <v>0</v>
      </c>
      <c r="CR27" s="257">
        <v>0</v>
      </c>
      <c r="CS27" s="257">
        <v>0</v>
      </c>
      <c r="CT27" s="257">
        <v>0</v>
      </c>
      <c r="CU27" s="257">
        <v>0</v>
      </c>
      <c r="CV27" s="254">
        <v>0</v>
      </c>
      <c r="CW27" s="259">
        <v>0</v>
      </c>
      <c r="CX27" s="253">
        <v>0</v>
      </c>
      <c r="CY27" s="257">
        <v>0</v>
      </c>
      <c r="CZ27" s="254">
        <v>0</v>
      </c>
      <c r="DA27" s="256">
        <v>0</v>
      </c>
      <c r="DB27" s="257">
        <v>0</v>
      </c>
      <c r="DC27" s="257">
        <v>0</v>
      </c>
      <c r="DD27" s="257">
        <v>0</v>
      </c>
      <c r="DE27" s="257">
        <v>0</v>
      </c>
      <c r="DF27" s="257">
        <v>0</v>
      </c>
      <c r="DG27" s="254">
        <v>0</v>
      </c>
      <c r="DH27" s="259">
        <v>0</v>
      </c>
      <c r="DI27" s="253">
        <v>0</v>
      </c>
      <c r="DJ27" s="257">
        <v>0</v>
      </c>
      <c r="DK27" s="254">
        <v>0</v>
      </c>
      <c r="DL27" s="256">
        <v>0</v>
      </c>
      <c r="DM27" s="257">
        <v>0</v>
      </c>
      <c r="DN27" s="257">
        <v>0</v>
      </c>
      <c r="DO27" s="257">
        <v>0</v>
      </c>
      <c r="DP27" s="257">
        <v>0</v>
      </c>
      <c r="DQ27" s="257">
        <v>0</v>
      </c>
      <c r="DR27" s="254">
        <v>0</v>
      </c>
      <c r="DS27" s="259">
        <v>0</v>
      </c>
      <c r="DT27" s="253">
        <v>4</v>
      </c>
      <c r="DU27" s="257">
        <v>8</v>
      </c>
      <c r="DV27" s="254">
        <v>12</v>
      </c>
      <c r="DW27" s="256">
        <v>0</v>
      </c>
      <c r="DX27" s="257">
        <v>6</v>
      </c>
      <c r="DY27" s="257">
        <v>8</v>
      </c>
      <c r="DZ27" s="257">
        <v>6</v>
      </c>
      <c r="EA27" s="257">
        <v>6</v>
      </c>
      <c r="EB27" s="257">
        <v>2</v>
      </c>
      <c r="EC27" s="254">
        <v>28</v>
      </c>
      <c r="ED27" s="259">
        <v>40</v>
      </c>
      <c r="EE27" s="253">
        <v>0</v>
      </c>
      <c r="EF27" s="257">
        <v>1</v>
      </c>
      <c r="EG27" s="254">
        <v>1</v>
      </c>
      <c r="EH27" s="256">
        <v>0</v>
      </c>
      <c r="EI27" s="257">
        <v>3</v>
      </c>
      <c r="EJ27" s="257">
        <v>0</v>
      </c>
      <c r="EK27" s="257">
        <v>2</v>
      </c>
      <c r="EL27" s="257">
        <v>2</v>
      </c>
      <c r="EM27" s="257">
        <v>1</v>
      </c>
      <c r="EN27" s="254">
        <v>8</v>
      </c>
      <c r="EO27" s="259">
        <v>9</v>
      </c>
      <c r="EP27" s="253">
        <v>5</v>
      </c>
      <c r="EQ27" s="257">
        <v>10</v>
      </c>
      <c r="ER27" s="254">
        <v>15</v>
      </c>
      <c r="ES27" s="256">
        <v>0</v>
      </c>
      <c r="ET27" s="257">
        <v>22</v>
      </c>
      <c r="EU27" s="257">
        <v>11</v>
      </c>
      <c r="EV27" s="257">
        <v>6</v>
      </c>
      <c r="EW27" s="257">
        <v>5</v>
      </c>
      <c r="EX27" s="257">
        <v>3</v>
      </c>
      <c r="EY27" s="254">
        <v>47</v>
      </c>
      <c r="EZ27" s="259">
        <v>62</v>
      </c>
    </row>
    <row r="28" spans="2:156" ht="21" customHeight="1" x14ac:dyDescent="0.2">
      <c r="B28" s="437" t="s">
        <v>26</v>
      </c>
      <c r="C28" s="253">
        <v>0</v>
      </c>
      <c r="D28" s="257">
        <v>0</v>
      </c>
      <c r="E28" s="340">
        <v>0</v>
      </c>
      <c r="F28" s="256">
        <v>0</v>
      </c>
      <c r="G28" s="257">
        <v>7</v>
      </c>
      <c r="H28" s="257">
        <v>5</v>
      </c>
      <c r="I28" s="257">
        <v>4</v>
      </c>
      <c r="J28" s="257">
        <v>3</v>
      </c>
      <c r="K28" s="257">
        <v>2</v>
      </c>
      <c r="L28" s="258">
        <v>21</v>
      </c>
      <c r="M28" s="259">
        <v>21</v>
      </c>
      <c r="N28" s="253">
        <v>0</v>
      </c>
      <c r="O28" s="257">
        <v>0</v>
      </c>
      <c r="P28" s="254">
        <v>0</v>
      </c>
      <c r="Q28" s="256">
        <v>0</v>
      </c>
      <c r="R28" s="257">
        <v>0</v>
      </c>
      <c r="S28" s="257">
        <v>0</v>
      </c>
      <c r="T28" s="257">
        <v>0</v>
      </c>
      <c r="U28" s="257">
        <v>2</v>
      </c>
      <c r="V28" s="257">
        <v>0</v>
      </c>
      <c r="W28" s="254">
        <v>2</v>
      </c>
      <c r="X28" s="259">
        <v>2</v>
      </c>
      <c r="Y28" s="253">
        <v>1</v>
      </c>
      <c r="Z28" s="257">
        <v>0</v>
      </c>
      <c r="AA28" s="254">
        <v>1</v>
      </c>
      <c r="AB28" s="256">
        <v>0</v>
      </c>
      <c r="AC28" s="257">
        <v>4</v>
      </c>
      <c r="AD28" s="257">
        <v>2</v>
      </c>
      <c r="AE28" s="257">
        <v>1</v>
      </c>
      <c r="AF28" s="257">
        <v>2</v>
      </c>
      <c r="AG28" s="257">
        <v>3</v>
      </c>
      <c r="AH28" s="254">
        <v>12</v>
      </c>
      <c r="AI28" s="259">
        <v>13</v>
      </c>
      <c r="AJ28" s="253">
        <v>0</v>
      </c>
      <c r="AK28" s="257">
        <v>0</v>
      </c>
      <c r="AL28" s="254">
        <v>0</v>
      </c>
      <c r="AM28" s="256">
        <v>0</v>
      </c>
      <c r="AN28" s="257">
        <v>0</v>
      </c>
      <c r="AO28" s="257">
        <v>1</v>
      </c>
      <c r="AP28" s="257">
        <v>0</v>
      </c>
      <c r="AQ28" s="257">
        <v>0</v>
      </c>
      <c r="AR28" s="257">
        <v>0</v>
      </c>
      <c r="AS28" s="254">
        <v>1</v>
      </c>
      <c r="AT28" s="259">
        <v>1</v>
      </c>
      <c r="AU28" s="253">
        <v>2</v>
      </c>
      <c r="AV28" s="257">
        <v>0</v>
      </c>
      <c r="AW28" s="254">
        <v>2</v>
      </c>
      <c r="AX28" s="256">
        <v>0</v>
      </c>
      <c r="AY28" s="257">
        <v>4</v>
      </c>
      <c r="AZ28" s="257">
        <v>2</v>
      </c>
      <c r="BA28" s="257">
        <v>5</v>
      </c>
      <c r="BB28" s="257">
        <v>5</v>
      </c>
      <c r="BC28" s="257">
        <v>3</v>
      </c>
      <c r="BD28" s="258">
        <v>19</v>
      </c>
      <c r="BE28" s="259">
        <v>21</v>
      </c>
      <c r="BF28" s="253">
        <v>0</v>
      </c>
      <c r="BG28" s="257">
        <v>0</v>
      </c>
      <c r="BH28" s="254">
        <v>0</v>
      </c>
      <c r="BI28" s="256">
        <v>0</v>
      </c>
      <c r="BJ28" s="257">
        <v>5</v>
      </c>
      <c r="BK28" s="257">
        <v>7</v>
      </c>
      <c r="BL28" s="257">
        <v>3</v>
      </c>
      <c r="BM28" s="257">
        <v>1</v>
      </c>
      <c r="BN28" s="257">
        <v>0</v>
      </c>
      <c r="BO28" s="254">
        <v>16</v>
      </c>
      <c r="BP28" s="259">
        <v>16</v>
      </c>
      <c r="BQ28" s="253">
        <v>0</v>
      </c>
      <c r="BR28" s="257">
        <v>0</v>
      </c>
      <c r="BS28" s="254">
        <v>0</v>
      </c>
      <c r="BT28" s="256">
        <v>0</v>
      </c>
      <c r="BU28" s="257">
        <v>3</v>
      </c>
      <c r="BV28" s="257">
        <v>2</v>
      </c>
      <c r="BW28" s="257">
        <v>0</v>
      </c>
      <c r="BX28" s="257">
        <v>1</v>
      </c>
      <c r="BY28" s="257">
        <v>0</v>
      </c>
      <c r="BZ28" s="254">
        <v>6</v>
      </c>
      <c r="CA28" s="259">
        <v>6</v>
      </c>
      <c r="CB28" s="253">
        <v>0</v>
      </c>
      <c r="CC28" s="257">
        <v>0</v>
      </c>
      <c r="CD28" s="254">
        <v>0</v>
      </c>
      <c r="CE28" s="256">
        <v>0</v>
      </c>
      <c r="CF28" s="257">
        <v>2</v>
      </c>
      <c r="CG28" s="257">
        <v>2</v>
      </c>
      <c r="CH28" s="257">
        <v>0</v>
      </c>
      <c r="CI28" s="257">
        <v>0</v>
      </c>
      <c r="CJ28" s="257">
        <v>1</v>
      </c>
      <c r="CK28" s="254">
        <v>5</v>
      </c>
      <c r="CL28" s="259">
        <v>5</v>
      </c>
      <c r="CM28" s="253">
        <v>0</v>
      </c>
      <c r="CN28" s="257">
        <v>0</v>
      </c>
      <c r="CO28" s="254">
        <v>0</v>
      </c>
      <c r="CP28" s="256">
        <v>0</v>
      </c>
      <c r="CQ28" s="257">
        <v>0</v>
      </c>
      <c r="CR28" s="257">
        <v>0</v>
      </c>
      <c r="CS28" s="257">
        <v>1</v>
      </c>
      <c r="CT28" s="257">
        <v>1</v>
      </c>
      <c r="CU28" s="257">
        <v>0</v>
      </c>
      <c r="CV28" s="254">
        <v>2</v>
      </c>
      <c r="CW28" s="259">
        <v>2</v>
      </c>
      <c r="CX28" s="253">
        <v>0</v>
      </c>
      <c r="CY28" s="257">
        <v>0</v>
      </c>
      <c r="CZ28" s="254">
        <v>0</v>
      </c>
      <c r="DA28" s="256">
        <v>0</v>
      </c>
      <c r="DB28" s="257">
        <v>0</v>
      </c>
      <c r="DC28" s="257">
        <v>0</v>
      </c>
      <c r="DD28" s="257">
        <v>0</v>
      </c>
      <c r="DE28" s="257">
        <v>0</v>
      </c>
      <c r="DF28" s="257">
        <v>0</v>
      </c>
      <c r="DG28" s="254">
        <v>0</v>
      </c>
      <c r="DH28" s="259">
        <v>0</v>
      </c>
      <c r="DI28" s="253">
        <v>0</v>
      </c>
      <c r="DJ28" s="257">
        <v>0</v>
      </c>
      <c r="DK28" s="254">
        <v>0</v>
      </c>
      <c r="DL28" s="256">
        <v>0</v>
      </c>
      <c r="DM28" s="257">
        <v>0</v>
      </c>
      <c r="DN28" s="257">
        <v>0</v>
      </c>
      <c r="DO28" s="257">
        <v>0</v>
      </c>
      <c r="DP28" s="257">
        <v>0</v>
      </c>
      <c r="DQ28" s="257">
        <v>0</v>
      </c>
      <c r="DR28" s="254">
        <v>0</v>
      </c>
      <c r="DS28" s="259">
        <v>0</v>
      </c>
      <c r="DT28" s="253">
        <v>6</v>
      </c>
      <c r="DU28" s="257">
        <v>9</v>
      </c>
      <c r="DV28" s="254">
        <v>15</v>
      </c>
      <c r="DW28" s="256">
        <v>0</v>
      </c>
      <c r="DX28" s="257">
        <v>15</v>
      </c>
      <c r="DY28" s="257">
        <v>12</v>
      </c>
      <c r="DZ28" s="257">
        <v>5</v>
      </c>
      <c r="EA28" s="257">
        <v>5</v>
      </c>
      <c r="EB28" s="257">
        <v>3</v>
      </c>
      <c r="EC28" s="254">
        <v>40</v>
      </c>
      <c r="ED28" s="259">
        <v>55</v>
      </c>
      <c r="EE28" s="253">
        <v>1</v>
      </c>
      <c r="EF28" s="257">
        <v>0</v>
      </c>
      <c r="EG28" s="254">
        <v>1</v>
      </c>
      <c r="EH28" s="256">
        <v>0</v>
      </c>
      <c r="EI28" s="257">
        <v>1</v>
      </c>
      <c r="EJ28" s="257">
        <v>0</v>
      </c>
      <c r="EK28" s="257">
        <v>2</v>
      </c>
      <c r="EL28" s="257">
        <v>0</v>
      </c>
      <c r="EM28" s="257">
        <v>0</v>
      </c>
      <c r="EN28" s="254">
        <v>3</v>
      </c>
      <c r="EO28" s="259">
        <v>4</v>
      </c>
      <c r="EP28" s="253">
        <v>7</v>
      </c>
      <c r="EQ28" s="257">
        <v>9</v>
      </c>
      <c r="ER28" s="254">
        <v>16</v>
      </c>
      <c r="ES28" s="256">
        <v>0</v>
      </c>
      <c r="ET28" s="257">
        <v>21</v>
      </c>
      <c r="EU28" s="257">
        <v>19</v>
      </c>
      <c r="EV28" s="257">
        <v>10</v>
      </c>
      <c r="EW28" s="257">
        <v>5</v>
      </c>
      <c r="EX28" s="257">
        <v>2</v>
      </c>
      <c r="EY28" s="254">
        <v>57</v>
      </c>
      <c r="EZ28" s="259">
        <v>73</v>
      </c>
    </row>
    <row r="29" spans="2:156" ht="21" customHeight="1" x14ac:dyDescent="0.2">
      <c r="B29" s="437" t="s">
        <v>27</v>
      </c>
      <c r="C29" s="253">
        <v>0</v>
      </c>
      <c r="D29" s="257">
        <v>0</v>
      </c>
      <c r="E29" s="340">
        <v>0</v>
      </c>
      <c r="F29" s="256">
        <v>0</v>
      </c>
      <c r="G29" s="257">
        <v>3</v>
      </c>
      <c r="H29" s="257">
        <v>5</v>
      </c>
      <c r="I29" s="257">
        <v>3</v>
      </c>
      <c r="J29" s="257">
        <v>2</v>
      </c>
      <c r="K29" s="257">
        <v>3</v>
      </c>
      <c r="L29" s="258">
        <v>16</v>
      </c>
      <c r="M29" s="259">
        <v>16</v>
      </c>
      <c r="N29" s="253">
        <v>0</v>
      </c>
      <c r="O29" s="257">
        <v>0</v>
      </c>
      <c r="P29" s="254">
        <v>0</v>
      </c>
      <c r="Q29" s="256">
        <v>0</v>
      </c>
      <c r="R29" s="257">
        <v>0</v>
      </c>
      <c r="S29" s="257">
        <v>0</v>
      </c>
      <c r="T29" s="257">
        <v>0</v>
      </c>
      <c r="U29" s="257">
        <v>0</v>
      </c>
      <c r="V29" s="257">
        <v>0</v>
      </c>
      <c r="W29" s="254">
        <v>0</v>
      </c>
      <c r="X29" s="259">
        <v>0</v>
      </c>
      <c r="Y29" s="253">
        <v>1</v>
      </c>
      <c r="Z29" s="257">
        <v>5</v>
      </c>
      <c r="AA29" s="254">
        <v>6</v>
      </c>
      <c r="AB29" s="256">
        <v>0</v>
      </c>
      <c r="AC29" s="257">
        <v>5</v>
      </c>
      <c r="AD29" s="257">
        <v>5</v>
      </c>
      <c r="AE29" s="257">
        <v>2</v>
      </c>
      <c r="AF29" s="257">
        <v>3</v>
      </c>
      <c r="AG29" s="257">
        <v>3</v>
      </c>
      <c r="AH29" s="254">
        <v>18</v>
      </c>
      <c r="AI29" s="259">
        <v>24</v>
      </c>
      <c r="AJ29" s="253">
        <v>0</v>
      </c>
      <c r="AK29" s="257">
        <v>0</v>
      </c>
      <c r="AL29" s="254">
        <v>0</v>
      </c>
      <c r="AM29" s="256">
        <v>0</v>
      </c>
      <c r="AN29" s="257">
        <v>0</v>
      </c>
      <c r="AO29" s="257">
        <v>1</v>
      </c>
      <c r="AP29" s="257">
        <v>0</v>
      </c>
      <c r="AQ29" s="257">
        <v>0</v>
      </c>
      <c r="AR29" s="257">
        <v>0</v>
      </c>
      <c r="AS29" s="254">
        <v>1</v>
      </c>
      <c r="AT29" s="259">
        <v>1</v>
      </c>
      <c r="AU29" s="253">
        <v>1</v>
      </c>
      <c r="AV29" s="257">
        <v>1</v>
      </c>
      <c r="AW29" s="254">
        <v>2</v>
      </c>
      <c r="AX29" s="256">
        <v>0</v>
      </c>
      <c r="AY29" s="257">
        <v>5</v>
      </c>
      <c r="AZ29" s="257">
        <v>7</v>
      </c>
      <c r="BA29" s="257">
        <v>4</v>
      </c>
      <c r="BB29" s="257">
        <v>6</v>
      </c>
      <c r="BC29" s="257">
        <v>3</v>
      </c>
      <c r="BD29" s="258">
        <v>25</v>
      </c>
      <c r="BE29" s="259">
        <v>27</v>
      </c>
      <c r="BF29" s="253">
        <v>0</v>
      </c>
      <c r="BG29" s="257">
        <v>0</v>
      </c>
      <c r="BH29" s="254">
        <v>0</v>
      </c>
      <c r="BI29" s="256">
        <v>0</v>
      </c>
      <c r="BJ29" s="257">
        <v>6</v>
      </c>
      <c r="BK29" s="257">
        <v>7</v>
      </c>
      <c r="BL29" s="257">
        <v>5</v>
      </c>
      <c r="BM29" s="257">
        <v>6</v>
      </c>
      <c r="BN29" s="257">
        <v>1</v>
      </c>
      <c r="BO29" s="254">
        <v>25</v>
      </c>
      <c r="BP29" s="259">
        <v>25</v>
      </c>
      <c r="BQ29" s="253">
        <v>0</v>
      </c>
      <c r="BR29" s="257">
        <v>2</v>
      </c>
      <c r="BS29" s="254">
        <v>2</v>
      </c>
      <c r="BT29" s="256">
        <v>0</v>
      </c>
      <c r="BU29" s="257">
        <v>4</v>
      </c>
      <c r="BV29" s="257">
        <v>3</v>
      </c>
      <c r="BW29" s="257">
        <v>1</v>
      </c>
      <c r="BX29" s="257">
        <v>0</v>
      </c>
      <c r="BY29" s="257">
        <v>0</v>
      </c>
      <c r="BZ29" s="254">
        <v>8</v>
      </c>
      <c r="CA29" s="259">
        <v>10</v>
      </c>
      <c r="CB29" s="253">
        <v>0</v>
      </c>
      <c r="CC29" s="257">
        <v>0</v>
      </c>
      <c r="CD29" s="254">
        <v>0</v>
      </c>
      <c r="CE29" s="256">
        <v>0</v>
      </c>
      <c r="CF29" s="257">
        <v>1</v>
      </c>
      <c r="CG29" s="257">
        <v>0</v>
      </c>
      <c r="CH29" s="257">
        <v>2</v>
      </c>
      <c r="CI29" s="257">
        <v>2</v>
      </c>
      <c r="CJ29" s="257">
        <v>0</v>
      </c>
      <c r="CK29" s="254">
        <v>5</v>
      </c>
      <c r="CL29" s="259">
        <v>5</v>
      </c>
      <c r="CM29" s="253">
        <v>0</v>
      </c>
      <c r="CN29" s="257">
        <v>0</v>
      </c>
      <c r="CO29" s="254">
        <v>0</v>
      </c>
      <c r="CP29" s="256">
        <v>0</v>
      </c>
      <c r="CQ29" s="257">
        <v>0</v>
      </c>
      <c r="CR29" s="257">
        <v>0</v>
      </c>
      <c r="CS29" s="257">
        <v>0</v>
      </c>
      <c r="CT29" s="257">
        <v>0</v>
      </c>
      <c r="CU29" s="257">
        <v>0</v>
      </c>
      <c r="CV29" s="254">
        <v>0</v>
      </c>
      <c r="CW29" s="259">
        <v>0</v>
      </c>
      <c r="CX29" s="253">
        <v>0</v>
      </c>
      <c r="CY29" s="257">
        <v>0</v>
      </c>
      <c r="CZ29" s="254">
        <v>0</v>
      </c>
      <c r="DA29" s="256">
        <v>0</v>
      </c>
      <c r="DB29" s="257">
        <v>0</v>
      </c>
      <c r="DC29" s="257">
        <v>0</v>
      </c>
      <c r="DD29" s="257">
        <v>0</v>
      </c>
      <c r="DE29" s="257">
        <v>0</v>
      </c>
      <c r="DF29" s="257">
        <v>0</v>
      </c>
      <c r="DG29" s="254">
        <v>0</v>
      </c>
      <c r="DH29" s="259">
        <v>0</v>
      </c>
      <c r="DI29" s="253">
        <v>0</v>
      </c>
      <c r="DJ29" s="257">
        <v>0</v>
      </c>
      <c r="DK29" s="254">
        <v>0</v>
      </c>
      <c r="DL29" s="256">
        <v>0</v>
      </c>
      <c r="DM29" s="257">
        <v>0</v>
      </c>
      <c r="DN29" s="257">
        <v>0</v>
      </c>
      <c r="DO29" s="257">
        <v>0</v>
      </c>
      <c r="DP29" s="257">
        <v>0</v>
      </c>
      <c r="DQ29" s="257">
        <v>0</v>
      </c>
      <c r="DR29" s="254">
        <v>0</v>
      </c>
      <c r="DS29" s="259">
        <v>0</v>
      </c>
      <c r="DT29" s="253">
        <v>7</v>
      </c>
      <c r="DU29" s="257">
        <v>13</v>
      </c>
      <c r="DV29" s="254">
        <v>20</v>
      </c>
      <c r="DW29" s="256">
        <v>0</v>
      </c>
      <c r="DX29" s="257">
        <v>6</v>
      </c>
      <c r="DY29" s="257">
        <v>14</v>
      </c>
      <c r="DZ29" s="257">
        <v>7</v>
      </c>
      <c r="EA29" s="257">
        <v>4</v>
      </c>
      <c r="EB29" s="257">
        <v>4</v>
      </c>
      <c r="EC29" s="254">
        <v>35</v>
      </c>
      <c r="ED29" s="259">
        <v>55</v>
      </c>
      <c r="EE29" s="253">
        <v>1</v>
      </c>
      <c r="EF29" s="257">
        <v>0</v>
      </c>
      <c r="EG29" s="254">
        <v>1</v>
      </c>
      <c r="EH29" s="256">
        <v>0</v>
      </c>
      <c r="EI29" s="257">
        <v>2</v>
      </c>
      <c r="EJ29" s="257">
        <v>0</v>
      </c>
      <c r="EK29" s="257">
        <v>0</v>
      </c>
      <c r="EL29" s="257">
        <v>4</v>
      </c>
      <c r="EM29" s="257">
        <v>0</v>
      </c>
      <c r="EN29" s="254">
        <v>6</v>
      </c>
      <c r="EO29" s="259">
        <v>7</v>
      </c>
      <c r="EP29" s="253">
        <v>8</v>
      </c>
      <c r="EQ29" s="257">
        <v>18</v>
      </c>
      <c r="ER29" s="254">
        <v>26</v>
      </c>
      <c r="ES29" s="256">
        <v>0</v>
      </c>
      <c r="ET29" s="257">
        <v>14</v>
      </c>
      <c r="EU29" s="257">
        <v>15</v>
      </c>
      <c r="EV29" s="257">
        <v>9</v>
      </c>
      <c r="EW29" s="257">
        <v>7</v>
      </c>
      <c r="EX29" s="257">
        <v>4</v>
      </c>
      <c r="EY29" s="254">
        <v>49</v>
      </c>
      <c r="EZ29" s="259">
        <v>75</v>
      </c>
    </row>
    <row r="30" spans="2:156" ht="21" customHeight="1" x14ac:dyDescent="0.2">
      <c r="B30" s="437" t="s">
        <v>28</v>
      </c>
      <c r="C30" s="253">
        <v>0</v>
      </c>
      <c r="D30" s="257">
        <v>0</v>
      </c>
      <c r="E30" s="340">
        <v>0</v>
      </c>
      <c r="F30" s="256">
        <v>0</v>
      </c>
      <c r="G30" s="257">
        <v>0</v>
      </c>
      <c r="H30" s="257">
        <v>0</v>
      </c>
      <c r="I30" s="257">
        <v>2</v>
      </c>
      <c r="J30" s="257">
        <v>0</v>
      </c>
      <c r="K30" s="257">
        <v>0</v>
      </c>
      <c r="L30" s="258">
        <v>2</v>
      </c>
      <c r="M30" s="259">
        <v>2</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1</v>
      </c>
      <c r="AD30" s="257">
        <v>0</v>
      </c>
      <c r="AE30" s="257">
        <v>1</v>
      </c>
      <c r="AF30" s="257">
        <v>0</v>
      </c>
      <c r="AG30" s="257">
        <v>0</v>
      </c>
      <c r="AH30" s="254">
        <v>2</v>
      </c>
      <c r="AI30" s="259">
        <v>2</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3</v>
      </c>
      <c r="AZ30" s="257">
        <v>1</v>
      </c>
      <c r="BA30" s="257">
        <v>2</v>
      </c>
      <c r="BB30" s="257">
        <v>0</v>
      </c>
      <c r="BC30" s="257">
        <v>1</v>
      </c>
      <c r="BD30" s="258">
        <v>7</v>
      </c>
      <c r="BE30" s="259">
        <v>7</v>
      </c>
      <c r="BF30" s="253">
        <v>0</v>
      </c>
      <c r="BG30" s="257">
        <v>0</v>
      </c>
      <c r="BH30" s="254">
        <v>0</v>
      </c>
      <c r="BI30" s="256">
        <v>0</v>
      </c>
      <c r="BJ30" s="257">
        <v>0</v>
      </c>
      <c r="BK30" s="257">
        <v>4</v>
      </c>
      <c r="BL30" s="257">
        <v>0</v>
      </c>
      <c r="BM30" s="257">
        <v>0</v>
      </c>
      <c r="BN30" s="257">
        <v>0</v>
      </c>
      <c r="BO30" s="254">
        <v>4</v>
      </c>
      <c r="BP30" s="259">
        <v>4</v>
      </c>
      <c r="BQ30" s="253">
        <v>0</v>
      </c>
      <c r="BR30" s="257">
        <v>0</v>
      </c>
      <c r="BS30" s="254">
        <v>0</v>
      </c>
      <c r="BT30" s="256">
        <v>0</v>
      </c>
      <c r="BU30" s="257">
        <v>1</v>
      </c>
      <c r="BV30" s="257">
        <v>0</v>
      </c>
      <c r="BW30" s="257">
        <v>1</v>
      </c>
      <c r="BX30" s="257">
        <v>0</v>
      </c>
      <c r="BY30" s="257">
        <v>0</v>
      </c>
      <c r="BZ30" s="254">
        <v>2</v>
      </c>
      <c r="CA30" s="259">
        <v>2</v>
      </c>
      <c r="CB30" s="253">
        <v>0</v>
      </c>
      <c r="CC30" s="257">
        <v>0</v>
      </c>
      <c r="CD30" s="254">
        <v>0</v>
      </c>
      <c r="CE30" s="256">
        <v>0</v>
      </c>
      <c r="CF30" s="257">
        <v>0</v>
      </c>
      <c r="CG30" s="257">
        <v>0</v>
      </c>
      <c r="CH30" s="257">
        <v>0</v>
      </c>
      <c r="CI30" s="257">
        <v>0</v>
      </c>
      <c r="CJ30" s="257">
        <v>0</v>
      </c>
      <c r="CK30" s="254">
        <v>0</v>
      </c>
      <c r="CL30" s="259">
        <v>0</v>
      </c>
      <c r="CM30" s="253">
        <v>0</v>
      </c>
      <c r="CN30" s="257">
        <v>0</v>
      </c>
      <c r="CO30" s="254">
        <v>0</v>
      </c>
      <c r="CP30" s="256">
        <v>0</v>
      </c>
      <c r="CQ30" s="257">
        <v>0</v>
      </c>
      <c r="CR30" s="257">
        <v>1</v>
      </c>
      <c r="CS30" s="257">
        <v>1</v>
      </c>
      <c r="CT30" s="257">
        <v>0</v>
      </c>
      <c r="CU30" s="257">
        <v>0</v>
      </c>
      <c r="CV30" s="254">
        <v>2</v>
      </c>
      <c r="CW30" s="259">
        <v>2</v>
      </c>
      <c r="CX30" s="253">
        <v>0</v>
      </c>
      <c r="CY30" s="257">
        <v>0</v>
      </c>
      <c r="CZ30" s="254">
        <v>0</v>
      </c>
      <c r="DA30" s="256">
        <v>0</v>
      </c>
      <c r="DB30" s="257">
        <v>0</v>
      </c>
      <c r="DC30" s="257">
        <v>0</v>
      </c>
      <c r="DD30" s="257">
        <v>0</v>
      </c>
      <c r="DE30" s="257">
        <v>0</v>
      </c>
      <c r="DF30" s="257">
        <v>0</v>
      </c>
      <c r="DG30" s="254">
        <v>0</v>
      </c>
      <c r="DH30" s="259">
        <v>0</v>
      </c>
      <c r="DI30" s="253">
        <v>0</v>
      </c>
      <c r="DJ30" s="257">
        <v>0</v>
      </c>
      <c r="DK30" s="254">
        <v>0</v>
      </c>
      <c r="DL30" s="256">
        <v>0</v>
      </c>
      <c r="DM30" s="257">
        <v>0</v>
      </c>
      <c r="DN30" s="257">
        <v>0</v>
      </c>
      <c r="DO30" s="257">
        <v>0</v>
      </c>
      <c r="DP30" s="257">
        <v>0</v>
      </c>
      <c r="DQ30" s="257">
        <v>0</v>
      </c>
      <c r="DR30" s="254">
        <v>0</v>
      </c>
      <c r="DS30" s="259">
        <v>0</v>
      </c>
      <c r="DT30" s="253">
        <v>0</v>
      </c>
      <c r="DU30" s="257">
        <v>0</v>
      </c>
      <c r="DV30" s="254">
        <v>0</v>
      </c>
      <c r="DW30" s="256">
        <v>0</v>
      </c>
      <c r="DX30" s="257">
        <v>3</v>
      </c>
      <c r="DY30" s="257">
        <v>6</v>
      </c>
      <c r="DZ30" s="257">
        <v>2</v>
      </c>
      <c r="EA30" s="257">
        <v>0</v>
      </c>
      <c r="EB30" s="257">
        <v>0</v>
      </c>
      <c r="EC30" s="254">
        <v>11</v>
      </c>
      <c r="ED30" s="259">
        <v>11</v>
      </c>
      <c r="EE30" s="253">
        <v>0</v>
      </c>
      <c r="EF30" s="257">
        <v>0</v>
      </c>
      <c r="EG30" s="254">
        <v>0</v>
      </c>
      <c r="EH30" s="256">
        <v>0</v>
      </c>
      <c r="EI30" s="257">
        <v>3</v>
      </c>
      <c r="EJ30" s="257">
        <v>0</v>
      </c>
      <c r="EK30" s="257">
        <v>0</v>
      </c>
      <c r="EL30" s="257">
        <v>0</v>
      </c>
      <c r="EM30" s="257">
        <v>0</v>
      </c>
      <c r="EN30" s="254">
        <v>3</v>
      </c>
      <c r="EO30" s="259">
        <v>3</v>
      </c>
      <c r="EP30" s="253">
        <v>0</v>
      </c>
      <c r="EQ30" s="257">
        <v>0</v>
      </c>
      <c r="ER30" s="254">
        <v>0</v>
      </c>
      <c r="ES30" s="256">
        <v>0</v>
      </c>
      <c r="ET30" s="257">
        <v>6</v>
      </c>
      <c r="EU30" s="257">
        <v>7</v>
      </c>
      <c r="EV30" s="257">
        <v>3</v>
      </c>
      <c r="EW30" s="257">
        <v>0</v>
      </c>
      <c r="EX30" s="257">
        <v>0</v>
      </c>
      <c r="EY30" s="254">
        <v>16</v>
      </c>
      <c r="EZ30" s="259">
        <v>16</v>
      </c>
    </row>
    <row r="31" spans="2:156" ht="21" customHeight="1" x14ac:dyDescent="0.2">
      <c r="B31" s="437" t="s">
        <v>29</v>
      </c>
      <c r="C31" s="253">
        <v>0</v>
      </c>
      <c r="D31" s="257">
        <v>0</v>
      </c>
      <c r="E31" s="340">
        <v>0</v>
      </c>
      <c r="F31" s="256">
        <v>0</v>
      </c>
      <c r="G31" s="257">
        <v>0</v>
      </c>
      <c r="H31" s="257">
        <v>2</v>
      </c>
      <c r="I31" s="257">
        <v>0</v>
      </c>
      <c r="J31" s="257">
        <v>1</v>
      </c>
      <c r="K31" s="257">
        <v>1</v>
      </c>
      <c r="L31" s="258">
        <v>4</v>
      </c>
      <c r="M31" s="259">
        <v>4</v>
      </c>
      <c r="N31" s="253">
        <v>0</v>
      </c>
      <c r="O31" s="257">
        <v>0</v>
      </c>
      <c r="P31" s="254">
        <v>0</v>
      </c>
      <c r="Q31" s="256">
        <v>0</v>
      </c>
      <c r="R31" s="257">
        <v>0</v>
      </c>
      <c r="S31" s="257">
        <v>0</v>
      </c>
      <c r="T31" s="257">
        <v>0</v>
      </c>
      <c r="U31" s="257">
        <v>0</v>
      </c>
      <c r="V31" s="257">
        <v>1</v>
      </c>
      <c r="W31" s="254">
        <v>1</v>
      </c>
      <c r="X31" s="259">
        <v>1</v>
      </c>
      <c r="Y31" s="253">
        <v>0</v>
      </c>
      <c r="Z31" s="257">
        <v>1</v>
      </c>
      <c r="AA31" s="254">
        <v>1</v>
      </c>
      <c r="AB31" s="256">
        <v>0</v>
      </c>
      <c r="AC31" s="257">
        <v>0</v>
      </c>
      <c r="AD31" s="257">
        <v>1</v>
      </c>
      <c r="AE31" s="257">
        <v>1</v>
      </c>
      <c r="AF31" s="257">
        <v>1</v>
      </c>
      <c r="AG31" s="257">
        <v>0</v>
      </c>
      <c r="AH31" s="254">
        <v>3</v>
      </c>
      <c r="AI31" s="259">
        <v>4</v>
      </c>
      <c r="AJ31" s="253">
        <v>0</v>
      </c>
      <c r="AK31" s="257">
        <v>0</v>
      </c>
      <c r="AL31" s="254">
        <v>0</v>
      </c>
      <c r="AM31" s="256">
        <v>0</v>
      </c>
      <c r="AN31" s="257">
        <v>0</v>
      </c>
      <c r="AO31" s="257">
        <v>1</v>
      </c>
      <c r="AP31" s="257">
        <v>0</v>
      </c>
      <c r="AQ31" s="257">
        <v>0</v>
      </c>
      <c r="AR31" s="257">
        <v>0</v>
      </c>
      <c r="AS31" s="254">
        <v>1</v>
      </c>
      <c r="AT31" s="259">
        <v>1</v>
      </c>
      <c r="AU31" s="253">
        <v>0</v>
      </c>
      <c r="AV31" s="257">
        <v>0</v>
      </c>
      <c r="AW31" s="254">
        <v>0</v>
      </c>
      <c r="AX31" s="256">
        <v>0</v>
      </c>
      <c r="AY31" s="257">
        <v>1</v>
      </c>
      <c r="AZ31" s="257">
        <v>2</v>
      </c>
      <c r="BA31" s="257">
        <v>2</v>
      </c>
      <c r="BB31" s="257">
        <v>1</v>
      </c>
      <c r="BC31" s="257">
        <v>3</v>
      </c>
      <c r="BD31" s="258">
        <v>9</v>
      </c>
      <c r="BE31" s="259">
        <v>9</v>
      </c>
      <c r="BF31" s="253">
        <v>0</v>
      </c>
      <c r="BG31" s="257">
        <v>0</v>
      </c>
      <c r="BH31" s="254">
        <v>0</v>
      </c>
      <c r="BI31" s="256">
        <v>0</v>
      </c>
      <c r="BJ31" s="257">
        <v>0</v>
      </c>
      <c r="BK31" s="257">
        <v>3</v>
      </c>
      <c r="BL31" s="257">
        <v>2</v>
      </c>
      <c r="BM31" s="257">
        <v>0</v>
      </c>
      <c r="BN31" s="257">
        <v>0</v>
      </c>
      <c r="BO31" s="254">
        <v>5</v>
      </c>
      <c r="BP31" s="259">
        <v>5</v>
      </c>
      <c r="BQ31" s="253">
        <v>1</v>
      </c>
      <c r="BR31" s="257">
        <v>0</v>
      </c>
      <c r="BS31" s="254">
        <v>1</v>
      </c>
      <c r="BT31" s="256">
        <v>0</v>
      </c>
      <c r="BU31" s="257">
        <v>0</v>
      </c>
      <c r="BV31" s="257">
        <v>0</v>
      </c>
      <c r="BW31" s="257">
        <v>0</v>
      </c>
      <c r="BX31" s="257">
        <v>0</v>
      </c>
      <c r="BY31" s="257">
        <v>0</v>
      </c>
      <c r="BZ31" s="254">
        <v>0</v>
      </c>
      <c r="CA31" s="259">
        <v>1</v>
      </c>
      <c r="CB31" s="253">
        <v>0</v>
      </c>
      <c r="CC31" s="257">
        <v>0</v>
      </c>
      <c r="CD31" s="254">
        <v>0</v>
      </c>
      <c r="CE31" s="256">
        <v>0</v>
      </c>
      <c r="CF31" s="257">
        <v>0</v>
      </c>
      <c r="CG31" s="257">
        <v>0</v>
      </c>
      <c r="CH31" s="257">
        <v>1</v>
      </c>
      <c r="CI31" s="257">
        <v>0</v>
      </c>
      <c r="CJ31" s="257">
        <v>0</v>
      </c>
      <c r="CK31" s="254">
        <v>1</v>
      </c>
      <c r="CL31" s="259">
        <v>1</v>
      </c>
      <c r="CM31" s="253">
        <v>0</v>
      </c>
      <c r="CN31" s="257">
        <v>0</v>
      </c>
      <c r="CO31" s="254">
        <v>0</v>
      </c>
      <c r="CP31" s="256">
        <v>0</v>
      </c>
      <c r="CQ31" s="257">
        <v>0</v>
      </c>
      <c r="CR31" s="257">
        <v>0</v>
      </c>
      <c r="CS31" s="257">
        <v>0</v>
      </c>
      <c r="CT31" s="257">
        <v>0</v>
      </c>
      <c r="CU31" s="257">
        <v>0</v>
      </c>
      <c r="CV31" s="254">
        <v>0</v>
      </c>
      <c r="CW31" s="259">
        <v>0</v>
      </c>
      <c r="CX31" s="253">
        <v>0</v>
      </c>
      <c r="CY31" s="257">
        <v>0</v>
      </c>
      <c r="CZ31" s="254">
        <v>0</v>
      </c>
      <c r="DA31" s="256">
        <v>0</v>
      </c>
      <c r="DB31" s="257">
        <v>0</v>
      </c>
      <c r="DC31" s="257">
        <v>0</v>
      </c>
      <c r="DD31" s="257">
        <v>0</v>
      </c>
      <c r="DE31" s="257">
        <v>0</v>
      </c>
      <c r="DF31" s="257">
        <v>0</v>
      </c>
      <c r="DG31" s="254">
        <v>0</v>
      </c>
      <c r="DH31" s="259">
        <v>0</v>
      </c>
      <c r="DI31" s="253">
        <v>0</v>
      </c>
      <c r="DJ31" s="257">
        <v>0</v>
      </c>
      <c r="DK31" s="254">
        <v>0</v>
      </c>
      <c r="DL31" s="256">
        <v>0</v>
      </c>
      <c r="DM31" s="257">
        <v>0</v>
      </c>
      <c r="DN31" s="257">
        <v>0</v>
      </c>
      <c r="DO31" s="257">
        <v>0</v>
      </c>
      <c r="DP31" s="257">
        <v>0</v>
      </c>
      <c r="DQ31" s="257">
        <v>0</v>
      </c>
      <c r="DR31" s="254">
        <v>0</v>
      </c>
      <c r="DS31" s="259">
        <v>0</v>
      </c>
      <c r="DT31" s="253">
        <v>4</v>
      </c>
      <c r="DU31" s="257">
        <v>0</v>
      </c>
      <c r="DV31" s="254">
        <v>4</v>
      </c>
      <c r="DW31" s="256">
        <v>0</v>
      </c>
      <c r="DX31" s="257">
        <v>0</v>
      </c>
      <c r="DY31" s="257">
        <v>3</v>
      </c>
      <c r="DZ31" s="257">
        <v>5</v>
      </c>
      <c r="EA31" s="257">
        <v>1</v>
      </c>
      <c r="EB31" s="257">
        <v>2</v>
      </c>
      <c r="EC31" s="254">
        <v>11</v>
      </c>
      <c r="ED31" s="259">
        <v>15</v>
      </c>
      <c r="EE31" s="253">
        <v>1</v>
      </c>
      <c r="EF31" s="257">
        <v>0</v>
      </c>
      <c r="EG31" s="254">
        <v>1</v>
      </c>
      <c r="EH31" s="256">
        <v>0</v>
      </c>
      <c r="EI31" s="257">
        <v>2</v>
      </c>
      <c r="EJ31" s="257">
        <v>1</v>
      </c>
      <c r="EK31" s="257">
        <v>0</v>
      </c>
      <c r="EL31" s="257">
        <v>0</v>
      </c>
      <c r="EM31" s="257">
        <v>1</v>
      </c>
      <c r="EN31" s="254">
        <v>4</v>
      </c>
      <c r="EO31" s="259">
        <v>5</v>
      </c>
      <c r="EP31" s="253">
        <v>5</v>
      </c>
      <c r="EQ31" s="257">
        <v>1</v>
      </c>
      <c r="ER31" s="254">
        <v>6</v>
      </c>
      <c r="ES31" s="256">
        <v>0</v>
      </c>
      <c r="ET31" s="257">
        <v>0</v>
      </c>
      <c r="EU31" s="257">
        <v>4</v>
      </c>
      <c r="EV31" s="257">
        <v>5</v>
      </c>
      <c r="EW31" s="257">
        <v>1</v>
      </c>
      <c r="EX31" s="257">
        <v>2</v>
      </c>
      <c r="EY31" s="254">
        <v>12</v>
      </c>
      <c r="EZ31" s="259">
        <v>18</v>
      </c>
    </row>
    <row r="32" spans="2:156" ht="21" customHeight="1" x14ac:dyDescent="0.2">
      <c r="B32" s="437" t="s">
        <v>30</v>
      </c>
      <c r="C32" s="253">
        <v>0</v>
      </c>
      <c r="D32" s="257">
        <v>0</v>
      </c>
      <c r="E32" s="340">
        <v>0</v>
      </c>
      <c r="F32" s="256">
        <v>0</v>
      </c>
      <c r="G32" s="257">
        <v>1</v>
      </c>
      <c r="H32" s="257">
        <v>2</v>
      </c>
      <c r="I32" s="257">
        <v>0</v>
      </c>
      <c r="J32" s="257">
        <v>1</v>
      </c>
      <c r="K32" s="257">
        <v>0</v>
      </c>
      <c r="L32" s="258">
        <v>4</v>
      </c>
      <c r="M32" s="259">
        <v>4</v>
      </c>
      <c r="N32" s="253">
        <v>0</v>
      </c>
      <c r="O32" s="257">
        <v>0</v>
      </c>
      <c r="P32" s="254">
        <v>0</v>
      </c>
      <c r="Q32" s="256">
        <v>0</v>
      </c>
      <c r="R32" s="257">
        <v>0</v>
      </c>
      <c r="S32" s="257">
        <v>0</v>
      </c>
      <c r="T32" s="257">
        <v>0</v>
      </c>
      <c r="U32" s="257">
        <v>0</v>
      </c>
      <c r="V32" s="257">
        <v>0</v>
      </c>
      <c r="W32" s="254">
        <v>0</v>
      </c>
      <c r="X32" s="259">
        <v>0</v>
      </c>
      <c r="Y32" s="253">
        <v>0</v>
      </c>
      <c r="Z32" s="257">
        <v>1</v>
      </c>
      <c r="AA32" s="254">
        <v>1</v>
      </c>
      <c r="AB32" s="256">
        <v>0</v>
      </c>
      <c r="AC32" s="257">
        <v>2</v>
      </c>
      <c r="AD32" s="257">
        <v>0</v>
      </c>
      <c r="AE32" s="257">
        <v>1</v>
      </c>
      <c r="AF32" s="257">
        <v>1</v>
      </c>
      <c r="AG32" s="257">
        <v>0</v>
      </c>
      <c r="AH32" s="254">
        <v>4</v>
      </c>
      <c r="AI32" s="259">
        <v>5</v>
      </c>
      <c r="AJ32" s="253">
        <v>0</v>
      </c>
      <c r="AK32" s="257">
        <v>0</v>
      </c>
      <c r="AL32" s="254">
        <v>0</v>
      </c>
      <c r="AM32" s="256">
        <v>0</v>
      </c>
      <c r="AN32" s="257">
        <v>0</v>
      </c>
      <c r="AO32" s="257">
        <v>0</v>
      </c>
      <c r="AP32" s="257">
        <v>0</v>
      </c>
      <c r="AQ32" s="257">
        <v>0</v>
      </c>
      <c r="AR32" s="257">
        <v>0</v>
      </c>
      <c r="AS32" s="254">
        <v>0</v>
      </c>
      <c r="AT32" s="259">
        <v>0</v>
      </c>
      <c r="AU32" s="253">
        <v>0</v>
      </c>
      <c r="AV32" s="257">
        <v>0</v>
      </c>
      <c r="AW32" s="254">
        <v>0</v>
      </c>
      <c r="AX32" s="256">
        <v>0</v>
      </c>
      <c r="AY32" s="257">
        <v>2</v>
      </c>
      <c r="AZ32" s="257">
        <v>2</v>
      </c>
      <c r="BA32" s="257">
        <v>0</v>
      </c>
      <c r="BB32" s="257">
        <v>2</v>
      </c>
      <c r="BC32" s="257">
        <v>0</v>
      </c>
      <c r="BD32" s="258">
        <v>6</v>
      </c>
      <c r="BE32" s="259">
        <v>6</v>
      </c>
      <c r="BF32" s="253">
        <v>0</v>
      </c>
      <c r="BG32" s="257">
        <v>0</v>
      </c>
      <c r="BH32" s="254">
        <v>0</v>
      </c>
      <c r="BI32" s="256">
        <v>0</v>
      </c>
      <c r="BJ32" s="257">
        <v>0</v>
      </c>
      <c r="BK32" s="257">
        <v>1</v>
      </c>
      <c r="BL32" s="257">
        <v>0</v>
      </c>
      <c r="BM32" s="257">
        <v>1</v>
      </c>
      <c r="BN32" s="257">
        <v>0</v>
      </c>
      <c r="BO32" s="254">
        <v>2</v>
      </c>
      <c r="BP32" s="259">
        <v>2</v>
      </c>
      <c r="BQ32" s="253">
        <v>2</v>
      </c>
      <c r="BR32" s="257">
        <v>1</v>
      </c>
      <c r="BS32" s="254">
        <v>3</v>
      </c>
      <c r="BT32" s="256">
        <v>0</v>
      </c>
      <c r="BU32" s="257">
        <v>0</v>
      </c>
      <c r="BV32" s="257">
        <v>1</v>
      </c>
      <c r="BW32" s="257">
        <v>0</v>
      </c>
      <c r="BX32" s="257">
        <v>0</v>
      </c>
      <c r="BY32" s="257">
        <v>0</v>
      </c>
      <c r="BZ32" s="254">
        <v>1</v>
      </c>
      <c r="CA32" s="259">
        <v>4</v>
      </c>
      <c r="CB32" s="253">
        <v>0</v>
      </c>
      <c r="CC32" s="257">
        <v>0</v>
      </c>
      <c r="CD32" s="254">
        <v>0</v>
      </c>
      <c r="CE32" s="256">
        <v>0</v>
      </c>
      <c r="CF32" s="257">
        <v>0</v>
      </c>
      <c r="CG32" s="257">
        <v>0</v>
      </c>
      <c r="CH32" s="257">
        <v>1</v>
      </c>
      <c r="CI32" s="257">
        <v>1</v>
      </c>
      <c r="CJ32" s="257">
        <v>0</v>
      </c>
      <c r="CK32" s="254">
        <v>2</v>
      </c>
      <c r="CL32" s="259">
        <v>2</v>
      </c>
      <c r="CM32" s="253">
        <v>0</v>
      </c>
      <c r="CN32" s="257">
        <v>0</v>
      </c>
      <c r="CO32" s="254">
        <v>0</v>
      </c>
      <c r="CP32" s="256">
        <v>0</v>
      </c>
      <c r="CQ32" s="257">
        <v>0</v>
      </c>
      <c r="CR32" s="257">
        <v>0</v>
      </c>
      <c r="CS32" s="257">
        <v>0</v>
      </c>
      <c r="CT32" s="257">
        <v>0</v>
      </c>
      <c r="CU32" s="257">
        <v>0</v>
      </c>
      <c r="CV32" s="254">
        <v>0</v>
      </c>
      <c r="CW32" s="259">
        <v>0</v>
      </c>
      <c r="CX32" s="253">
        <v>0</v>
      </c>
      <c r="CY32" s="257">
        <v>0</v>
      </c>
      <c r="CZ32" s="254">
        <v>0</v>
      </c>
      <c r="DA32" s="256">
        <v>0</v>
      </c>
      <c r="DB32" s="257">
        <v>0</v>
      </c>
      <c r="DC32" s="257">
        <v>0</v>
      </c>
      <c r="DD32" s="257">
        <v>0</v>
      </c>
      <c r="DE32" s="257">
        <v>0</v>
      </c>
      <c r="DF32" s="257">
        <v>0</v>
      </c>
      <c r="DG32" s="254">
        <v>0</v>
      </c>
      <c r="DH32" s="259">
        <v>0</v>
      </c>
      <c r="DI32" s="253">
        <v>0</v>
      </c>
      <c r="DJ32" s="257">
        <v>0</v>
      </c>
      <c r="DK32" s="254">
        <v>0</v>
      </c>
      <c r="DL32" s="256">
        <v>0</v>
      </c>
      <c r="DM32" s="257">
        <v>0</v>
      </c>
      <c r="DN32" s="257">
        <v>0</v>
      </c>
      <c r="DO32" s="257">
        <v>0</v>
      </c>
      <c r="DP32" s="257">
        <v>0</v>
      </c>
      <c r="DQ32" s="257">
        <v>0</v>
      </c>
      <c r="DR32" s="254">
        <v>0</v>
      </c>
      <c r="DS32" s="259">
        <v>0</v>
      </c>
      <c r="DT32" s="253">
        <v>2</v>
      </c>
      <c r="DU32" s="257">
        <v>1</v>
      </c>
      <c r="DV32" s="254">
        <v>3</v>
      </c>
      <c r="DW32" s="256">
        <v>0</v>
      </c>
      <c r="DX32" s="257">
        <v>1</v>
      </c>
      <c r="DY32" s="257">
        <v>2</v>
      </c>
      <c r="DZ32" s="257">
        <v>2</v>
      </c>
      <c r="EA32" s="257">
        <v>1</v>
      </c>
      <c r="EB32" s="257">
        <v>0</v>
      </c>
      <c r="EC32" s="254">
        <v>6</v>
      </c>
      <c r="ED32" s="259">
        <v>9</v>
      </c>
      <c r="EE32" s="253">
        <v>0</v>
      </c>
      <c r="EF32" s="257">
        <v>0</v>
      </c>
      <c r="EG32" s="254">
        <v>0</v>
      </c>
      <c r="EH32" s="256">
        <v>0</v>
      </c>
      <c r="EI32" s="257">
        <v>1</v>
      </c>
      <c r="EJ32" s="257">
        <v>1</v>
      </c>
      <c r="EK32" s="257">
        <v>0</v>
      </c>
      <c r="EL32" s="257">
        <v>0</v>
      </c>
      <c r="EM32" s="257">
        <v>0</v>
      </c>
      <c r="EN32" s="254">
        <v>2</v>
      </c>
      <c r="EO32" s="259">
        <v>2</v>
      </c>
      <c r="EP32" s="253">
        <v>3</v>
      </c>
      <c r="EQ32" s="257">
        <v>2</v>
      </c>
      <c r="ER32" s="254">
        <v>5</v>
      </c>
      <c r="ES32" s="256">
        <v>0</v>
      </c>
      <c r="ET32" s="257">
        <v>3</v>
      </c>
      <c r="EU32" s="257">
        <v>3</v>
      </c>
      <c r="EV32" s="257">
        <v>2</v>
      </c>
      <c r="EW32" s="257">
        <v>1</v>
      </c>
      <c r="EX32" s="257">
        <v>0</v>
      </c>
      <c r="EY32" s="254">
        <v>9</v>
      </c>
      <c r="EZ32" s="259">
        <v>14</v>
      </c>
    </row>
    <row r="33" spans="2:156" ht="21" customHeight="1" x14ac:dyDescent="0.2">
      <c r="B33" s="437" t="s">
        <v>31</v>
      </c>
      <c r="C33" s="253">
        <v>0</v>
      </c>
      <c r="D33" s="257">
        <v>0</v>
      </c>
      <c r="E33" s="340">
        <v>0</v>
      </c>
      <c r="F33" s="256">
        <v>0</v>
      </c>
      <c r="G33" s="257">
        <v>0</v>
      </c>
      <c r="H33" s="257">
        <v>0</v>
      </c>
      <c r="I33" s="257">
        <v>1</v>
      </c>
      <c r="J33" s="257">
        <v>0</v>
      </c>
      <c r="K33" s="257">
        <v>0</v>
      </c>
      <c r="L33" s="258">
        <v>1</v>
      </c>
      <c r="M33" s="259">
        <v>1</v>
      </c>
      <c r="N33" s="253">
        <v>0</v>
      </c>
      <c r="O33" s="257">
        <v>0</v>
      </c>
      <c r="P33" s="254">
        <v>0</v>
      </c>
      <c r="Q33" s="256">
        <v>0</v>
      </c>
      <c r="R33" s="257">
        <v>0</v>
      </c>
      <c r="S33" s="257">
        <v>1</v>
      </c>
      <c r="T33" s="257">
        <v>1</v>
      </c>
      <c r="U33" s="257">
        <v>0</v>
      </c>
      <c r="V33" s="257">
        <v>0</v>
      </c>
      <c r="W33" s="254">
        <v>2</v>
      </c>
      <c r="X33" s="259">
        <v>2</v>
      </c>
      <c r="Y33" s="253">
        <v>0</v>
      </c>
      <c r="Z33" s="257">
        <v>0</v>
      </c>
      <c r="AA33" s="254">
        <v>0</v>
      </c>
      <c r="AB33" s="256">
        <v>0</v>
      </c>
      <c r="AC33" s="257">
        <v>1</v>
      </c>
      <c r="AD33" s="257">
        <v>0</v>
      </c>
      <c r="AE33" s="257">
        <v>3</v>
      </c>
      <c r="AF33" s="257">
        <v>0</v>
      </c>
      <c r="AG33" s="257">
        <v>0</v>
      </c>
      <c r="AH33" s="254">
        <v>4</v>
      </c>
      <c r="AI33" s="259">
        <v>4</v>
      </c>
      <c r="AJ33" s="253">
        <v>0</v>
      </c>
      <c r="AK33" s="257">
        <v>0</v>
      </c>
      <c r="AL33" s="254">
        <v>0</v>
      </c>
      <c r="AM33" s="256">
        <v>0</v>
      </c>
      <c r="AN33" s="257">
        <v>0</v>
      </c>
      <c r="AO33" s="257">
        <v>0</v>
      </c>
      <c r="AP33" s="257">
        <v>0</v>
      </c>
      <c r="AQ33" s="257">
        <v>0</v>
      </c>
      <c r="AR33" s="257">
        <v>0</v>
      </c>
      <c r="AS33" s="254">
        <v>0</v>
      </c>
      <c r="AT33" s="259">
        <v>0</v>
      </c>
      <c r="AU33" s="253">
        <v>0</v>
      </c>
      <c r="AV33" s="257">
        <v>0</v>
      </c>
      <c r="AW33" s="254">
        <v>0</v>
      </c>
      <c r="AX33" s="256">
        <v>0</v>
      </c>
      <c r="AY33" s="257">
        <v>0</v>
      </c>
      <c r="AZ33" s="257">
        <v>0</v>
      </c>
      <c r="BA33" s="257">
        <v>0</v>
      </c>
      <c r="BB33" s="257">
        <v>2</v>
      </c>
      <c r="BC33" s="257">
        <v>1</v>
      </c>
      <c r="BD33" s="258">
        <v>3</v>
      </c>
      <c r="BE33" s="259">
        <v>3</v>
      </c>
      <c r="BF33" s="253">
        <v>0</v>
      </c>
      <c r="BG33" s="257">
        <v>0</v>
      </c>
      <c r="BH33" s="254">
        <v>0</v>
      </c>
      <c r="BI33" s="256">
        <v>0</v>
      </c>
      <c r="BJ33" s="257">
        <v>3</v>
      </c>
      <c r="BK33" s="257">
        <v>0</v>
      </c>
      <c r="BL33" s="257">
        <v>1</v>
      </c>
      <c r="BM33" s="257">
        <v>0</v>
      </c>
      <c r="BN33" s="257">
        <v>0</v>
      </c>
      <c r="BO33" s="254">
        <v>4</v>
      </c>
      <c r="BP33" s="259">
        <v>4</v>
      </c>
      <c r="BQ33" s="253">
        <v>0</v>
      </c>
      <c r="BR33" s="257">
        <v>0</v>
      </c>
      <c r="BS33" s="254">
        <v>0</v>
      </c>
      <c r="BT33" s="256">
        <v>0</v>
      </c>
      <c r="BU33" s="257">
        <v>1</v>
      </c>
      <c r="BV33" s="257">
        <v>1</v>
      </c>
      <c r="BW33" s="257">
        <v>2</v>
      </c>
      <c r="BX33" s="257">
        <v>0</v>
      </c>
      <c r="BY33" s="257">
        <v>0</v>
      </c>
      <c r="BZ33" s="254">
        <v>4</v>
      </c>
      <c r="CA33" s="259">
        <v>4</v>
      </c>
      <c r="CB33" s="253">
        <v>0</v>
      </c>
      <c r="CC33" s="257">
        <v>0</v>
      </c>
      <c r="CD33" s="254">
        <v>0</v>
      </c>
      <c r="CE33" s="256">
        <v>0</v>
      </c>
      <c r="CF33" s="257">
        <v>0</v>
      </c>
      <c r="CG33" s="257">
        <v>0</v>
      </c>
      <c r="CH33" s="257">
        <v>2</v>
      </c>
      <c r="CI33" s="257">
        <v>1</v>
      </c>
      <c r="CJ33" s="257">
        <v>0</v>
      </c>
      <c r="CK33" s="254">
        <v>3</v>
      </c>
      <c r="CL33" s="259">
        <v>3</v>
      </c>
      <c r="CM33" s="253">
        <v>0</v>
      </c>
      <c r="CN33" s="257">
        <v>0</v>
      </c>
      <c r="CO33" s="254">
        <v>0</v>
      </c>
      <c r="CP33" s="256">
        <v>0</v>
      </c>
      <c r="CQ33" s="257">
        <v>0</v>
      </c>
      <c r="CR33" s="257">
        <v>0</v>
      </c>
      <c r="CS33" s="257">
        <v>0</v>
      </c>
      <c r="CT33" s="257">
        <v>0</v>
      </c>
      <c r="CU33" s="257">
        <v>0</v>
      </c>
      <c r="CV33" s="254">
        <v>0</v>
      </c>
      <c r="CW33" s="259">
        <v>0</v>
      </c>
      <c r="CX33" s="253">
        <v>0</v>
      </c>
      <c r="CY33" s="257">
        <v>0</v>
      </c>
      <c r="CZ33" s="254">
        <v>0</v>
      </c>
      <c r="DA33" s="256">
        <v>0</v>
      </c>
      <c r="DB33" s="257">
        <v>0</v>
      </c>
      <c r="DC33" s="257">
        <v>0</v>
      </c>
      <c r="DD33" s="257">
        <v>0</v>
      </c>
      <c r="DE33" s="257">
        <v>0</v>
      </c>
      <c r="DF33" s="257">
        <v>0</v>
      </c>
      <c r="DG33" s="254">
        <v>0</v>
      </c>
      <c r="DH33" s="259">
        <v>0</v>
      </c>
      <c r="DI33" s="253">
        <v>0</v>
      </c>
      <c r="DJ33" s="257">
        <v>0</v>
      </c>
      <c r="DK33" s="254">
        <v>0</v>
      </c>
      <c r="DL33" s="256">
        <v>0</v>
      </c>
      <c r="DM33" s="257">
        <v>0</v>
      </c>
      <c r="DN33" s="257">
        <v>0</v>
      </c>
      <c r="DO33" s="257">
        <v>0</v>
      </c>
      <c r="DP33" s="257">
        <v>0</v>
      </c>
      <c r="DQ33" s="257">
        <v>0</v>
      </c>
      <c r="DR33" s="254">
        <v>0</v>
      </c>
      <c r="DS33" s="259">
        <v>0</v>
      </c>
      <c r="DT33" s="253">
        <v>2</v>
      </c>
      <c r="DU33" s="257">
        <v>0</v>
      </c>
      <c r="DV33" s="254">
        <v>2</v>
      </c>
      <c r="DW33" s="256">
        <v>0</v>
      </c>
      <c r="DX33" s="257">
        <v>3</v>
      </c>
      <c r="DY33" s="257">
        <v>3</v>
      </c>
      <c r="DZ33" s="257">
        <v>5</v>
      </c>
      <c r="EA33" s="257">
        <v>1</v>
      </c>
      <c r="EB33" s="257">
        <v>0</v>
      </c>
      <c r="EC33" s="254">
        <v>12</v>
      </c>
      <c r="ED33" s="259">
        <v>14</v>
      </c>
      <c r="EE33" s="253">
        <v>0</v>
      </c>
      <c r="EF33" s="257">
        <v>0</v>
      </c>
      <c r="EG33" s="254">
        <v>0</v>
      </c>
      <c r="EH33" s="256">
        <v>0</v>
      </c>
      <c r="EI33" s="257">
        <v>0</v>
      </c>
      <c r="EJ33" s="257">
        <v>0</v>
      </c>
      <c r="EK33" s="257">
        <v>0</v>
      </c>
      <c r="EL33" s="257">
        <v>0</v>
      </c>
      <c r="EM33" s="257">
        <v>0</v>
      </c>
      <c r="EN33" s="254">
        <v>0</v>
      </c>
      <c r="EO33" s="259">
        <v>0</v>
      </c>
      <c r="EP33" s="253">
        <v>2</v>
      </c>
      <c r="EQ33" s="257">
        <v>0</v>
      </c>
      <c r="ER33" s="254">
        <v>2</v>
      </c>
      <c r="ES33" s="256">
        <v>0</v>
      </c>
      <c r="ET33" s="257">
        <v>5</v>
      </c>
      <c r="EU33" s="257">
        <v>4</v>
      </c>
      <c r="EV33" s="257">
        <v>6</v>
      </c>
      <c r="EW33" s="257">
        <v>1</v>
      </c>
      <c r="EX33" s="257">
        <v>0</v>
      </c>
      <c r="EY33" s="254">
        <v>16</v>
      </c>
      <c r="EZ33" s="259">
        <v>18</v>
      </c>
    </row>
    <row r="34" spans="2:156" ht="21" customHeight="1" x14ac:dyDescent="0.2">
      <c r="B34" s="437" t="s">
        <v>32</v>
      </c>
      <c r="C34" s="253">
        <v>0</v>
      </c>
      <c r="D34" s="257">
        <v>0</v>
      </c>
      <c r="E34" s="340">
        <v>0</v>
      </c>
      <c r="F34" s="256">
        <v>0</v>
      </c>
      <c r="G34" s="257">
        <v>2</v>
      </c>
      <c r="H34" s="257">
        <v>0</v>
      </c>
      <c r="I34" s="257">
        <v>0</v>
      </c>
      <c r="J34" s="257">
        <v>0</v>
      </c>
      <c r="K34" s="257">
        <v>1</v>
      </c>
      <c r="L34" s="258">
        <v>3</v>
      </c>
      <c r="M34" s="259">
        <v>3</v>
      </c>
      <c r="N34" s="253">
        <v>0</v>
      </c>
      <c r="O34" s="257">
        <v>0</v>
      </c>
      <c r="P34" s="254">
        <v>0</v>
      </c>
      <c r="Q34" s="256">
        <v>0</v>
      </c>
      <c r="R34" s="257">
        <v>0</v>
      </c>
      <c r="S34" s="257">
        <v>0</v>
      </c>
      <c r="T34" s="257">
        <v>0</v>
      </c>
      <c r="U34" s="257">
        <v>0</v>
      </c>
      <c r="V34" s="257">
        <v>1</v>
      </c>
      <c r="W34" s="254">
        <v>1</v>
      </c>
      <c r="X34" s="259">
        <v>1</v>
      </c>
      <c r="Y34" s="253">
        <v>0</v>
      </c>
      <c r="Z34" s="257">
        <v>0</v>
      </c>
      <c r="AA34" s="254">
        <v>0</v>
      </c>
      <c r="AB34" s="256">
        <v>0</v>
      </c>
      <c r="AC34" s="257">
        <v>4</v>
      </c>
      <c r="AD34" s="257">
        <v>4</v>
      </c>
      <c r="AE34" s="257">
        <v>0</v>
      </c>
      <c r="AF34" s="257">
        <v>0</v>
      </c>
      <c r="AG34" s="257">
        <v>0</v>
      </c>
      <c r="AH34" s="254">
        <v>8</v>
      </c>
      <c r="AI34" s="259">
        <v>8</v>
      </c>
      <c r="AJ34" s="253">
        <v>0</v>
      </c>
      <c r="AK34" s="257">
        <v>0</v>
      </c>
      <c r="AL34" s="254">
        <v>0</v>
      </c>
      <c r="AM34" s="256">
        <v>0</v>
      </c>
      <c r="AN34" s="257">
        <v>0</v>
      </c>
      <c r="AO34" s="257">
        <v>1</v>
      </c>
      <c r="AP34" s="257">
        <v>0</v>
      </c>
      <c r="AQ34" s="257">
        <v>0</v>
      </c>
      <c r="AR34" s="257">
        <v>0</v>
      </c>
      <c r="AS34" s="254">
        <v>1</v>
      </c>
      <c r="AT34" s="259">
        <v>1</v>
      </c>
      <c r="AU34" s="253">
        <v>0</v>
      </c>
      <c r="AV34" s="257">
        <v>0</v>
      </c>
      <c r="AW34" s="254">
        <v>0</v>
      </c>
      <c r="AX34" s="256">
        <v>0</v>
      </c>
      <c r="AY34" s="257">
        <v>1</v>
      </c>
      <c r="AZ34" s="257">
        <v>3</v>
      </c>
      <c r="BA34" s="257">
        <v>1</v>
      </c>
      <c r="BB34" s="257">
        <v>1</v>
      </c>
      <c r="BC34" s="257">
        <v>1</v>
      </c>
      <c r="BD34" s="258">
        <v>7</v>
      </c>
      <c r="BE34" s="259">
        <v>7</v>
      </c>
      <c r="BF34" s="253">
        <v>0</v>
      </c>
      <c r="BG34" s="257">
        <v>0</v>
      </c>
      <c r="BH34" s="254">
        <v>0</v>
      </c>
      <c r="BI34" s="256">
        <v>0</v>
      </c>
      <c r="BJ34" s="257">
        <v>2</v>
      </c>
      <c r="BK34" s="257">
        <v>6</v>
      </c>
      <c r="BL34" s="257">
        <v>1</v>
      </c>
      <c r="BM34" s="257">
        <v>0</v>
      </c>
      <c r="BN34" s="257">
        <v>0</v>
      </c>
      <c r="BO34" s="254">
        <v>9</v>
      </c>
      <c r="BP34" s="259">
        <v>9</v>
      </c>
      <c r="BQ34" s="253">
        <v>0</v>
      </c>
      <c r="BR34" s="257">
        <v>0</v>
      </c>
      <c r="BS34" s="254">
        <v>0</v>
      </c>
      <c r="BT34" s="256">
        <v>0</v>
      </c>
      <c r="BU34" s="257">
        <v>0</v>
      </c>
      <c r="BV34" s="257">
        <v>1</v>
      </c>
      <c r="BW34" s="257">
        <v>1</v>
      </c>
      <c r="BX34" s="257">
        <v>0</v>
      </c>
      <c r="BY34" s="257">
        <v>0</v>
      </c>
      <c r="BZ34" s="254">
        <v>2</v>
      </c>
      <c r="CA34" s="259">
        <v>2</v>
      </c>
      <c r="CB34" s="253">
        <v>0</v>
      </c>
      <c r="CC34" s="257">
        <v>0</v>
      </c>
      <c r="CD34" s="254">
        <v>0</v>
      </c>
      <c r="CE34" s="256">
        <v>0</v>
      </c>
      <c r="CF34" s="257">
        <v>1</v>
      </c>
      <c r="CG34" s="257">
        <v>2</v>
      </c>
      <c r="CH34" s="257">
        <v>1</v>
      </c>
      <c r="CI34" s="257">
        <v>0</v>
      </c>
      <c r="CJ34" s="257">
        <v>0</v>
      </c>
      <c r="CK34" s="254">
        <v>4</v>
      </c>
      <c r="CL34" s="259">
        <v>4</v>
      </c>
      <c r="CM34" s="253">
        <v>0</v>
      </c>
      <c r="CN34" s="257">
        <v>0</v>
      </c>
      <c r="CO34" s="254">
        <v>0</v>
      </c>
      <c r="CP34" s="256">
        <v>0</v>
      </c>
      <c r="CQ34" s="257">
        <v>0</v>
      </c>
      <c r="CR34" s="257">
        <v>0</v>
      </c>
      <c r="CS34" s="257">
        <v>0</v>
      </c>
      <c r="CT34" s="257">
        <v>0</v>
      </c>
      <c r="CU34" s="257">
        <v>0</v>
      </c>
      <c r="CV34" s="254">
        <v>0</v>
      </c>
      <c r="CW34" s="259">
        <v>0</v>
      </c>
      <c r="CX34" s="253">
        <v>0</v>
      </c>
      <c r="CY34" s="257">
        <v>0</v>
      </c>
      <c r="CZ34" s="254">
        <v>0</v>
      </c>
      <c r="DA34" s="256">
        <v>0</v>
      </c>
      <c r="DB34" s="257">
        <v>0</v>
      </c>
      <c r="DC34" s="257">
        <v>0</v>
      </c>
      <c r="DD34" s="257">
        <v>0</v>
      </c>
      <c r="DE34" s="257">
        <v>0</v>
      </c>
      <c r="DF34" s="257">
        <v>0</v>
      </c>
      <c r="DG34" s="254">
        <v>0</v>
      </c>
      <c r="DH34" s="259">
        <v>0</v>
      </c>
      <c r="DI34" s="253">
        <v>0</v>
      </c>
      <c r="DJ34" s="257">
        <v>0</v>
      </c>
      <c r="DK34" s="254">
        <v>0</v>
      </c>
      <c r="DL34" s="256">
        <v>0</v>
      </c>
      <c r="DM34" s="257">
        <v>0</v>
      </c>
      <c r="DN34" s="257">
        <v>0</v>
      </c>
      <c r="DO34" s="257">
        <v>0</v>
      </c>
      <c r="DP34" s="257">
        <v>0</v>
      </c>
      <c r="DQ34" s="257">
        <v>0</v>
      </c>
      <c r="DR34" s="254">
        <v>0</v>
      </c>
      <c r="DS34" s="259">
        <v>0</v>
      </c>
      <c r="DT34" s="253">
        <v>0</v>
      </c>
      <c r="DU34" s="257">
        <v>3</v>
      </c>
      <c r="DV34" s="254">
        <v>3</v>
      </c>
      <c r="DW34" s="256">
        <v>0</v>
      </c>
      <c r="DX34" s="257">
        <v>5</v>
      </c>
      <c r="DY34" s="257">
        <v>7</v>
      </c>
      <c r="DZ34" s="257">
        <v>2</v>
      </c>
      <c r="EA34" s="257">
        <v>1</v>
      </c>
      <c r="EB34" s="257">
        <v>1</v>
      </c>
      <c r="EC34" s="254">
        <v>16</v>
      </c>
      <c r="ED34" s="259">
        <v>19</v>
      </c>
      <c r="EE34" s="253">
        <v>0</v>
      </c>
      <c r="EF34" s="257">
        <v>0</v>
      </c>
      <c r="EG34" s="254">
        <v>0</v>
      </c>
      <c r="EH34" s="256">
        <v>0</v>
      </c>
      <c r="EI34" s="257">
        <v>1</v>
      </c>
      <c r="EJ34" s="257">
        <v>2</v>
      </c>
      <c r="EK34" s="257">
        <v>1</v>
      </c>
      <c r="EL34" s="257">
        <v>1</v>
      </c>
      <c r="EM34" s="257">
        <v>1</v>
      </c>
      <c r="EN34" s="254">
        <v>6</v>
      </c>
      <c r="EO34" s="259">
        <v>6</v>
      </c>
      <c r="EP34" s="253">
        <v>0</v>
      </c>
      <c r="EQ34" s="257">
        <v>3</v>
      </c>
      <c r="ER34" s="254">
        <v>3</v>
      </c>
      <c r="ES34" s="256">
        <v>0</v>
      </c>
      <c r="ET34" s="257">
        <v>8</v>
      </c>
      <c r="EU34" s="257">
        <v>12</v>
      </c>
      <c r="EV34" s="257">
        <v>2</v>
      </c>
      <c r="EW34" s="257">
        <v>1</v>
      </c>
      <c r="EX34" s="257">
        <v>1</v>
      </c>
      <c r="EY34" s="254">
        <v>24</v>
      </c>
      <c r="EZ34" s="259">
        <v>27</v>
      </c>
    </row>
    <row r="35" spans="2:156" ht="21" customHeight="1" x14ac:dyDescent="0.2">
      <c r="B35" s="437" t="s">
        <v>33</v>
      </c>
      <c r="C35" s="253">
        <v>0</v>
      </c>
      <c r="D35" s="257">
        <v>0</v>
      </c>
      <c r="E35" s="340">
        <v>0</v>
      </c>
      <c r="F35" s="256">
        <v>0</v>
      </c>
      <c r="G35" s="257">
        <v>1</v>
      </c>
      <c r="H35" s="257">
        <v>0</v>
      </c>
      <c r="I35" s="257">
        <v>0</v>
      </c>
      <c r="J35" s="257">
        <v>0</v>
      </c>
      <c r="K35" s="257">
        <v>0</v>
      </c>
      <c r="L35" s="258">
        <v>1</v>
      </c>
      <c r="M35" s="259">
        <v>1</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2</v>
      </c>
      <c r="AD35" s="257">
        <v>0</v>
      </c>
      <c r="AE35" s="257">
        <v>0</v>
      </c>
      <c r="AF35" s="257">
        <v>0</v>
      </c>
      <c r="AG35" s="257">
        <v>0</v>
      </c>
      <c r="AH35" s="254">
        <v>2</v>
      </c>
      <c r="AI35" s="259">
        <v>2</v>
      </c>
      <c r="AJ35" s="253">
        <v>3</v>
      </c>
      <c r="AK35" s="257">
        <v>1</v>
      </c>
      <c r="AL35" s="254">
        <v>4</v>
      </c>
      <c r="AM35" s="256">
        <v>0</v>
      </c>
      <c r="AN35" s="257">
        <v>0</v>
      </c>
      <c r="AO35" s="257">
        <v>0</v>
      </c>
      <c r="AP35" s="257">
        <v>0</v>
      </c>
      <c r="AQ35" s="257">
        <v>0</v>
      </c>
      <c r="AR35" s="257">
        <v>0</v>
      </c>
      <c r="AS35" s="254">
        <v>0</v>
      </c>
      <c r="AT35" s="259">
        <v>4</v>
      </c>
      <c r="AU35" s="253">
        <v>0</v>
      </c>
      <c r="AV35" s="257">
        <v>0</v>
      </c>
      <c r="AW35" s="254">
        <v>0</v>
      </c>
      <c r="AX35" s="256">
        <v>0</v>
      </c>
      <c r="AY35" s="257">
        <v>1</v>
      </c>
      <c r="AZ35" s="257">
        <v>1</v>
      </c>
      <c r="BA35" s="257">
        <v>2</v>
      </c>
      <c r="BB35" s="257">
        <v>0</v>
      </c>
      <c r="BC35" s="257">
        <v>0</v>
      </c>
      <c r="BD35" s="258">
        <v>4</v>
      </c>
      <c r="BE35" s="259">
        <v>4</v>
      </c>
      <c r="BF35" s="253">
        <v>0</v>
      </c>
      <c r="BG35" s="257">
        <v>0</v>
      </c>
      <c r="BH35" s="254">
        <v>0</v>
      </c>
      <c r="BI35" s="256">
        <v>0</v>
      </c>
      <c r="BJ35" s="257">
        <v>1</v>
      </c>
      <c r="BK35" s="257">
        <v>0</v>
      </c>
      <c r="BL35" s="257">
        <v>0</v>
      </c>
      <c r="BM35" s="257">
        <v>0</v>
      </c>
      <c r="BN35" s="257">
        <v>0</v>
      </c>
      <c r="BO35" s="254">
        <v>1</v>
      </c>
      <c r="BP35" s="259">
        <v>1</v>
      </c>
      <c r="BQ35" s="253">
        <v>0</v>
      </c>
      <c r="BR35" s="257">
        <v>1</v>
      </c>
      <c r="BS35" s="254">
        <v>1</v>
      </c>
      <c r="BT35" s="256">
        <v>0</v>
      </c>
      <c r="BU35" s="257">
        <v>0</v>
      </c>
      <c r="BV35" s="257">
        <v>0</v>
      </c>
      <c r="BW35" s="257">
        <v>0</v>
      </c>
      <c r="BX35" s="257">
        <v>0</v>
      </c>
      <c r="BY35" s="257">
        <v>0</v>
      </c>
      <c r="BZ35" s="254">
        <v>0</v>
      </c>
      <c r="CA35" s="259">
        <v>1</v>
      </c>
      <c r="CB35" s="253">
        <v>0</v>
      </c>
      <c r="CC35" s="257">
        <v>0</v>
      </c>
      <c r="CD35" s="254">
        <v>0</v>
      </c>
      <c r="CE35" s="256">
        <v>0</v>
      </c>
      <c r="CF35" s="257">
        <v>1</v>
      </c>
      <c r="CG35" s="257">
        <v>0</v>
      </c>
      <c r="CH35" s="257">
        <v>0</v>
      </c>
      <c r="CI35" s="257">
        <v>0</v>
      </c>
      <c r="CJ35" s="257">
        <v>0</v>
      </c>
      <c r="CK35" s="254">
        <v>1</v>
      </c>
      <c r="CL35" s="259">
        <v>1</v>
      </c>
      <c r="CM35" s="253">
        <v>0</v>
      </c>
      <c r="CN35" s="257">
        <v>0</v>
      </c>
      <c r="CO35" s="254">
        <v>0</v>
      </c>
      <c r="CP35" s="256">
        <v>0</v>
      </c>
      <c r="CQ35" s="257">
        <v>0</v>
      </c>
      <c r="CR35" s="257">
        <v>0</v>
      </c>
      <c r="CS35" s="257">
        <v>0</v>
      </c>
      <c r="CT35" s="257">
        <v>0</v>
      </c>
      <c r="CU35" s="257">
        <v>0</v>
      </c>
      <c r="CV35" s="254">
        <v>0</v>
      </c>
      <c r="CW35" s="259">
        <v>0</v>
      </c>
      <c r="CX35" s="253">
        <v>0</v>
      </c>
      <c r="CY35" s="257">
        <v>0</v>
      </c>
      <c r="CZ35" s="254">
        <v>0</v>
      </c>
      <c r="DA35" s="256">
        <v>0</v>
      </c>
      <c r="DB35" s="257">
        <v>0</v>
      </c>
      <c r="DC35" s="257">
        <v>0</v>
      </c>
      <c r="DD35" s="257">
        <v>0</v>
      </c>
      <c r="DE35" s="257">
        <v>0</v>
      </c>
      <c r="DF35" s="257">
        <v>0</v>
      </c>
      <c r="DG35" s="254">
        <v>0</v>
      </c>
      <c r="DH35" s="259">
        <v>0</v>
      </c>
      <c r="DI35" s="253">
        <v>0</v>
      </c>
      <c r="DJ35" s="257">
        <v>0</v>
      </c>
      <c r="DK35" s="254">
        <v>0</v>
      </c>
      <c r="DL35" s="256">
        <v>0</v>
      </c>
      <c r="DM35" s="257">
        <v>0</v>
      </c>
      <c r="DN35" s="257">
        <v>0</v>
      </c>
      <c r="DO35" s="257">
        <v>0</v>
      </c>
      <c r="DP35" s="257">
        <v>0</v>
      </c>
      <c r="DQ35" s="257">
        <v>0</v>
      </c>
      <c r="DR35" s="254">
        <v>0</v>
      </c>
      <c r="DS35" s="259">
        <v>0</v>
      </c>
      <c r="DT35" s="253">
        <v>2</v>
      </c>
      <c r="DU35" s="257">
        <v>0</v>
      </c>
      <c r="DV35" s="254">
        <v>2</v>
      </c>
      <c r="DW35" s="256">
        <v>0</v>
      </c>
      <c r="DX35" s="257">
        <v>1</v>
      </c>
      <c r="DY35" s="257">
        <v>0</v>
      </c>
      <c r="DZ35" s="257">
        <v>1</v>
      </c>
      <c r="EA35" s="257">
        <v>0</v>
      </c>
      <c r="EB35" s="257">
        <v>0</v>
      </c>
      <c r="EC35" s="254">
        <v>2</v>
      </c>
      <c r="ED35" s="259">
        <v>4</v>
      </c>
      <c r="EE35" s="253">
        <v>0</v>
      </c>
      <c r="EF35" s="257">
        <v>0</v>
      </c>
      <c r="EG35" s="254">
        <v>0</v>
      </c>
      <c r="EH35" s="256">
        <v>0</v>
      </c>
      <c r="EI35" s="257">
        <v>0</v>
      </c>
      <c r="EJ35" s="257">
        <v>1</v>
      </c>
      <c r="EK35" s="257">
        <v>0</v>
      </c>
      <c r="EL35" s="257">
        <v>0</v>
      </c>
      <c r="EM35" s="257">
        <v>0</v>
      </c>
      <c r="EN35" s="254">
        <v>1</v>
      </c>
      <c r="EO35" s="259">
        <v>1</v>
      </c>
      <c r="EP35" s="253">
        <v>3</v>
      </c>
      <c r="EQ35" s="257">
        <v>2</v>
      </c>
      <c r="ER35" s="254">
        <v>5</v>
      </c>
      <c r="ES35" s="256">
        <v>0</v>
      </c>
      <c r="ET35" s="257">
        <v>3</v>
      </c>
      <c r="EU35" s="257">
        <v>0</v>
      </c>
      <c r="EV35" s="257">
        <v>0</v>
      </c>
      <c r="EW35" s="257">
        <v>0</v>
      </c>
      <c r="EX35" s="257">
        <v>0</v>
      </c>
      <c r="EY35" s="254">
        <v>3</v>
      </c>
      <c r="EZ35" s="259">
        <v>8</v>
      </c>
    </row>
    <row r="36" spans="2:156" ht="21" customHeight="1" x14ac:dyDescent="0.2">
      <c r="B36" s="437" t="s">
        <v>34</v>
      </c>
      <c r="C36" s="253">
        <v>0</v>
      </c>
      <c r="D36" s="257">
        <v>0</v>
      </c>
      <c r="E36" s="340">
        <v>0</v>
      </c>
      <c r="F36" s="256">
        <v>0</v>
      </c>
      <c r="G36" s="257">
        <v>0</v>
      </c>
      <c r="H36" s="257">
        <v>1</v>
      </c>
      <c r="I36" s="257">
        <v>0</v>
      </c>
      <c r="J36" s="257">
        <v>0</v>
      </c>
      <c r="K36" s="257">
        <v>0</v>
      </c>
      <c r="L36" s="258">
        <v>1</v>
      </c>
      <c r="M36" s="259">
        <v>1</v>
      </c>
      <c r="N36" s="253">
        <v>0</v>
      </c>
      <c r="O36" s="257">
        <v>0</v>
      </c>
      <c r="P36" s="254">
        <v>0</v>
      </c>
      <c r="Q36" s="256">
        <v>0</v>
      </c>
      <c r="R36" s="257">
        <v>0</v>
      </c>
      <c r="S36" s="257">
        <v>0</v>
      </c>
      <c r="T36" s="257">
        <v>0</v>
      </c>
      <c r="U36" s="257">
        <v>0</v>
      </c>
      <c r="V36" s="257">
        <v>0</v>
      </c>
      <c r="W36" s="254">
        <v>0</v>
      </c>
      <c r="X36" s="259">
        <v>0</v>
      </c>
      <c r="Y36" s="253">
        <v>0</v>
      </c>
      <c r="Z36" s="257">
        <v>0</v>
      </c>
      <c r="AA36" s="254">
        <v>0</v>
      </c>
      <c r="AB36" s="256">
        <v>0</v>
      </c>
      <c r="AC36" s="257">
        <v>1</v>
      </c>
      <c r="AD36" s="257">
        <v>2</v>
      </c>
      <c r="AE36" s="257">
        <v>0</v>
      </c>
      <c r="AF36" s="257">
        <v>1</v>
      </c>
      <c r="AG36" s="257">
        <v>0</v>
      </c>
      <c r="AH36" s="254">
        <v>4</v>
      </c>
      <c r="AI36" s="259">
        <v>4</v>
      </c>
      <c r="AJ36" s="253">
        <v>0</v>
      </c>
      <c r="AK36" s="257">
        <v>0</v>
      </c>
      <c r="AL36" s="254">
        <v>0</v>
      </c>
      <c r="AM36" s="256">
        <v>0</v>
      </c>
      <c r="AN36" s="257">
        <v>0</v>
      </c>
      <c r="AO36" s="257">
        <v>0</v>
      </c>
      <c r="AP36" s="257">
        <v>0</v>
      </c>
      <c r="AQ36" s="257">
        <v>0</v>
      </c>
      <c r="AR36" s="257">
        <v>0</v>
      </c>
      <c r="AS36" s="254">
        <v>0</v>
      </c>
      <c r="AT36" s="259">
        <v>0</v>
      </c>
      <c r="AU36" s="253">
        <v>0</v>
      </c>
      <c r="AV36" s="257">
        <v>0</v>
      </c>
      <c r="AW36" s="254">
        <v>0</v>
      </c>
      <c r="AX36" s="256">
        <v>0</v>
      </c>
      <c r="AY36" s="257">
        <v>0</v>
      </c>
      <c r="AZ36" s="257">
        <v>4</v>
      </c>
      <c r="BA36" s="257">
        <v>0</v>
      </c>
      <c r="BB36" s="257">
        <v>0</v>
      </c>
      <c r="BC36" s="257">
        <v>2</v>
      </c>
      <c r="BD36" s="258">
        <v>6</v>
      </c>
      <c r="BE36" s="259">
        <v>6</v>
      </c>
      <c r="BF36" s="253">
        <v>0</v>
      </c>
      <c r="BG36" s="257">
        <v>0</v>
      </c>
      <c r="BH36" s="254">
        <v>0</v>
      </c>
      <c r="BI36" s="256">
        <v>0</v>
      </c>
      <c r="BJ36" s="257">
        <v>0</v>
      </c>
      <c r="BK36" s="257">
        <v>3</v>
      </c>
      <c r="BL36" s="257">
        <v>0</v>
      </c>
      <c r="BM36" s="257">
        <v>0</v>
      </c>
      <c r="BN36" s="257">
        <v>0</v>
      </c>
      <c r="BO36" s="254">
        <v>3</v>
      </c>
      <c r="BP36" s="259">
        <v>3</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0</v>
      </c>
      <c r="CR36" s="257">
        <v>0</v>
      </c>
      <c r="CS36" s="257">
        <v>0</v>
      </c>
      <c r="CT36" s="257">
        <v>0</v>
      </c>
      <c r="CU36" s="257">
        <v>0</v>
      </c>
      <c r="CV36" s="254">
        <v>0</v>
      </c>
      <c r="CW36" s="259">
        <v>0</v>
      </c>
      <c r="CX36" s="253">
        <v>0</v>
      </c>
      <c r="CY36" s="257">
        <v>0</v>
      </c>
      <c r="CZ36" s="254">
        <v>0</v>
      </c>
      <c r="DA36" s="256">
        <v>0</v>
      </c>
      <c r="DB36" s="257">
        <v>0</v>
      </c>
      <c r="DC36" s="257">
        <v>0</v>
      </c>
      <c r="DD36" s="257">
        <v>0</v>
      </c>
      <c r="DE36" s="257">
        <v>0</v>
      </c>
      <c r="DF36" s="257">
        <v>0</v>
      </c>
      <c r="DG36" s="254">
        <v>0</v>
      </c>
      <c r="DH36" s="259">
        <v>0</v>
      </c>
      <c r="DI36" s="253">
        <v>0</v>
      </c>
      <c r="DJ36" s="257">
        <v>0</v>
      </c>
      <c r="DK36" s="254">
        <v>0</v>
      </c>
      <c r="DL36" s="256">
        <v>0</v>
      </c>
      <c r="DM36" s="257">
        <v>0</v>
      </c>
      <c r="DN36" s="257">
        <v>0</v>
      </c>
      <c r="DO36" s="257">
        <v>0</v>
      </c>
      <c r="DP36" s="257">
        <v>0</v>
      </c>
      <c r="DQ36" s="257">
        <v>0</v>
      </c>
      <c r="DR36" s="254">
        <v>0</v>
      </c>
      <c r="DS36" s="259">
        <v>0</v>
      </c>
      <c r="DT36" s="253">
        <v>0</v>
      </c>
      <c r="DU36" s="257">
        <v>1</v>
      </c>
      <c r="DV36" s="254">
        <v>1</v>
      </c>
      <c r="DW36" s="256">
        <v>0</v>
      </c>
      <c r="DX36" s="257">
        <v>2</v>
      </c>
      <c r="DY36" s="257">
        <v>5</v>
      </c>
      <c r="DZ36" s="257">
        <v>1</v>
      </c>
      <c r="EA36" s="257">
        <v>1</v>
      </c>
      <c r="EB36" s="257">
        <v>0</v>
      </c>
      <c r="EC36" s="254">
        <v>9</v>
      </c>
      <c r="ED36" s="259">
        <v>10</v>
      </c>
      <c r="EE36" s="253">
        <v>0</v>
      </c>
      <c r="EF36" s="257">
        <v>0</v>
      </c>
      <c r="EG36" s="254">
        <v>0</v>
      </c>
      <c r="EH36" s="256">
        <v>0</v>
      </c>
      <c r="EI36" s="257">
        <v>0</v>
      </c>
      <c r="EJ36" s="257">
        <v>1</v>
      </c>
      <c r="EK36" s="257">
        <v>0</v>
      </c>
      <c r="EL36" s="257">
        <v>0</v>
      </c>
      <c r="EM36" s="257">
        <v>2</v>
      </c>
      <c r="EN36" s="254">
        <v>3</v>
      </c>
      <c r="EO36" s="259">
        <v>3</v>
      </c>
      <c r="EP36" s="253">
        <v>0</v>
      </c>
      <c r="EQ36" s="257">
        <v>1</v>
      </c>
      <c r="ER36" s="254">
        <v>1</v>
      </c>
      <c r="ES36" s="256">
        <v>0</v>
      </c>
      <c r="ET36" s="257">
        <v>2</v>
      </c>
      <c r="EU36" s="257">
        <v>8</v>
      </c>
      <c r="EV36" s="257">
        <v>0</v>
      </c>
      <c r="EW36" s="257">
        <v>1</v>
      </c>
      <c r="EX36" s="257">
        <v>0</v>
      </c>
      <c r="EY36" s="254">
        <v>11</v>
      </c>
      <c r="EZ36" s="259">
        <v>12</v>
      </c>
    </row>
    <row r="37" spans="2:156" ht="21" customHeight="1" x14ac:dyDescent="0.2">
      <c r="B37" s="437" t="s">
        <v>35</v>
      </c>
      <c r="C37" s="253">
        <v>0</v>
      </c>
      <c r="D37" s="257">
        <v>0</v>
      </c>
      <c r="E37" s="340">
        <v>0</v>
      </c>
      <c r="F37" s="256">
        <v>0</v>
      </c>
      <c r="G37" s="257">
        <v>2</v>
      </c>
      <c r="H37" s="257">
        <v>1</v>
      </c>
      <c r="I37" s="257">
        <v>2</v>
      </c>
      <c r="J37" s="257">
        <v>1</v>
      </c>
      <c r="K37" s="257">
        <v>0</v>
      </c>
      <c r="L37" s="258">
        <v>6</v>
      </c>
      <c r="M37" s="259">
        <v>6</v>
      </c>
      <c r="N37" s="253">
        <v>0</v>
      </c>
      <c r="O37" s="257">
        <v>0</v>
      </c>
      <c r="P37" s="254">
        <v>0</v>
      </c>
      <c r="Q37" s="256">
        <v>0</v>
      </c>
      <c r="R37" s="257">
        <v>0</v>
      </c>
      <c r="S37" s="257">
        <v>0</v>
      </c>
      <c r="T37" s="257">
        <v>0</v>
      </c>
      <c r="U37" s="257">
        <v>1</v>
      </c>
      <c r="V37" s="257">
        <v>0</v>
      </c>
      <c r="W37" s="254">
        <v>1</v>
      </c>
      <c r="X37" s="259">
        <v>1</v>
      </c>
      <c r="Y37" s="253">
        <v>0</v>
      </c>
      <c r="Z37" s="257">
        <v>0</v>
      </c>
      <c r="AA37" s="254">
        <v>0</v>
      </c>
      <c r="AB37" s="256">
        <v>0</v>
      </c>
      <c r="AC37" s="257">
        <v>1</v>
      </c>
      <c r="AD37" s="257">
        <v>0</v>
      </c>
      <c r="AE37" s="257">
        <v>1</v>
      </c>
      <c r="AF37" s="257">
        <v>0</v>
      </c>
      <c r="AG37" s="257">
        <v>0</v>
      </c>
      <c r="AH37" s="254">
        <v>2</v>
      </c>
      <c r="AI37" s="259">
        <v>2</v>
      </c>
      <c r="AJ37" s="253">
        <v>1</v>
      </c>
      <c r="AK37" s="257">
        <v>1</v>
      </c>
      <c r="AL37" s="254">
        <v>2</v>
      </c>
      <c r="AM37" s="256">
        <v>0</v>
      </c>
      <c r="AN37" s="257">
        <v>1</v>
      </c>
      <c r="AO37" s="257">
        <v>0</v>
      </c>
      <c r="AP37" s="257">
        <v>0</v>
      </c>
      <c r="AQ37" s="257">
        <v>0</v>
      </c>
      <c r="AR37" s="257">
        <v>0</v>
      </c>
      <c r="AS37" s="254">
        <v>1</v>
      </c>
      <c r="AT37" s="259">
        <v>3</v>
      </c>
      <c r="AU37" s="253">
        <v>1</v>
      </c>
      <c r="AV37" s="257">
        <v>0</v>
      </c>
      <c r="AW37" s="254">
        <v>1</v>
      </c>
      <c r="AX37" s="256">
        <v>0</v>
      </c>
      <c r="AY37" s="257">
        <v>10</v>
      </c>
      <c r="AZ37" s="257">
        <v>4</v>
      </c>
      <c r="BA37" s="257">
        <v>4</v>
      </c>
      <c r="BB37" s="257">
        <v>5</v>
      </c>
      <c r="BC37" s="257">
        <v>1</v>
      </c>
      <c r="BD37" s="258">
        <v>24</v>
      </c>
      <c r="BE37" s="259">
        <v>25</v>
      </c>
      <c r="BF37" s="253">
        <v>0</v>
      </c>
      <c r="BG37" s="257">
        <v>0</v>
      </c>
      <c r="BH37" s="254">
        <v>0</v>
      </c>
      <c r="BI37" s="256">
        <v>0</v>
      </c>
      <c r="BJ37" s="257">
        <v>2</v>
      </c>
      <c r="BK37" s="257">
        <v>4</v>
      </c>
      <c r="BL37" s="257">
        <v>4</v>
      </c>
      <c r="BM37" s="257">
        <v>0</v>
      </c>
      <c r="BN37" s="257">
        <v>0</v>
      </c>
      <c r="BO37" s="254">
        <v>10</v>
      </c>
      <c r="BP37" s="259">
        <v>10</v>
      </c>
      <c r="BQ37" s="253">
        <v>1</v>
      </c>
      <c r="BR37" s="257">
        <v>1</v>
      </c>
      <c r="BS37" s="254">
        <v>2</v>
      </c>
      <c r="BT37" s="256">
        <v>0</v>
      </c>
      <c r="BU37" s="257">
        <v>2</v>
      </c>
      <c r="BV37" s="257">
        <v>0</v>
      </c>
      <c r="BW37" s="257">
        <v>1</v>
      </c>
      <c r="BX37" s="257">
        <v>1</v>
      </c>
      <c r="BY37" s="257">
        <v>0</v>
      </c>
      <c r="BZ37" s="254">
        <v>4</v>
      </c>
      <c r="CA37" s="259">
        <v>6</v>
      </c>
      <c r="CB37" s="253">
        <v>0</v>
      </c>
      <c r="CC37" s="257">
        <v>0</v>
      </c>
      <c r="CD37" s="254">
        <v>0</v>
      </c>
      <c r="CE37" s="256">
        <v>0</v>
      </c>
      <c r="CF37" s="257">
        <v>1</v>
      </c>
      <c r="CG37" s="257">
        <v>0</v>
      </c>
      <c r="CH37" s="257">
        <v>0</v>
      </c>
      <c r="CI37" s="257">
        <v>0</v>
      </c>
      <c r="CJ37" s="257">
        <v>0</v>
      </c>
      <c r="CK37" s="254">
        <v>1</v>
      </c>
      <c r="CL37" s="259">
        <v>1</v>
      </c>
      <c r="CM37" s="253">
        <v>0</v>
      </c>
      <c r="CN37" s="257">
        <v>0</v>
      </c>
      <c r="CO37" s="254">
        <v>0</v>
      </c>
      <c r="CP37" s="256">
        <v>0</v>
      </c>
      <c r="CQ37" s="257">
        <v>0</v>
      </c>
      <c r="CR37" s="257">
        <v>0</v>
      </c>
      <c r="CS37" s="257">
        <v>0</v>
      </c>
      <c r="CT37" s="257">
        <v>0</v>
      </c>
      <c r="CU37" s="257">
        <v>0</v>
      </c>
      <c r="CV37" s="254">
        <v>0</v>
      </c>
      <c r="CW37" s="259">
        <v>0</v>
      </c>
      <c r="CX37" s="253">
        <v>0</v>
      </c>
      <c r="CY37" s="257">
        <v>0</v>
      </c>
      <c r="CZ37" s="254">
        <v>0</v>
      </c>
      <c r="DA37" s="256">
        <v>0</v>
      </c>
      <c r="DB37" s="257">
        <v>0</v>
      </c>
      <c r="DC37" s="257">
        <v>0</v>
      </c>
      <c r="DD37" s="257">
        <v>0</v>
      </c>
      <c r="DE37" s="257">
        <v>0</v>
      </c>
      <c r="DF37" s="257">
        <v>0</v>
      </c>
      <c r="DG37" s="254">
        <v>0</v>
      </c>
      <c r="DH37" s="259">
        <v>0</v>
      </c>
      <c r="DI37" s="253">
        <v>0</v>
      </c>
      <c r="DJ37" s="257">
        <v>0</v>
      </c>
      <c r="DK37" s="254">
        <v>0</v>
      </c>
      <c r="DL37" s="256">
        <v>0</v>
      </c>
      <c r="DM37" s="257">
        <v>0</v>
      </c>
      <c r="DN37" s="257">
        <v>0</v>
      </c>
      <c r="DO37" s="257">
        <v>0</v>
      </c>
      <c r="DP37" s="257">
        <v>0</v>
      </c>
      <c r="DQ37" s="257">
        <v>0</v>
      </c>
      <c r="DR37" s="254">
        <v>0</v>
      </c>
      <c r="DS37" s="259">
        <v>0</v>
      </c>
      <c r="DT37" s="253">
        <v>0</v>
      </c>
      <c r="DU37" s="257">
        <v>1</v>
      </c>
      <c r="DV37" s="254">
        <v>1</v>
      </c>
      <c r="DW37" s="256">
        <v>0</v>
      </c>
      <c r="DX37" s="257">
        <v>4</v>
      </c>
      <c r="DY37" s="257">
        <v>3</v>
      </c>
      <c r="DZ37" s="257">
        <v>6</v>
      </c>
      <c r="EA37" s="257">
        <v>3</v>
      </c>
      <c r="EB37" s="257">
        <v>0</v>
      </c>
      <c r="EC37" s="254">
        <v>16</v>
      </c>
      <c r="ED37" s="259">
        <v>17</v>
      </c>
      <c r="EE37" s="253">
        <v>1</v>
      </c>
      <c r="EF37" s="257">
        <v>1</v>
      </c>
      <c r="EG37" s="254">
        <v>2</v>
      </c>
      <c r="EH37" s="256">
        <v>0</v>
      </c>
      <c r="EI37" s="257">
        <v>6</v>
      </c>
      <c r="EJ37" s="257">
        <v>1</v>
      </c>
      <c r="EK37" s="257">
        <v>1</v>
      </c>
      <c r="EL37" s="257">
        <v>4</v>
      </c>
      <c r="EM37" s="257">
        <v>1</v>
      </c>
      <c r="EN37" s="254">
        <v>13</v>
      </c>
      <c r="EO37" s="259">
        <v>15</v>
      </c>
      <c r="EP37" s="253">
        <v>2</v>
      </c>
      <c r="EQ37" s="257">
        <v>3</v>
      </c>
      <c r="ER37" s="254">
        <v>5</v>
      </c>
      <c r="ES37" s="256">
        <v>0</v>
      </c>
      <c r="ET37" s="257">
        <v>9</v>
      </c>
      <c r="EU37" s="257">
        <v>5</v>
      </c>
      <c r="EV37" s="257">
        <v>6</v>
      </c>
      <c r="EW37" s="257">
        <v>3</v>
      </c>
      <c r="EX37" s="257">
        <v>0</v>
      </c>
      <c r="EY37" s="254">
        <v>23</v>
      </c>
      <c r="EZ37" s="259">
        <v>28</v>
      </c>
    </row>
    <row r="38" spans="2:156" ht="21" customHeight="1" x14ac:dyDescent="0.2">
      <c r="B38" s="437" t="s">
        <v>36</v>
      </c>
      <c r="C38" s="253">
        <v>0</v>
      </c>
      <c r="D38" s="257">
        <v>0</v>
      </c>
      <c r="E38" s="340">
        <v>0</v>
      </c>
      <c r="F38" s="256">
        <v>0</v>
      </c>
      <c r="G38" s="257">
        <v>1</v>
      </c>
      <c r="H38" s="257">
        <v>0</v>
      </c>
      <c r="I38" s="257">
        <v>1</v>
      </c>
      <c r="J38" s="257">
        <v>0</v>
      </c>
      <c r="K38" s="257">
        <v>1</v>
      </c>
      <c r="L38" s="258">
        <v>3</v>
      </c>
      <c r="M38" s="259">
        <v>3</v>
      </c>
      <c r="N38" s="253">
        <v>0</v>
      </c>
      <c r="O38" s="257">
        <v>0</v>
      </c>
      <c r="P38" s="254">
        <v>0</v>
      </c>
      <c r="Q38" s="256">
        <v>0</v>
      </c>
      <c r="R38" s="257">
        <v>0</v>
      </c>
      <c r="S38" s="257">
        <v>0</v>
      </c>
      <c r="T38" s="257">
        <v>0</v>
      </c>
      <c r="U38" s="257">
        <v>1</v>
      </c>
      <c r="V38" s="257">
        <v>0</v>
      </c>
      <c r="W38" s="254">
        <v>1</v>
      </c>
      <c r="X38" s="259">
        <v>1</v>
      </c>
      <c r="Y38" s="253">
        <v>1</v>
      </c>
      <c r="Z38" s="257">
        <v>0</v>
      </c>
      <c r="AA38" s="254">
        <v>1</v>
      </c>
      <c r="AB38" s="256">
        <v>0</v>
      </c>
      <c r="AC38" s="257">
        <v>1</v>
      </c>
      <c r="AD38" s="257">
        <v>0</v>
      </c>
      <c r="AE38" s="257">
        <v>2</v>
      </c>
      <c r="AF38" s="257">
        <v>2</v>
      </c>
      <c r="AG38" s="257">
        <v>0</v>
      </c>
      <c r="AH38" s="254">
        <v>5</v>
      </c>
      <c r="AI38" s="259">
        <v>6</v>
      </c>
      <c r="AJ38" s="253">
        <v>0</v>
      </c>
      <c r="AK38" s="257">
        <v>1</v>
      </c>
      <c r="AL38" s="254">
        <v>1</v>
      </c>
      <c r="AM38" s="256">
        <v>0</v>
      </c>
      <c r="AN38" s="257">
        <v>0</v>
      </c>
      <c r="AO38" s="257">
        <v>1</v>
      </c>
      <c r="AP38" s="257">
        <v>1</v>
      </c>
      <c r="AQ38" s="257">
        <v>1</v>
      </c>
      <c r="AR38" s="257">
        <v>0</v>
      </c>
      <c r="AS38" s="254">
        <v>3</v>
      </c>
      <c r="AT38" s="259">
        <v>4</v>
      </c>
      <c r="AU38" s="253">
        <v>0</v>
      </c>
      <c r="AV38" s="257">
        <v>0</v>
      </c>
      <c r="AW38" s="254">
        <v>0</v>
      </c>
      <c r="AX38" s="256">
        <v>0</v>
      </c>
      <c r="AY38" s="257">
        <v>2</v>
      </c>
      <c r="AZ38" s="257">
        <v>1</v>
      </c>
      <c r="BA38" s="257">
        <v>1</v>
      </c>
      <c r="BB38" s="257">
        <v>2</v>
      </c>
      <c r="BC38" s="257">
        <v>1</v>
      </c>
      <c r="BD38" s="258">
        <v>7</v>
      </c>
      <c r="BE38" s="259">
        <v>7</v>
      </c>
      <c r="BF38" s="253">
        <v>0</v>
      </c>
      <c r="BG38" s="257">
        <v>0</v>
      </c>
      <c r="BH38" s="254">
        <v>0</v>
      </c>
      <c r="BI38" s="256">
        <v>0</v>
      </c>
      <c r="BJ38" s="257">
        <v>1</v>
      </c>
      <c r="BK38" s="257">
        <v>2</v>
      </c>
      <c r="BL38" s="257">
        <v>0</v>
      </c>
      <c r="BM38" s="257">
        <v>0</v>
      </c>
      <c r="BN38" s="257">
        <v>0</v>
      </c>
      <c r="BO38" s="254">
        <v>3</v>
      </c>
      <c r="BP38" s="259">
        <v>3</v>
      </c>
      <c r="BQ38" s="253">
        <v>1</v>
      </c>
      <c r="BR38" s="257">
        <v>1</v>
      </c>
      <c r="BS38" s="254">
        <v>2</v>
      </c>
      <c r="BT38" s="256">
        <v>0</v>
      </c>
      <c r="BU38" s="257">
        <v>0</v>
      </c>
      <c r="BV38" s="257">
        <v>0</v>
      </c>
      <c r="BW38" s="257">
        <v>0</v>
      </c>
      <c r="BX38" s="257">
        <v>1</v>
      </c>
      <c r="BY38" s="257">
        <v>0</v>
      </c>
      <c r="BZ38" s="254">
        <v>1</v>
      </c>
      <c r="CA38" s="259">
        <v>3</v>
      </c>
      <c r="CB38" s="253">
        <v>0</v>
      </c>
      <c r="CC38" s="257">
        <v>0</v>
      </c>
      <c r="CD38" s="254">
        <v>0</v>
      </c>
      <c r="CE38" s="256">
        <v>0</v>
      </c>
      <c r="CF38" s="257">
        <v>0</v>
      </c>
      <c r="CG38" s="257">
        <v>1</v>
      </c>
      <c r="CH38" s="257">
        <v>0</v>
      </c>
      <c r="CI38" s="257">
        <v>1</v>
      </c>
      <c r="CJ38" s="257">
        <v>0</v>
      </c>
      <c r="CK38" s="254">
        <v>2</v>
      </c>
      <c r="CL38" s="259">
        <v>2</v>
      </c>
      <c r="CM38" s="253">
        <v>0</v>
      </c>
      <c r="CN38" s="257">
        <v>0</v>
      </c>
      <c r="CO38" s="254">
        <v>0</v>
      </c>
      <c r="CP38" s="256">
        <v>0</v>
      </c>
      <c r="CQ38" s="257">
        <v>0</v>
      </c>
      <c r="CR38" s="257">
        <v>0</v>
      </c>
      <c r="CS38" s="257">
        <v>0</v>
      </c>
      <c r="CT38" s="257">
        <v>0</v>
      </c>
      <c r="CU38" s="257">
        <v>0</v>
      </c>
      <c r="CV38" s="254">
        <v>0</v>
      </c>
      <c r="CW38" s="259">
        <v>0</v>
      </c>
      <c r="CX38" s="253">
        <v>0</v>
      </c>
      <c r="CY38" s="257">
        <v>0</v>
      </c>
      <c r="CZ38" s="254">
        <v>0</v>
      </c>
      <c r="DA38" s="256">
        <v>0</v>
      </c>
      <c r="DB38" s="257">
        <v>0</v>
      </c>
      <c r="DC38" s="257">
        <v>0</v>
      </c>
      <c r="DD38" s="257">
        <v>0</v>
      </c>
      <c r="DE38" s="257">
        <v>0</v>
      </c>
      <c r="DF38" s="257">
        <v>0</v>
      </c>
      <c r="DG38" s="254">
        <v>0</v>
      </c>
      <c r="DH38" s="259">
        <v>0</v>
      </c>
      <c r="DI38" s="253">
        <v>0</v>
      </c>
      <c r="DJ38" s="257">
        <v>0</v>
      </c>
      <c r="DK38" s="254">
        <v>0</v>
      </c>
      <c r="DL38" s="256">
        <v>0</v>
      </c>
      <c r="DM38" s="257">
        <v>0</v>
      </c>
      <c r="DN38" s="257">
        <v>0</v>
      </c>
      <c r="DO38" s="257">
        <v>0</v>
      </c>
      <c r="DP38" s="257">
        <v>0</v>
      </c>
      <c r="DQ38" s="257">
        <v>0</v>
      </c>
      <c r="DR38" s="254">
        <v>0</v>
      </c>
      <c r="DS38" s="259">
        <v>0</v>
      </c>
      <c r="DT38" s="253">
        <v>1</v>
      </c>
      <c r="DU38" s="257">
        <v>0</v>
      </c>
      <c r="DV38" s="254">
        <v>1</v>
      </c>
      <c r="DW38" s="256">
        <v>0</v>
      </c>
      <c r="DX38" s="257">
        <v>5</v>
      </c>
      <c r="DY38" s="257">
        <v>4</v>
      </c>
      <c r="DZ38" s="257">
        <v>2</v>
      </c>
      <c r="EA38" s="257">
        <v>3</v>
      </c>
      <c r="EB38" s="257">
        <v>0</v>
      </c>
      <c r="EC38" s="254">
        <v>14</v>
      </c>
      <c r="ED38" s="259">
        <v>15</v>
      </c>
      <c r="EE38" s="253">
        <v>0</v>
      </c>
      <c r="EF38" s="257">
        <v>0</v>
      </c>
      <c r="EG38" s="254">
        <v>0</v>
      </c>
      <c r="EH38" s="256">
        <v>0</v>
      </c>
      <c r="EI38" s="257">
        <v>2</v>
      </c>
      <c r="EJ38" s="257">
        <v>1</v>
      </c>
      <c r="EK38" s="257">
        <v>0</v>
      </c>
      <c r="EL38" s="257">
        <v>0</v>
      </c>
      <c r="EM38" s="257">
        <v>0</v>
      </c>
      <c r="EN38" s="254">
        <v>3</v>
      </c>
      <c r="EO38" s="259">
        <v>3</v>
      </c>
      <c r="EP38" s="253">
        <v>2</v>
      </c>
      <c r="EQ38" s="257">
        <v>2</v>
      </c>
      <c r="ER38" s="254">
        <v>4</v>
      </c>
      <c r="ES38" s="256">
        <v>0</v>
      </c>
      <c r="ET38" s="257">
        <v>8</v>
      </c>
      <c r="EU38" s="257">
        <v>5</v>
      </c>
      <c r="EV38" s="257">
        <v>2</v>
      </c>
      <c r="EW38" s="257">
        <v>4</v>
      </c>
      <c r="EX38" s="257">
        <v>1</v>
      </c>
      <c r="EY38" s="254">
        <v>20</v>
      </c>
      <c r="EZ38" s="259">
        <v>24</v>
      </c>
    </row>
    <row r="39" spans="2:156" ht="21" customHeight="1" thickBot="1" x14ac:dyDescent="0.25">
      <c r="B39" s="438" t="s">
        <v>37</v>
      </c>
      <c r="C39" s="260">
        <v>0</v>
      </c>
      <c r="D39" s="264">
        <v>0</v>
      </c>
      <c r="E39" s="341">
        <v>0</v>
      </c>
      <c r="F39" s="263">
        <v>0</v>
      </c>
      <c r="G39" s="264">
        <v>0</v>
      </c>
      <c r="H39" s="264">
        <v>0</v>
      </c>
      <c r="I39" s="264">
        <v>0</v>
      </c>
      <c r="J39" s="264">
        <v>0</v>
      </c>
      <c r="K39" s="264">
        <v>0</v>
      </c>
      <c r="L39" s="265">
        <v>0</v>
      </c>
      <c r="M39" s="266">
        <v>0</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0</v>
      </c>
      <c r="AG39" s="264">
        <v>0</v>
      </c>
      <c r="AH39" s="261">
        <v>0</v>
      </c>
      <c r="AI39" s="266">
        <v>0</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0</v>
      </c>
      <c r="BA39" s="264">
        <v>0</v>
      </c>
      <c r="BB39" s="264">
        <v>0</v>
      </c>
      <c r="BC39" s="264">
        <v>0</v>
      </c>
      <c r="BD39" s="265">
        <v>0</v>
      </c>
      <c r="BE39" s="266">
        <v>0</v>
      </c>
      <c r="BF39" s="260">
        <v>0</v>
      </c>
      <c r="BG39" s="264">
        <v>0</v>
      </c>
      <c r="BH39" s="261">
        <v>0</v>
      </c>
      <c r="BI39" s="263">
        <v>0</v>
      </c>
      <c r="BJ39" s="264">
        <v>0</v>
      </c>
      <c r="BK39" s="264">
        <v>1</v>
      </c>
      <c r="BL39" s="264">
        <v>0</v>
      </c>
      <c r="BM39" s="264">
        <v>0</v>
      </c>
      <c r="BN39" s="264">
        <v>0</v>
      </c>
      <c r="BO39" s="261">
        <v>1</v>
      </c>
      <c r="BP39" s="266">
        <v>1</v>
      </c>
      <c r="BQ39" s="260">
        <v>0</v>
      </c>
      <c r="BR39" s="264">
        <v>0</v>
      </c>
      <c r="BS39" s="261">
        <v>0</v>
      </c>
      <c r="BT39" s="263">
        <v>0</v>
      </c>
      <c r="BU39" s="264">
        <v>1</v>
      </c>
      <c r="BV39" s="264">
        <v>0</v>
      </c>
      <c r="BW39" s="264">
        <v>1</v>
      </c>
      <c r="BX39" s="264">
        <v>0</v>
      </c>
      <c r="BY39" s="264">
        <v>0</v>
      </c>
      <c r="BZ39" s="261">
        <v>2</v>
      </c>
      <c r="CA39" s="266">
        <v>2</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0</v>
      </c>
      <c r="CV39" s="261">
        <v>0</v>
      </c>
      <c r="CW39" s="266">
        <v>0</v>
      </c>
      <c r="CX39" s="260">
        <v>0</v>
      </c>
      <c r="CY39" s="264">
        <v>0</v>
      </c>
      <c r="CZ39" s="261">
        <v>0</v>
      </c>
      <c r="DA39" s="263">
        <v>0</v>
      </c>
      <c r="DB39" s="264">
        <v>0</v>
      </c>
      <c r="DC39" s="264">
        <v>0</v>
      </c>
      <c r="DD39" s="264">
        <v>0</v>
      </c>
      <c r="DE39" s="264">
        <v>0</v>
      </c>
      <c r="DF39" s="264">
        <v>0</v>
      </c>
      <c r="DG39" s="261">
        <v>0</v>
      </c>
      <c r="DH39" s="266">
        <v>0</v>
      </c>
      <c r="DI39" s="260">
        <v>0</v>
      </c>
      <c r="DJ39" s="264">
        <v>0</v>
      </c>
      <c r="DK39" s="261">
        <v>0</v>
      </c>
      <c r="DL39" s="263">
        <v>0</v>
      </c>
      <c r="DM39" s="264">
        <v>0</v>
      </c>
      <c r="DN39" s="264">
        <v>0</v>
      </c>
      <c r="DO39" s="264">
        <v>0</v>
      </c>
      <c r="DP39" s="264">
        <v>0</v>
      </c>
      <c r="DQ39" s="264">
        <v>0</v>
      </c>
      <c r="DR39" s="261">
        <v>0</v>
      </c>
      <c r="DS39" s="266">
        <v>0</v>
      </c>
      <c r="DT39" s="260">
        <v>0</v>
      </c>
      <c r="DU39" s="264">
        <v>0</v>
      </c>
      <c r="DV39" s="261">
        <v>0</v>
      </c>
      <c r="DW39" s="263">
        <v>0</v>
      </c>
      <c r="DX39" s="264">
        <v>1</v>
      </c>
      <c r="DY39" s="264">
        <v>1</v>
      </c>
      <c r="DZ39" s="264">
        <v>0</v>
      </c>
      <c r="EA39" s="264">
        <v>0</v>
      </c>
      <c r="EB39" s="264">
        <v>0</v>
      </c>
      <c r="EC39" s="261">
        <v>2</v>
      </c>
      <c r="ED39" s="266">
        <v>2</v>
      </c>
      <c r="EE39" s="260">
        <v>0</v>
      </c>
      <c r="EF39" s="264">
        <v>0</v>
      </c>
      <c r="EG39" s="261">
        <v>0</v>
      </c>
      <c r="EH39" s="263">
        <v>0</v>
      </c>
      <c r="EI39" s="264">
        <v>0</v>
      </c>
      <c r="EJ39" s="264">
        <v>0</v>
      </c>
      <c r="EK39" s="264">
        <v>0</v>
      </c>
      <c r="EL39" s="264">
        <v>0</v>
      </c>
      <c r="EM39" s="264">
        <v>0</v>
      </c>
      <c r="EN39" s="261">
        <v>0</v>
      </c>
      <c r="EO39" s="266">
        <v>0</v>
      </c>
      <c r="EP39" s="260">
        <v>0</v>
      </c>
      <c r="EQ39" s="264">
        <v>0</v>
      </c>
      <c r="ER39" s="261">
        <v>0</v>
      </c>
      <c r="ES39" s="263">
        <v>0</v>
      </c>
      <c r="ET39" s="264">
        <v>1</v>
      </c>
      <c r="EU39" s="264">
        <v>1</v>
      </c>
      <c r="EV39" s="264">
        <v>1</v>
      </c>
      <c r="EW39" s="264">
        <v>0</v>
      </c>
      <c r="EX39" s="264">
        <v>0</v>
      </c>
      <c r="EY39" s="261">
        <v>3</v>
      </c>
      <c r="EZ39" s="266">
        <v>3</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33203125" style="238" customWidth="1"/>
    <col min="6" max="6" width="7.6640625" style="238" customWidth="1"/>
    <col min="7" max="7" width="10.21875" style="238" customWidth="1"/>
    <col min="8" max="8" width="10.44140625" style="238" customWidth="1"/>
    <col min="9" max="16" width="9" style="238"/>
    <col min="17" max="17" width="7.21875" style="238" customWidth="1"/>
    <col min="18" max="27" width="9" style="238"/>
    <col min="28" max="28" width="7.6640625" style="238" customWidth="1"/>
    <col min="29" max="38" width="9" style="238"/>
    <col min="39" max="39" width="7.6640625" style="238" customWidth="1"/>
    <col min="40" max="49" width="9" style="238"/>
    <col min="50" max="50" width="7.21875" style="238" customWidth="1"/>
    <col min="51" max="60" width="9" style="238"/>
    <col min="61" max="61" width="7.21875" style="238" customWidth="1"/>
    <col min="62" max="71" width="9" style="238"/>
    <col min="72" max="72" width="7.33203125" style="238" customWidth="1"/>
    <col min="73" max="82" width="9" style="238"/>
    <col min="83" max="83" width="7.44140625" style="238" customWidth="1"/>
    <col min="84" max="93" width="9" style="238"/>
    <col min="94" max="94" width="7.6640625" style="238" customWidth="1"/>
    <col min="95" max="104" width="9" style="238"/>
    <col min="105" max="105" width="7.44140625" style="238" customWidth="1"/>
    <col min="106" max="115" width="9" style="238"/>
    <col min="116" max="116" width="7.44140625" style="238" customWidth="1"/>
    <col min="117" max="126" width="9" style="238"/>
    <col min="127" max="127" width="7.44140625" style="238" customWidth="1"/>
    <col min="128" max="137" width="9" style="238"/>
    <col min="138" max="138" width="7.33203125" style="238" customWidth="1"/>
    <col min="139" max="148" width="9" style="238"/>
    <col min="149" max="149" width="7.77734375" style="238" customWidth="1"/>
    <col min="150" max="16384" width="9" style="238"/>
  </cols>
  <sheetData>
    <row r="1" spans="2:156" ht="24" customHeight="1" x14ac:dyDescent="0.2">
      <c r="B1" s="267" t="s">
        <v>121</v>
      </c>
      <c r="I1" s="495">
        <f>第１表!F2</f>
        <v>6</v>
      </c>
      <c r="J1" s="495"/>
      <c r="K1" s="231">
        <f>第１表!G2</f>
        <v>2</v>
      </c>
      <c r="L1" s="499">
        <f>IF(K1&lt;3,K1+12-2,K1-2)</f>
        <v>12</v>
      </c>
      <c r="M1" s="499"/>
    </row>
    <row r="2" spans="2:156" ht="24" customHeight="1" thickBot="1" x14ac:dyDescent="0.25">
      <c r="B2" s="267" t="s">
        <v>152</v>
      </c>
      <c r="G2" s="230"/>
      <c r="H2" s="231"/>
      <c r="J2" s="308"/>
      <c r="K2" s="308"/>
    </row>
    <row r="3" spans="2:156" ht="21" customHeight="1" thickBot="1" x14ac:dyDescent="0.25">
      <c r="B3" s="512"/>
      <c r="C3" s="503" t="s">
        <v>70</v>
      </c>
      <c r="D3" s="504"/>
      <c r="E3" s="504"/>
      <c r="F3" s="504"/>
      <c r="G3" s="504"/>
      <c r="H3" s="504"/>
      <c r="I3" s="504"/>
      <c r="J3" s="504"/>
      <c r="K3" s="504"/>
      <c r="L3" s="504"/>
      <c r="M3" s="505"/>
      <c r="N3" s="503" t="s">
        <v>71</v>
      </c>
      <c r="O3" s="504"/>
      <c r="P3" s="504"/>
      <c r="Q3" s="504"/>
      <c r="R3" s="504"/>
      <c r="S3" s="504"/>
      <c r="T3" s="504"/>
      <c r="U3" s="504"/>
      <c r="V3" s="504"/>
      <c r="W3" s="504"/>
      <c r="X3" s="505"/>
      <c r="Y3" s="503" t="s">
        <v>72</v>
      </c>
      <c r="Z3" s="504"/>
      <c r="AA3" s="504"/>
      <c r="AB3" s="504"/>
      <c r="AC3" s="504"/>
      <c r="AD3" s="504"/>
      <c r="AE3" s="504"/>
      <c r="AF3" s="504"/>
      <c r="AG3" s="504"/>
      <c r="AH3" s="504"/>
      <c r="AI3" s="505"/>
      <c r="AJ3" s="503" t="s">
        <v>73</v>
      </c>
      <c r="AK3" s="504"/>
      <c r="AL3" s="504"/>
      <c r="AM3" s="504"/>
      <c r="AN3" s="504"/>
      <c r="AO3" s="504"/>
      <c r="AP3" s="504"/>
      <c r="AQ3" s="504"/>
      <c r="AR3" s="504"/>
      <c r="AS3" s="504"/>
      <c r="AT3" s="505"/>
      <c r="AU3" s="503" t="s">
        <v>74</v>
      </c>
      <c r="AV3" s="504"/>
      <c r="AW3" s="504"/>
      <c r="AX3" s="504"/>
      <c r="AY3" s="504"/>
      <c r="AZ3" s="504"/>
      <c r="BA3" s="504"/>
      <c r="BB3" s="504"/>
      <c r="BC3" s="504"/>
      <c r="BD3" s="504"/>
      <c r="BE3" s="505"/>
      <c r="BF3" s="503" t="s">
        <v>75</v>
      </c>
      <c r="BG3" s="504"/>
      <c r="BH3" s="504"/>
      <c r="BI3" s="504"/>
      <c r="BJ3" s="504"/>
      <c r="BK3" s="504"/>
      <c r="BL3" s="504"/>
      <c r="BM3" s="504"/>
      <c r="BN3" s="504"/>
      <c r="BO3" s="504"/>
      <c r="BP3" s="505"/>
      <c r="BQ3" s="503" t="s">
        <v>76</v>
      </c>
      <c r="BR3" s="504"/>
      <c r="BS3" s="504"/>
      <c r="BT3" s="504"/>
      <c r="BU3" s="504"/>
      <c r="BV3" s="504"/>
      <c r="BW3" s="504"/>
      <c r="BX3" s="504"/>
      <c r="BY3" s="504"/>
      <c r="BZ3" s="504"/>
      <c r="CA3" s="505"/>
      <c r="CB3" s="503" t="s">
        <v>77</v>
      </c>
      <c r="CC3" s="504"/>
      <c r="CD3" s="504"/>
      <c r="CE3" s="504"/>
      <c r="CF3" s="504"/>
      <c r="CG3" s="504"/>
      <c r="CH3" s="504"/>
      <c r="CI3" s="504"/>
      <c r="CJ3" s="504"/>
      <c r="CK3" s="504"/>
      <c r="CL3" s="505"/>
      <c r="CM3" s="503" t="s">
        <v>78</v>
      </c>
      <c r="CN3" s="504"/>
      <c r="CO3" s="504"/>
      <c r="CP3" s="504"/>
      <c r="CQ3" s="504"/>
      <c r="CR3" s="504"/>
      <c r="CS3" s="504"/>
      <c r="CT3" s="504"/>
      <c r="CU3" s="504"/>
      <c r="CV3" s="504"/>
      <c r="CW3" s="505"/>
      <c r="CX3" s="503" t="s">
        <v>79</v>
      </c>
      <c r="CY3" s="504"/>
      <c r="CZ3" s="504"/>
      <c r="DA3" s="504"/>
      <c r="DB3" s="504"/>
      <c r="DC3" s="504"/>
      <c r="DD3" s="504"/>
      <c r="DE3" s="504"/>
      <c r="DF3" s="504"/>
      <c r="DG3" s="504"/>
      <c r="DH3" s="505"/>
      <c r="DI3" s="503" t="s">
        <v>150</v>
      </c>
      <c r="DJ3" s="504"/>
      <c r="DK3" s="504"/>
      <c r="DL3" s="504"/>
      <c r="DM3" s="504"/>
      <c r="DN3" s="504"/>
      <c r="DO3" s="504"/>
      <c r="DP3" s="504"/>
      <c r="DQ3" s="504"/>
      <c r="DR3" s="504"/>
      <c r="DS3" s="505"/>
      <c r="DT3" s="503" t="s">
        <v>80</v>
      </c>
      <c r="DU3" s="504"/>
      <c r="DV3" s="504"/>
      <c r="DW3" s="504"/>
      <c r="DX3" s="504"/>
      <c r="DY3" s="504"/>
      <c r="DZ3" s="504"/>
      <c r="EA3" s="504"/>
      <c r="EB3" s="504"/>
      <c r="EC3" s="504"/>
      <c r="ED3" s="505"/>
      <c r="EE3" s="503" t="s">
        <v>68</v>
      </c>
      <c r="EF3" s="504"/>
      <c r="EG3" s="504"/>
      <c r="EH3" s="504"/>
      <c r="EI3" s="504"/>
      <c r="EJ3" s="504"/>
      <c r="EK3" s="504"/>
      <c r="EL3" s="504"/>
      <c r="EM3" s="504"/>
      <c r="EN3" s="504"/>
      <c r="EO3" s="505"/>
      <c r="EP3" s="500" t="s">
        <v>69</v>
      </c>
      <c r="EQ3" s="501"/>
      <c r="ER3" s="501"/>
      <c r="ES3" s="501"/>
      <c r="ET3" s="501"/>
      <c r="EU3" s="501"/>
      <c r="EV3" s="501"/>
      <c r="EW3" s="501"/>
      <c r="EX3" s="501"/>
      <c r="EY3" s="501"/>
      <c r="EZ3" s="502"/>
    </row>
    <row r="4" spans="2:156"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08"/>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c r="DI4" s="511" t="s">
        <v>61</v>
      </c>
      <c r="DJ4" s="507"/>
      <c r="DK4" s="508"/>
      <c r="DL4" s="506" t="s">
        <v>62</v>
      </c>
      <c r="DM4" s="507"/>
      <c r="DN4" s="507"/>
      <c r="DO4" s="507"/>
      <c r="DP4" s="507"/>
      <c r="DQ4" s="507"/>
      <c r="DR4" s="508"/>
      <c r="DS4" s="509" t="s">
        <v>52</v>
      </c>
      <c r="DT4" s="511" t="s">
        <v>61</v>
      </c>
      <c r="DU4" s="507"/>
      <c r="DV4" s="508"/>
      <c r="DW4" s="506" t="s">
        <v>62</v>
      </c>
      <c r="DX4" s="507"/>
      <c r="DY4" s="507"/>
      <c r="DZ4" s="507"/>
      <c r="EA4" s="507"/>
      <c r="EB4" s="507"/>
      <c r="EC4" s="508"/>
      <c r="ED4" s="509" t="s">
        <v>52</v>
      </c>
      <c r="EE4" s="511" t="s">
        <v>61</v>
      </c>
      <c r="EF4" s="507"/>
      <c r="EG4" s="508"/>
      <c r="EH4" s="506" t="s">
        <v>62</v>
      </c>
      <c r="EI4" s="507"/>
      <c r="EJ4" s="507"/>
      <c r="EK4" s="507"/>
      <c r="EL4" s="507"/>
      <c r="EM4" s="507"/>
      <c r="EN4" s="508"/>
      <c r="EO4" s="509" t="s">
        <v>52</v>
      </c>
      <c r="EP4" s="511" t="s">
        <v>61</v>
      </c>
      <c r="EQ4" s="507"/>
      <c r="ER4" s="508"/>
      <c r="ES4" s="506" t="s">
        <v>62</v>
      </c>
      <c r="ET4" s="507"/>
      <c r="EU4" s="507"/>
      <c r="EV4" s="507"/>
      <c r="EW4" s="507"/>
      <c r="EX4" s="507"/>
      <c r="EY4" s="508"/>
      <c r="EZ4" s="509" t="s">
        <v>52</v>
      </c>
    </row>
    <row r="5" spans="2:156" ht="30" customHeight="1" thickBot="1" x14ac:dyDescent="0.25">
      <c r="B5" s="514"/>
      <c r="C5" s="309" t="s">
        <v>43</v>
      </c>
      <c r="D5" s="239" t="s">
        <v>160</v>
      </c>
      <c r="E5" s="338" t="s">
        <v>45</v>
      </c>
      <c r="F5" s="244" t="s">
        <v>83</v>
      </c>
      <c r="G5" s="239" t="s">
        <v>47</v>
      </c>
      <c r="H5" s="239" t="s">
        <v>48</v>
      </c>
      <c r="I5" s="239" t="s">
        <v>49</v>
      </c>
      <c r="J5" s="239" t="s">
        <v>50</v>
      </c>
      <c r="K5" s="239" t="s">
        <v>51</v>
      </c>
      <c r="L5" s="245" t="s">
        <v>45</v>
      </c>
      <c r="M5" s="510"/>
      <c r="N5" s="309" t="s">
        <v>43</v>
      </c>
      <c r="O5" s="239" t="s">
        <v>44</v>
      </c>
      <c r="P5" s="242" t="s">
        <v>45</v>
      </c>
      <c r="Q5" s="244" t="s">
        <v>83</v>
      </c>
      <c r="R5" s="239" t="s">
        <v>47</v>
      </c>
      <c r="S5" s="239" t="s">
        <v>48</v>
      </c>
      <c r="T5" s="239" t="s">
        <v>49</v>
      </c>
      <c r="U5" s="239" t="s">
        <v>50</v>
      </c>
      <c r="V5" s="239" t="s">
        <v>51</v>
      </c>
      <c r="W5" s="242" t="s">
        <v>45</v>
      </c>
      <c r="X5" s="510"/>
      <c r="Y5" s="309" t="s">
        <v>43</v>
      </c>
      <c r="Z5" s="239" t="s">
        <v>44</v>
      </c>
      <c r="AA5" s="242" t="s">
        <v>45</v>
      </c>
      <c r="AB5" s="244" t="s">
        <v>83</v>
      </c>
      <c r="AC5" s="239" t="s">
        <v>47</v>
      </c>
      <c r="AD5" s="239" t="s">
        <v>48</v>
      </c>
      <c r="AE5" s="239" t="s">
        <v>49</v>
      </c>
      <c r="AF5" s="239" t="s">
        <v>50</v>
      </c>
      <c r="AG5" s="239" t="s">
        <v>51</v>
      </c>
      <c r="AH5" s="242" t="s">
        <v>45</v>
      </c>
      <c r="AI5" s="510"/>
      <c r="AJ5" s="309" t="s">
        <v>43</v>
      </c>
      <c r="AK5" s="239" t="s">
        <v>44</v>
      </c>
      <c r="AL5" s="242" t="s">
        <v>45</v>
      </c>
      <c r="AM5" s="244" t="s">
        <v>83</v>
      </c>
      <c r="AN5" s="239" t="s">
        <v>47</v>
      </c>
      <c r="AO5" s="239" t="s">
        <v>48</v>
      </c>
      <c r="AP5" s="239" t="s">
        <v>49</v>
      </c>
      <c r="AQ5" s="239" t="s">
        <v>50</v>
      </c>
      <c r="AR5" s="239" t="s">
        <v>51</v>
      </c>
      <c r="AS5" s="242" t="s">
        <v>45</v>
      </c>
      <c r="AT5" s="510"/>
      <c r="AU5" s="309" t="s">
        <v>43</v>
      </c>
      <c r="AV5" s="239" t="s">
        <v>44</v>
      </c>
      <c r="AW5" s="242" t="s">
        <v>45</v>
      </c>
      <c r="AX5" s="244" t="s">
        <v>83</v>
      </c>
      <c r="AY5" s="239" t="s">
        <v>47</v>
      </c>
      <c r="AZ5" s="239" t="s">
        <v>48</v>
      </c>
      <c r="BA5" s="239" t="s">
        <v>49</v>
      </c>
      <c r="BB5" s="239" t="s">
        <v>50</v>
      </c>
      <c r="BC5" s="239" t="s">
        <v>51</v>
      </c>
      <c r="BD5" s="245" t="s">
        <v>45</v>
      </c>
      <c r="BE5" s="510"/>
      <c r="BF5" s="309" t="s">
        <v>43</v>
      </c>
      <c r="BG5" s="239" t="s">
        <v>44</v>
      </c>
      <c r="BH5" s="242" t="s">
        <v>45</v>
      </c>
      <c r="BI5" s="244" t="s">
        <v>83</v>
      </c>
      <c r="BJ5" s="239" t="s">
        <v>47</v>
      </c>
      <c r="BK5" s="239" t="s">
        <v>48</v>
      </c>
      <c r="BL5" s="239" t="s">
        <v>49</v>
      </c>
      <c r="BM5" s="239" t="s">
        <v>50</v>
      </c>
      <c r="BN5" s="239" t="s">
        <v>51</v>
      </c>
      <c r="BO5" s="242" t="s">
        <v>45</v>
      </c>
      <c r="BP5" s="510"/>
      <c r="BQ5" s="309" t="s">
        <v>43</v>
      </c>
      <c r="BR5" s="239" t="s">
        <v>44</v>
      </c>
      <c r="BS5" s="242" t="s">
        <v>45</v>
      </c>
      <c r="BT5" s="244" t="s">
        <v>83</v>
      </c>
      <c r="BU5" s="239" t="s">
        <v>47</v>
      </c>
      <c r="BV5" s="239" t="s">
        <v>48</v>
      </c>
      <c r="BW5" s="239" t="s">
        <v>49</v>
      </c>
      <c r="BX5" s="239" t="s">
        <v>50</v>
      </c>
      <c r="BY5" s="239" t="s">
        <v>51</v>
      </c>
      <c r="BZ5" s="242" t="s">
        <v>45</v>
      </c>
      <c r="CA5" s="510"/>
      <c r="CB5" s="309" t="s">
        <v>43</v>
      </c>
      <c r="CC5" s="239" t="s">
        <v>44</v>
      </c>
      <c r="CD5" s="242" t="s">
        <v>45</v>
      </c>
      <c r="CE5" s="244" t="s">
        <v>83</v>
      </c>
      <c r="CF5" s="239" t="s">
        <v>47</v>
      </c>
      <c r="CG5" s="239" t="s">
        <v>48</v>
      </c>
      <c r="CH5" s="239" t="s">
        <v>49</v>
      </c>
      <c r="CI5" s="239" t="s">
        <v>50</v>
      </c>
      <c r="CJ5" s="239" t="s">
        <v>51</v>
      </c>
      <c r="CK5" s="242" t="s">
        <v>45</v>
      </c>
      <c r="CL5" s="510"/>
      <c r="CM5" s="309" t="s">
        <v>43</v>
      </c>
      <c r="CN5" s="239" t="s">
        <v>44</v>
      </c>
      <c r="CO5" s="242" t="s">
        <v>45</v>
      </c>
      <c r="CP5" s="244" t="s">
        <v>83</v>
      </c>
      <c r="CQ5" s="239" t="s">
        <v>47</v>
      </c>
      <c r="CR5" s="239" t="s">
        <v>48</v>
      </c>
      <c r="CS5" s="239" t="s">
        <v>49</v>
      </c>
      <c r="CT5" s="239" t="s">
        <v>50</v>
      </c>
      <c r="CU5" s="239" t="s">
        <v>51</v>
      </c>
      <c r="CV5" s="242" t="s">
        <v>45</v>
      </c>
      <c r="CW5" s="510"/>
      <c r="CX5" s="309" t="s">
        <v>43</v>
      </c>
      <c r="CY5" s="239" t="s">
        <v>44</v>
      </c>
      <c r="CZ5" s="242" t="s">
        <v>45</v>
      </c>
      <c r="DA5" s="244" t="s">
        <v>83</v>
      </c>
      <c r="DB5" s="239" t="s">
        <v>47</v>
      </c>
      <c r="DC5" s="239" t="s">
        <v>48</v>
      </c>
      <c r="DD5" s="239" t="s">
        <v>49</v>
      </c>
      <c r="DE5" s="239" t="s">
        <v>50</v>
      </c>
      <c r="DF5" s="239" t="s">
        <v>51</v>
      </c>
      <c r="DG5" s="242" t="s">
        <v>45</v>
      </c>
      <c r="DH5" s="510"/>
      <c r="DI5" s="309" t="s">
        <v>43</v>
      </c>
      <c r="DJ5" s="239" t="s">
        <v>44</v>
      </c>
      <c r="DK5" s="242" t="s">
        <v>45</v>
      </c>
      <c r="DL5" s="244" t="s">
        <v>83</v>
      </c>
      <c r="DM5" s="239" t="s">
        <v>47</v>
      </c>
      <c r="DN5" s="239" t="s">
        <v>48</v>
      </c>
      <c r="DO5" s="239" t="s">
        <v>49</v>
      </c>
      <c r="DP5" s="239" t="s">
        <v>50</v>
      </c>
      <c r="DQ5" s="239" t="s">
        <v>51</v>
      </c>
      <c r="DR5" s="242" t="s">
        <v>45</v>
      </c>
      <c r="DS5" s="510"/>
      <c r="DT5" s="309" t="s">
        <v>43</v>
      </c>
      <c r="DU5" s="239" t="s">
        <v>44</v>
      </c>
      <c r="DV5" s="242" t="s">
        <v>45</v>
      </c>
      <c r="DW5" s="244" t="s">
        <v>83</v>
      </c>
      <c r="DX5" s="239" t="s">
        <v>47</v>
      </c>
      <c r="DY5" s="239" t="s">
        <v>48</v>
      </c>
      <c r="DZ5" s="239" t="s">
        <v>49</v>
      </c>
      <c r="EA5" s="239" t="s">
        <v>50</v>
      </c>
      <c r="EB5" s="239" t="s">
        <v>51</v>
      </c>
      <c r="EC5" s="242" t="s">
        <v>45</v>
      </c>
      <c r="ED5" s="510"/>
      <c r="EE5" s="309" t="s">
        <v>43</v>
      </c>
      <c r="EF5" s="239" t="s">
        <v>44</v>
      </c>
      <c r="EG5" s="242" t="s">
        <v>45</v>
      </c>
      <c r="EH5" s="244" t="s">
        <v>83</v>
      </c>
      <c r="EI5" s="239" t="s">
        <v>47</v>
      </c>
      <c r="EJ5" s="239" t="s">
        <v>48</v>
      </c>
      <c r="EK5" s="239" t="s">
        <v>49</v>
      </c>
      <c r="EL5" s="239" t="s">
        <v>50</v>
      </c>
      <c r="EM5" s="239" t="s">
        <v>51</v>
      </c>
      <c r="EN5" s="242" t="s">
        <v>45</v>
      </c>
      <c r="EO5" s="510"/>
      <c r="EP5" s="309" t="s">
        <v>43</v>
      </c>
      <c r="EQ5" s="239" t="s">
        <v>44</v>
      </c>
      <c r="ER5" s="242" t="s">
        <v>45</v>
      </c>
      <c r="ES5" s="244" t="s">
        <v>83</v>
      </c>
      <c r="ET5" s="239" t="s">
        <v>47</v>
      </c>
      <c r="EU5" s="239" t="s">
        <v>48</v>
      </c>
      <c r="EV5" s="239" t="s">
        <v>49</v>
      </c>
      <c r="EW5" s="239" t="s">
        <v>50</v>
      </c>
      <c r="EX5" s="239" t="s">
        <v>51</v>
      </c>
      <c r="EY5" s="242" t="s">
        <v>45</v>
      </c>
      <c r="EZ5" s="510"/>
    </row>
    <row r="6" spans="2:156" ht="21" customHeight="1" x14ac:dyDescent="0.2">
      <c r="B6" s="435" t="s">
        <v>4</v>
      </c>
      <c r="C6" s="246">
        <v>0</v>
      </c>
      <c r="D6" s="250">
        <v>1</v>
      </c>
      <c r="E6" s="339">
        <v>1</v>
      </c>
      <c r="F6" s="249">
        <v>0</v>
      </c>
      <c r="G6" s="250">
        <v>1166</v>
      </c>
      <c r="H6" s="250">
        <v>1344</v>
      </c>
      <c r="I6" s="250">
        <v>663</v>
      </c>
      <c r="J6" s="250">
        <v>581</v>
      </c>
      <c r="K6" s="250">
        <v>426</v>
      </c>
      <c r="L6" s="251">
        <v>4180</v>
      </c>
      <c r="M6" s="252">
        <v>4181</v>
      </c>
      <c r="N6" s="246">
        <v>0</v>
      </c>
      <c r="O6" s="250">
        <v>2</v>
      </c>
      <c r="P6" s="247">
        <v>2</v>
      </c>
      <c r="Q6" s="249">
        <v>0</v>
      </c>
      <c r="R6" s="250">
        <v>14</v>
      </c>
      <c r="S6" s="250">
        <v>29</v>
      </c>
      <c r="T6" s="250">
        <v>51</v>
      </c>
      <c r="U6" s="250">
        <v>144</v>
      </c>
      <c r="V6" s="250">
        <v>195</v>
      </c>
      <c r="W6" s="247">
        <v>433</v>
      </c>
      <c r="X6" s="252">
        <v>435</v>
      </c>
      <c r="Y6" s="246">
        <v>216</v>
      </c>
      <c r="Z6" s="250">
        <v>485</v>
      </c>
      <c r="AA6" s="247">
        <v>701</v>
      </c>
      <c r="AB6" s="249">
        <v>0</v>
      </c>
      <c r="AC6" s="250">
        <v>958</v>
      </c>
      <c r="AD6" s="250">
        <v>1301</v>
      </c>
      <c r="AE6" s="250">
        <v>736</v>
      </c>
      <c r="AF6" s="250">
        <v>587</v>
      </c>
      <c r="AG6" s="250">
        <v>387</v>
      </c>
      <c r="AH6" s="247">
        <v>3969</v>
      </c>
      <c r="AI6" s="252">
        <v>4670</v>
      </c>
      <c r="AJ6" s="246">
        <v>24</v>
      </c>
      <c r="AK6" s="250">
        <v>67</v>
      </c>
      <c r="AL6" s="247">
        <v>91</v>
      </c>
      <c r="AM6" s="249">
        <v>0</v>
      </c>
      <c r="AN6" s="250">
        <v>91</v>
      </c>
      <c r="AO6" s="250">
        <v>157</v>
      </c>
      <c r="AP6" s="250">
        <v>89</v>
      </c>
      <c r="AQ6" s="250">
        <v>83</v>
      </c>
      <c r="AR6" s="250">
        <v>45</v>
      </c>
      <c r="AS6" s="247">
        <v>465</v>
      </c>
      <c r="AT6" s="252">
        <v>556</v>
      </c>
      <c r="AU6" s="246">
        <v>311</v>
      </c>
      <c r="AV6" s="250">
        <v>353</v>
      </c>
      <c r="AW6" s="247">
        <v>664</v>
      </c>
      <c r="AX6" s="249">
        <v>0</v>
      </c>
      <c r="AY6" s="250">
        <v>1313</v>
      </c>
      <c r="AZ6" s="250">
        <v>1650</v>
      </c>
      <c r="BA6" s="250">
        <v>1384</v>
      </c>
      <c r="BB6" s="250">
        <v>1430</v>
      </c>
      <c r="BC6" s="250">
        <v>1041</v>
      </c>
      <c r="BD6" s="251">
        <v>6818</v>
      </c>
      <c r="BE6" s="252">
        <v>7482</v>
      </c>
      <c r="BF6" s="246">
        <v>0</v>
      </c>
      <c r="BG6" s="250">
        <v>1</v>
      </c>
      <c r="BH6" s="247">
        <v>1</v>
      </c>
      <c r="BI6" s="249">
        <v>0</v>
      </c>
      <c r="BJ6" s="250">
        <v>1389</v>
      </c>
      <c r="BK6" s="250">
        <v>1249</v>
      </c>
      <c r="BL6" s="250">
        <v>602</v>
      </c>
      <c r="BM6" s="250">
        <v>333</v>
      </c>
      <c r="BN6" s="250">
        <v>158</v>
      </c>
      <c r="BO6" s="247">
        <v>3731</v>
      </c>
      <c r="BP6" s="252">
        <v>3732</v>
      </c>
      <c r="BQ6" s="246">
        <v>133</v>
      </c>
      <c r="BR6" s="250">
        <v>184</v>
      </c>
      <c r="BS6" s="247">
        <v>317</v>
      </c>
      <c r="BT6" s="249">
        <v>0</v>
      </c>
      <c r="BU6" s="250">
        <v>374</v>
      </c>
      <c r="BV6" s="250">
        <v>501</v>
      </c>
      <c r="BW6" s="250">
        <v>291</v>
      </c>
      <c r="BX6" s="250">
        <v>175</v>
      </c>
      <c r="BY6" s="250">
        <v>75</v>
      </c>
      <c r="BZ6" s="247">
        <v>1416</v>
      </c>
      <c r="CA6" s="252">
        <v>1733</v>
      </c>
      <c r="CB6" s="246">
        <v>3</v>
      </c>
      <c r="CC6" s="250">
        <v>19</v>
      </c>
      <c r="CD6" s="247">
        <v>22</v>
      </c>
      <c r="CE6" s="249">
        <v>0</v>
      </c>
      <c r="CF6" s="250">
        <v>143</v>
      </c>
      <c r="CG6" s="250">
        <v>243</v>
      </c>
      <c r="CH6" s="250">
        <v>262</v>
      </c>
      <c r="CI6" s="250">
        <v>172</v>
      </c>
      <c r="CJ6" s="250">
        <v>101</v>
      </c>
      <c r="CK6" s="247">
        <v>921</v>
      </c>
      <c r="CL6" s="252">
        <v>943</v>
      </c>
      <c r="CM6" s="246">
        <v>1</v>
      </c>
      <c r="CN6" s="250">
        <v>4</v>
      </c>
      <c r="CO6" s="247">
        <v>5</v>
      </c>
      <c r="CP6" s="249">
        <v>0</v>
      </c>
      <c r="CQ6" s="250">
        <v>22</v>
      </c>
      <c r="CR6" s="250">
        <v>56</v>
      </c>
      <c r="CS6" s="250">
        <v>50</v>
      </c>
      <c r="CT6" s="250">
        <v>45</v>
      </c>
      <c r="CU6" s="250">
        <v>24</v>
      </c>
      <c r="CV6" s="247">
        <v>197</v>
      </c>
      <c r="CW6" s="252">
        <v>202</v>
      </c>
      <c r="CX6" s="246">
        <v>0</v>
      </c>
      <c r="CY6" s="250">
        <v>0</v>
      </c>
      <c r="CZ6" s="247">
        <v>0</v>
      </c>
      <c r="DA6" s="249">
        <v>0</v>
      </c>
      <c r="DB6" s="250">
        <v>0</v>
      </c>
      <c r="DC6" s="250">
        <v>0</v>
      </c>
      <c r="DD6" s="250">
        <v>0</v>
      </c>
      <c r="DE6" s="250">
        <v>0</v>
      </c>
      <c r="DF6" s="250">
        <v>0</v>
      </c>
      <c r="DG6" s="247">
        <v>0</v>
      </c>
      <c r="DH6" s="252">
        <v>0</v>
      </c>
      <c r="DI6" s="246">
        <v>0</v>
      </c>
      <c r="DJ6" s="250">
        <v>0</v>
      </c>
      <c r="DK6" s="247">
        <v>0</v>
      </c>
      <c r="DL6" s="249">
        <v>0</v>
      </c>
      <c r="DM6" s="250">
        <v>0</v>
      </c>
      <c r="DN6" s="250">
        <v>0</v>
      </c>
      <c r="DO6" s="250">
        <v>0</v>
      </c>
      <c r="DP6" s="250">
        <v>0</v>
      </c>
      <c r="DQ6" s="250">
        <v>0</v>
      </c>
      <c r="DR6" s="247">
        <v>0</v>
      </c>
      <c r="DS6" s="252">
        <v>0</v>
      </c>
      <c r="DT6" s="246">
        <v>631</v>
      </c>
      <c r="DU6" s="250">
        <v>1342</v>
      </c>
      <c r="DV6" s="247">
        <v>1973</v>
      </c>
      <c r="DW6" s="249">
        <v>0</v>
      </c>
      <c r="DX6" s="250">
        <v>1707</v>
      </c>
      <c r="DY6" s="250">
        <v>2828</v>
      </c>
      <c r="DZ6" s="250">
        <v>1612</v>
      </c>
      <c r="EA6" s="250">
        <v>1230</v>
      </c>
      <c r="EB6" s="250">
        <v>717</v>
      </c>
      <c r="EC6" s="247">
        <v>8094</v>
      </c>
      <c r="ED6" s="252">
        <v>10067</v>
      </c>
      <c r="EE6" s="246">
        <v>220</v>
      </c>
      <c r="EF6" s="250">
        <v>150</v>
      </c>
      <c r="EG6" s="247">
        <v>370</v>
      </c>
      <c r="EH6" s="249">
        <v>0</v>
      </c>
      <c r="EI6" s="250">
        <v>633</v>
      </c>
      <c r="EJ6" s="250">
        <v>673</v>
      </c>
      <c r="EK6" s="250">
        <v>570</v>
      </c>
      <c r="EL6" s="250">
        <v>634</v>
      </c>
      <c r="EM6" s="250">
        <v>407</v>
      </c>
      <c r="EN6" s="247">
        <v>2917</v>
      </c>
      <c r="EO6" s="252">
        <v>3287</v>
      </c>
      <c r="EP6" s="246">
        <v>932</v>
      </c>
      <c r="EQ6" s="250">
        <v>1741</v>
      </c>
      <c r="ER6" s="247">
        <v>2673</v>
      </c>
      <c r="ES6" s="249">
        <v>0</v>
      </c>
      <c r="ET6" s="250">
        <v>3891</v>
      </c>
      <c r="EU6" s="250">
        <v>4012</v>
      </c>
      <c r="EV6" s="250">
        <v>1937</v>
      </c>
      <c r="EW6" s="250">
        <v>1337</v>
      </c>
      <c r="EX6" s="250">
        <v>756</v>
      </c>
      <c r="EY6" s="247">
        <v>11933</v>
      </c>
      <c r="EZ6" s="252">
        <v>14606</v>
      </c>
    </row>
    <row r="7" spans="2:156" ht="21" customHeight="1" x14ac:dyDescent="0.2">
      <c r="B7" s="436" t="s">
        <v>5</v>
      </c>
      <c r="C7" s="253">
        <v>0</v>
      </c>
      <c r="D7" s="257">
        <v>0</v>
      </c>
      <c r="E7" s="340">
        <v>0</v>
      </c>
      <c r="F7" s="256">
        <v>0</v>
      </c>
      <c r="G7" s="257">
        <v>459</v>
      </c>
      <c r="H7" s="257">
        <v>707</v>
      </c>
      <c r="I7" s="257">
        <v>303</v>
      </c>
      <c r="J7" s="257">
        <v>251</v>
      </c>
      <c r="K7" s="257">
        <v>192</v>
      </c>
      <c r="L7" s="258">
        <v>1912</v>
      </c>
      <c r="M7" s="259">
        <v>1912</v>
      </c>
      <c r="N7" s="253">
        <v>0</v>
      </c>
      <c r="O7" s="257">
        <v>2</v>
      </c>
      <c r="P7" s="254">
        <v>2</v>
      </c>
      <c r="Q7" s="256">
        <v>0</v>
      </c>
      <c r="R7" s="257">
        <v>5</v>
      </c>
      <c r="S7" s="257">
        <v>14</v>
      </c>
      <c r="T7" s="257">
        <v>24</v>
      </c>
      <c r="U7" s="257">
        <v>56</v>
      </c>
      <c r="V7" s="257">
        <v>102</v>
      </c>
      <c r="W7" s="254">
        <v>201</v>
      </c>
      <c r="X7" s="259">
        <v>203</v>
      </c>
      <c r="Y7" s="253">
        <v>95</v>
      </c>
      <c r="Z7" s="257">
        <v>248</v>
      </c>
      <c r="AA7" s="254">
        <v>343</v>
      </c>
      <c r="AB7" s="256">
        <v>0</v>
      </c>
      <c r="AC7" s="257">
        <v>345</v>
      </c>
      <c r="AD7" s="257">
        <v>707</v>
      </c>
      <c r="AE7" s="257">
        <v>354</v>
      </c>
      <c r="AF7" s="257">
        <v>270</v>
      </c>
      <c r="AG7" s="257">
        <v>179</v>
      </c>
      <c r="AH7" s="254">
        <v>1855</v>
      </c>
      <c r="AI7" s="259">
        <v>2198</v>
      </c>
      <c r="AJ7" s="253">
        <v>11</v>
      </c>
      <c r="AK7" s="257">
        <v>38</v>
      </c>
      <c r="AL7" s="254">
        <v>49</v>
      </c>
      <c r="AM7" s="256">
        <v>0</v>
      </c>
      <c r="AN7" s="257">
        <v>31</v>
      </c>
      <c r="AO7" s="257">
        <v>78</v>
      </c>
      <c r="AP7" s="257">
        <v>38</v>
      </c>
      <c r="AQ7" s="257">
        <v>37</v>
      </c>
      <c r="AR7" s="257">
        <v>18</v>
      </c>
      <c r="AS7" s="254">
        <v>202</v>
      </c>
      <c r="AT7" s="259">
        <v>251</v>
      </c>
      <c r="AU7" s="253">
        <v>146</v>
      </c>
      <c r="AV7" s="257">
        <v>185</v>
      </c>
      <c r="AW7" s="254">
        <v>331</v>
      </c>
      <c r="AX7" s="256">
        <v>0</v>
      </c>
      <c r="AY7" s="257">
        <v>511</v>
      </c>
      <c r="AZ7" s="257">
        <v>800</v>
      </c>
      <c r="BA7" s="257">
        <v>607</v>
      </c>
      <c r="BB7" s="257">
        <v>641</v>
      </c>
      <c r="BC7" s="257">
        <v>438</v>
      </c>
      <c r="BD7" s="258">
        <v>2997</v>
      </c>
      <c r="BE7" s="259">
        <v>3328</v>
      </c>
      <c r="BF7" s="253">
        <v>0</v>
      </c>
      <c r="BG7" s="257">
        <v>0</v>
      </c>
      <c r="BH7" s="254">
        <v>0</v>
      </c>
      <c r="BI7" s="256">
        <v>0</v>
      </c>
      <c r="BJ7" s="257">
        <v>460</v>
      </c>
      <c r="BK7" s="257">
        <v>550</v>
      </c>
      <c r="BL7" s="257">
        <v>220</v>
      </c>
      <c r="BM7" s="257">
        <v>128</v>
      </c>
      <c r="BN7" s="257">
        <v>61</v>
      </c>
      <c r="BO7" s="254">
        <v>1419</v>
      </c>
      <c r="BP7" s="259">
        <v>1419</v>
      </c>
      <c r="BQ7" s="253">
        <v>68</v>
      </c>
      <c r="BR7" s="257">
        <v>96</v>
      </c>
      <c r="BS7" s="254">
        <v>164</v>
      </c>
      <c r="BT7" s="256">
        <v>0</v>
      </c>
      <c r="BU7" s="257">
        <v>122</v>
      </c>
      <c r="BV7" s="257">
        <v>249</v>
      </c>
      <c r="BW7" s="257">
        <v>130</v>
      </c>
      <c r="BX7" s="257">
        <v>78</v>
      </c>
      <c r="BY7" s="257">
        <v>36</v>
      </c>
      <c r="BZ7" s="254">
        <v>615</v>
      </c>
      <c r="CA7" s="259">
        <v>779</v>
      </c>
      <c r="CB7" s="253">
        <v>1</v>
      </c>
      <c r="CC7" s="257">
        <v>10</v>
      </c>
      <c r="CD7" s="254">
        <v>11</v>
      </c>
      <c r="CE7" s="256">
        <v>0</v>
      </c>
      <c r="CF7" s="257">
        <v>38</v>
      </c>
      <c r="CG7" s="257">
        <v>92</v>
      </c>
      <c r="CH7" s="257">
        <v>95</v>
      </c>
      <c r="CI7" s="257">
        <v>62</v>
      </c>
      <c r="CJ7" s="257">
        <v>44</v>
      </c>
      <c r="CK7" s="254">
        <v>331</v>
      </c>
      <c r="CL7" s="259">
        <v>342</v>
      </c>
      <c r="CM7" s="253">
        <v>1</v>
      </c>
      <c r="CN7" s="257">
        <v>4</v>
      </c>
      <c r="CO7" s="254">
        <v>5</v>
      </c>
      <c r="CP7" s="256">
        <v>0</v>
      </c>
      <c r="CQ7" s="257">
        <v>10</v>
      </c>
      <c r="CR7" s="257">
        <v>36</v>
      </c>
      <c r="CS7" s="257">
        <v>27</v>
      </c>
      <c r="CT7" s="257">
        <v>30</v>
      </c>
      <c r="CU7" s="257">
        <v>12</v>
      </c>
      <c r="CV7" s="254">
        <v>115</v>
      </c>
      <c r="CW7" s="259">
        <v>120</v>
      </c>
      <c r="CX7" s="253">
        <v>0</v>
      </c>
      <c r="CY7" s="257">
        <v>0</v>
      </c>
      <c r="CZ7" s="254">
        <v>0</v>
      </c>
      <c r="DA7" s="256">
        <v>0</v>
      </c>
      <c r="DB7" s="257">
        <v>0</v>
      </c>
      <c r="DC7" s="257">
        <v>0</v>
      </c>
      <c r="DD7" s="257">
        <v>0</v>
      </c>
      <c r="DE7" s="257">
        <v>0</v>
      </c>
      <c r="DF7" s="257">
        <v>0</v>
      </c>
      <c r="DG7" s="254">
        <v>0</v>
      </c>
      <c r="DH7" s="259">
        <v>0</v>
      </c>
      <c r="DI7" s="253">
        <v>0</v>
      </c>
      <c r="DJ7" s="257">
        <v>0</v>
      </c>
      <c r="DK7" s="254">
        <v>0</v>
      </c>
      <c r="DL7" s="256">
        <v>0</v>
      </c>
      <c r="DM7" s="257">
        <v>0</v>
      </c>
      <c r="DN7" s="257">
        <v>0</v>
      </c>
      <c r="DO7" s="257">
        <v>0</v>
      </c>
      <c r="DP7" s="257">
        <v>0</v>
      </c>
      <c r="DQ7" s="257">
        <v>0</v>
      </c>
      <c r="DR7" s="254">
        <v>0</v>
      </c>
      <c r="DS7" s="259">
        <v>0</v>
      </c>
      <c r="DT7" s="253">
        <v>232</v>
      </c>
      <c r="DU7" s="257">
        <v>601</v>
      </c>
      <c r="DV7" s="254">
        <v>833</v>
      </c>
      <c r="DW7" s="256">
        <v>0</v>
      </c>
      <c r="DX7" s="257">
        <v>512</v>
      </c>
      <c r="DY7" s="257">
        <v>1333</v>
      </c>
      <c r="DZ7" s="257">
        <v>678</v>
      </c>
      <c r="EA7" s="257">
        <v>542</v>
      </c>
      <c r="EB7" s="257">
        <v>303</v>
      </c>
      <c r="EC7" s="254">
        <v>3368</v>
      </c>
      <c r="ED7" s="259">
        <v>4201</v>
      </c>
      <c r="EE7" s="253">
        <v>94</v>
      </c>
      <c r="EF7" s="257">
        <v>78</v>
      </c>
      <c r="EG7" s="254">
        <v>172</v>
      </c>
      <c r="EH7" s="256">
        <v>0</v>
      </c>
      <c r="EI7" s="257">
        <v>259</v>
      </c>
      <c r="EJ7" s="257">
        <v>344</v>
      </c>
      <c r="EK7" s="257">
        <v>270</v>
      </c>
      <c r="EL7" s="257">
        <v>290</v>
      </c>
      <c r="EM7" s="257">
        <v>161</v>
      </c>
      <c r="EN7" s="254">
        <v>1324</v>
      </c>
      <c r="EO7" s="259">
        <v>1496</v>
      </c>
      <c r="EP7" s="253">
        <v>378</v>
      </c>
      <c r="EQ7" s="257">
        <v>828</v>
      </c>
      <c r="ER7" s="254">
        <v>1206</v>
      </c>
      <c r="ES7" s="256">
        <v>0</v>
      </c>
      <c r="ET7" s="257">
        <v>1375</v>
      </c>
      <c r="EU7" s="257">
        <v>1950</v>
      </c>
      <c r="EV7" s="257">
        <v>842</v>
      </c>
      <c r="EW7" s="257">
        <v>590</v>
      </c>
      <c r="EX7" s="257">
        <v>335</v>
      </c>
      <c r="EY7" s="254">
        <v>5092</v>
      </c>
      <c r="EZ7" s="259">
        <v>6298</v>
      </c>
    </row>
    <row r="8" spans="2:156" ht="21" customHeight="1" x14ac:dyDescent="0.2">
      <c r="B8" s="437" t="s">
        <v>6</v>
      </c>
      <c r="C8" s="253">
        <v>0</v>
      </c>
      <c r="D8" s="257">
        <v>1</v>
      </c>
      <c r="E8" s="340">
        <v>1</v>
      </c>
      <c r="F8" s="256">
        <v>0</v>
      </c>
      <c r="G8" s="257">
        <v>221</v>
      </c>
      <c r="H8" s="257">
        <v>175</v>
      </c>
      <c r="I8" s="257">
        <v>96</v>
      </c>
      <c r="J8" s="257">
        <v>98</v>
      </c>
      <c r="K8" s="257">
        <v>71</v>
      </c>
      <c r="L8" s="258">
        <v>661</v>
      </c>
      <c r="M8" s="259">
        <v>662</v>
      </c>
      <c r="N8" s="253">
        <v>0</v>
      </c>
      <c r="O8" s="257">
        <v>0</v>
      </c>
      <c r="P8" s="254">
        <v>0</v>
      </c>
      <c r="Q8" s="256">
        <v>0</v>
      </c>
      <c r="R8" s="257">
        <v>1</v>
      </c>
      <c r="S8" s="257">
        <v>6</v>
      </c>
      <c r="T8" s="257">
        <v>10</v>
      </c>
      <c r="U8" s="257">
        <v>28</v>
      </c>
      <c r="V8" s="257">
        <v>23</v>
      </c>
      <c r="W8" s="254">
        <v>68</v>
      </c>
      <c r="X8" s="259">
        <v>68</v>
      </c>
      <c r="Y8" s="253">
        <v>42</v>
      </c>
      <c r="Z8" s="257">
        <v>86</v>
      </c>
      <c r="AA8" s="254">
        <v>128</v>
      </c>
      <c r="AB8" s="256">
        <v>0</v>
      </c>
      <c r="AC8" s="257">
        <v>229</v>
      </c>
      <c r="AD8" s="257">
        <v>184</v>
      </c>
      <c r="AE8" s="257">
        <v>132</v>
      </c>
      <c r="AF8" s="257">
        <v>98</v>
      </c>
      <c r="AG8" s="257">
        <v>54</v>
      </c>
      <c r="AH8" s="254">
        <v>697</v>
      </c>
      <c r="AI8" s="259">
        <v>825</v>
      </c>
      <c r="AJ8" s="253">
        <v>4</v>
      </c>
      <c r="AK8" s="257">
        <v>4</v>
      </c>
      <c r="AL8" s="254">
        <v>8</v>
      </c>
      <c r="AM8" s="256">
        <v>0</v>
      </c>
      <c r="AN8" s="257">
        <v>17</v>
      </c>
      <c r="AO8" s="257">
        <v>14</v>
      </c>
      <c r="AP8" s="257">
        <v>12</v>
      </c>
      <c r="AQ8" s="257">
        <v>12</v>
      </c>
      <c r="AR8" s="257">
        <v>4</v>
      </c>
      <c r="AS8" s="254">
        <v>59</v>
      </c>
      <c r="AT8" s="259">
        <v>67</v>
      </c>
      <c r="AU8" s="253">
        <v>48</v>
      </c>
      <c r="AV8" s="257">
        <v>55</v>
      </c>
      <c r="AW8" s="254">
        <v>103</v>
      </c>
      <c r="AX8" s="256">
        <v>0</v>
      </c>
      <c r="AY8" s="257">
        <v>274</v>
      </c>
      <c r="AZ8" s="257">
        <v>289</v>
      </c>
      <c r="BA8" s="257">
        <v>242</v>
      </c>
      <c r="BB8" s="257">
        <v>269</v>
      </c>
      <c r="BC8" s="257">
        <v>207</v>
      </c>
      <c r="BD8" s="258">
        <v>1281</v>
      </c>
      <c r="BE8" s="259">
        <v>1384</v>
      </c>
      <c r="BF8" s="253">
        <v>0</v>
      </c>
      <c r="BG8" s="257">
        <v>1</v>
      </c>
      <c r="BH8" s="254">
        <v>1</v>
      </c>
      <c r="BI8" s="256">
        <v>0</v>
      </c>
      <c r="BJ8" s="257">
        <v>268</v>
      </c>
      <c r="BK8" s="257">
        <v>184</v>
      </c>
      <c r="BL8" s="257">
        <v>95</v>
      </c>
      <c r="BM8" s="257">
        <v>51</v>
      </c>
      <c r="BN8" s="257">
        <v>28</v>
      </c>
      <c r="BO8" s="254">
        <v>626</v>
      </c>
      <c r="BP8" s="259">
        <v>627</v>
      </c>
      <c r="BQ8" s="253">
        <v>11</v>
      </c>
      <c r="BR8" s="257">
        <v>17</v>
      </c>
      <c r="BS8" s="254">
        <v>28</v>
      </c>
      <c r="BT8" s="256">
        <v>0</v>
      </c>
      <c r="BU8" s="257">
        <v>64</v>
      </c>
      <c r="BV8" s="257">
        <v>57</v>
      </c>
      <c r="BW8" s="257">
        <v>43</v>
      </c>
      <c r="BX8" s="257">
        <v>26</v>
      </c>
      <c r="BY8" s="257">
        <v>9</v>
      </c>
      <c r="BZ8" s="254">
        <v>199</v>
      </c>
      <c r="CA8" s="259">
        <v>227</v>
      </c>
      <c r="CB8" s="253">
        <v>0</v>
      </c>
      <c r="CC8" s="257">
        <v>1</v>
      </c>
      <c r="CD8" s="254">
        <v>1</v>
      </c>
      <c r="CE8" s="256">
        <v>0</v>
      </c>
      <c r="CF8" s="257">
        <v>18</v>
      </c>
      <c r="CG8" s="257">
        <v>28</v>
      </c>
      <c r="CH8" s="257">
        <v>43</v>
      </c>
      <c r="CI8" s="257">
        <v>23</v>
      </c>
      <c r="CJ8" s="257">
        <v>14</v>
      </c>
      <c r="CK8" s="254">
        <v>126</v>
      </c>
      <c r="CL8" s="259">
        <v>127</v>
      </c>
      <c r="CM8" s="253">
        <v>0</v>
      </c>
      <c r="CN8" s="257">
        <v>0</v>
      </c>
      <c r="CO8" s="254">
        <v>0</v>
      </c>
      <c r="CP8" s="256">
        <v>0</v>
      </c>
      <c r="CQ8" s="257">
        <v>6</v>
      </c>
      <c r="CR8" s="257">
        <v>7</v>
      </c>
      <c r="CS8" s="257">
        <v>11</v>
      </c>
      <c r="CT8" s="257">
        <v>8</v>
      </c>
      <c r="CU8" s="257">
        <v>5</v>
      </c>
      <c r="CV8" s="254">
        <v>37</v>
      </c>
      <c r="CW8" s="259">
        <v>37</v>
      </c>
      <c r="CX8" s="253">
        <v>0</v>
      </c>
      <c r="CY8" s="257">
        <v>0</v>
      </c>
      <c r="CZ8" s="254">
        <v>0</v>
      </c>
      <c r="DA8" s="256">
        <v>0</v>
      </c>
      <c r="DB8" s="257">
        <v>0</v>
      </c>
      <c r="DC8" s="257">
        <v>0</v>
      </c>
      <c r="DD8" s="257">
        <v>0</v>
      </c>
      <c r="DE8" s="257">
        <v>0</v>
      </c>
      <c r="DF8" s="257">
        <v>0</v>
      </c>
      <c r="DG8" s="254">
        <v>0</v>
      </c>
      <c r="DH8" s="259">
        <v>0</v>
      </c>
      <c r="DI8" s="253">
        <v>0</v>
      </c>
      <c r="DJ8" s="257">
        <v>0</v>
      </c>
      <c r="DK8" s="254">
        <v>0</v>
      </c>
      <c r="DL8" s="256">
        <v>0</v>
      </c>
      <c r="DM8" s="257">
        <v>0</v>
      </c>
      <c r="DN8" s="257">
        <v>0</v>
      </c>
      <c r="DO8" s="257">
        <v>0</v>
      </c>
      <c r="DP8" s="257">
        <v>0</v>
      </c>
      <c r="DQ8" s="257">
        <v>0</v>
      </c>
      <c r="DR8" s="254">
        <v>0</v>
      </c>
      <c r="DS8" s="259">
        <v>0</v>
      </c>
      <c r="DT8" s="253">
        <v>122</v>
      </c>
      <c r="DU8" s="257">
        <v>192</v>
      </c>
      <c r="DV8" s="254">
        <v>314</v>
      </c>
      <c r="DW8" s="256">
        <v>0</v>
      </c>
      <c r="DX8" s="257">
        <v>365</v>
      </c>
      <c r="DY8" s="257">
        <v>432</v>
      </c>
      <c r="DZ8" s="257">
        <v>265</v>
      </c>
      <c r="EA8" s="257">
        <v>203</v>
      </c>
      <c r="EB8" s="257">
        <v>124</v>
      </c>
      <c r="EC8" s="254">
        <v>1389</v>
      </c>
      <c r="ED8" s="259">
        <v>1703</v>
      </c>
      <c r="EE8" s="253">
        <v>36</v>
      </c>
      <c r="EF8" s="257">
        <v>19</v>
      </c>
      <c r="EG8" s="254">
        <v>55</v>
      </c>
      <c r="EH8" s="256">
        <v>0</v>
      </c>
      <c r="EI8" s="257">
        <v>126</v>
      </c>
      <c r="EJ8" s="257">
        <v>111</v>
      </c>
      <c r="EK8" s="257">
        <v>85</v>
      </c>
      <c r="EL8" s="257">
        <v>118</v>
      </c>
      <c r="EM8" s="257">
        <v>82</v>
      </c>
      <c r="EN8" s="254">
        <v>522</v>
      </c>
      <c r="EO8" s="259">
        <v>577</v>
      </c>
      <c r="EP8" s="253">
        <v>161</v>
      </c>
      <c r="EQ8" s="257">
        <v>252</v>
      </c>
      <c r="ER8" s="254">
        <v>413</v>
      </c>
      <c r="ES8" s="256">
        <v>0</v>
      </c>
      <c r="ET8" s="257">
        <v>762</v>
      </c>
      <c r="EU8" s="257">
        <v>582</v>
      </c>
      <c r="EV8" s="257">
        <v>310</v>
      </c>
      <c r="EW8" s="257">
        <v>222</v>
      </c>
      <c r="EX8" s="257">
        <v>127</v>
      </c>
      <c r="EY8" s="254">
        <v>2003</v>
      </c>
      <c r="EZ8" s="259">
        <v>2416</v>
      </c>
    </row>
    <row r="9" spans="2:156" ht="21" customHeight="1" x14ac:dyDescent="0.2">
      <c r="B9" s="437" t="s">
        <v>14</v>
      </c>
      <c r="C9" s="253">
        <v>0</v>
      </c>
      <c r="D9" s="257">
        <v>0</v>
      </c>
      <c r="E9" s="340">
        <v>0</v>
      </c>
      <c r="F9" s="256">
        <v>0</v>
      </c>
      <c r="G9" s="257">
        <v>47</v>
      </c>
      <c r="H9" s="257">
        <v>85</v>
      </c>
      <c r="I9" s="257">
        <v>32</v>
      </c>
      <c r="J9" s="257">
        <v>41</v>
      </c>
      <c r="K9" s="257">
        <v>23</v>
      </c>
      <c r="L9" s="258">
        <v>228</v>
      </c>
      <c r="M9" s="259">
        <v>228</v>
      </c>
      <c r="N9" s="253">
        <v>0</v>
      </c>
      <c r="O9" s="257">
        <v>0</v>
      </c>
      <c r="P9" s="254">
        <v>0</v>
      </c>
      <c r="Q9" s="256">
        <v>0</v>
      </c>
      <c r="R9" s="257">
        <v>0</v>
      </c>
      <c r="S9" s="257">
        <v>2</v>
      </c>
      <c r="T9" s="257">
        <v>2</v>
      </c>
      <c r="U9" s="257">
        <v>14</v>
      </c>
      <c r="V9" s="257">
        <v>10</v>
      </c>
      <c r="W9" s="254">
        <v>28</v>
      </c>
      <c r="X9" s="259">
        <v>28</v>
      </c>
      <c r="Y9" s="253">
        <v>5</v>
      </c>
      <c r="Z9" s="257">
        <v>18</v>
      </c>
      <c r="AA9" s="254">
        <v>23</v>
      </c>
      <c r="AB9" s="256">
        <v>0</v>
      </c>
      <c r="AC9" s="257">
        <v>32</v>
      </c>
      <c r="AD9" s="257">
        <v>70</v>
      </c>
      <c r="AE9" s="257">
        <v>32</v>
      </c>
      <c r="AF9" s="257">
        <v>39</v>
      </c>
      <c r="AG9" s="257">
        <v>28</v>
      </c>
      <c r="AH9" s="254">
        <v>201</v>
      </c>
      <c r="AI9" s="259">
        <v>224</v>
      </c>
      <c r="AJ9" s="253">
        <v>0</v>
      </c>
      <c r="AK9" s="257">
        <v>3</v>
      </c>
      <c r="AL9" s="254">
        <v>3</v>
      </c>
      <c r="AM9" s="256">
        <v>0</v>
      </c>
      <c r="AN9" s="257">
        <v>4</v>
      </c>
      <c r="AO9" s="257">
        <v>4</v>
      </c>
      <c r="AP9" s="257">
        <v>4</v>
      </c>
      <c r="AQ9" s="257">
        <v>0</v>
      </c>
      <c r="AR9" s="257">
        <v>1</v>
      </c>
      <c r="AS9" s="254">
        <v>13</v>
      </c>
      <c r="AT9" s="259">
        <v>16</v>
      </c>
      <c r="AU9" s="253">
        <v>8</v>
      </c>
      <c r="AV9" s="257">
        <v>20</v>
      </c>
      <c r="AW9" s="254">
        <v>28</v>
      </c>
      <c r="AX9" s="256">
        <v>0</v>
      </c>
      <c r="AY9" s="257">
        <v>74</v>
      </c>
      <c r="AZ9" s="257">
        <v>96</v>
      </c>
      <c r="BA9" s="257">
        <v>88</v>
      </c>
      <c r="BB9" s="257">
        <v>78</v>
      </c>
      <c r="BC9" s="257">
        <v>61</v>
      </c>
      <c r="BD9" s="258">
        <v>397</v>
      </c>
      <c r="BE9" s="259">
        <v>425</v>
      </c>
      <c r="BF9" s="253">
        <v>0</v>
      </c>
      <c r="BG9" s="257">
        <v>0</v>
      </c>
      <c r="BH9" s="254">
        <v>0</v>
      </c>
      <c r="BI9" s="256">
        <v>0</v>
      </c>
      <c r="BJ9" s="257">
        <v>90</v>
      </c>
      <c r="BK9" s="257">
        <v>99</v>
      </c>
      <c r="BL9" s="257">
        <v>68</v>
      </c>
      <c r="BM9" s="257">
        <v>23</v>
      </c>
      <c r="BN9" s="257">
        <v>14</v>
      </c>
      <c r="BO9" s="254">
        <v>294</v>
      </c>
      <c r="BP9" s="259">
        <v>294</v>
      </c>
      <c r="BQ9" s="253">
        <v>5</v>
      </c>
      <c r="BR9" s="257">
        <v>10</v>
      </c>
      <c r="BS9" s="254">
        <v>15</v>
      </c>
      <c r="BT9" s="256">
        <v>0</v>
      </c>
      <c r="BU9" s="257">
        <v>9</v>
      </c>
      <c r="BV9" s="257">
        <v>23</v>
      </c>
      <c r="BW9" s="257">
        <v>10</v>
      </c>
      <c r="BX9" s="257">
        <v>8</v>
      </c>
      <c r="BY9" s="257">
        <v>4</v>
      </c>
      <c r="BZ9" s="254">
        <v>54</v>
      </c>
      <c r="CA9" s="259">
        <v>69</v>
      </c>
      <c r="CB9" s="253">
        <v>0</v>
      </c>
      <c r="CC9" s="257">
        <v>0</v>
      </c>
      <c r="CD9" s="254">
        <v>0</v>
      </c>
      <c r="CE9" s="256">
        <v>0</v>
      </c>
      <c r="CF9" s="257">
        <v>8</v>
      </c>
      <c r="CG9" s="257">
        <v>22</v>
      </c>
      <c r="CH9" s="257">
        <v>19</v>
      </c>
      <c r="CI9" s="257">
        <v>21</v>
      </c>
      <c r="CJ9" s="257">
        <v>9</v>
      </c>
      <c r="CK9" s="254">
        <v>79</v>
      </c>
      <c r="CL9" s="259">
        <v>79</v>
      </c>
      <c r="CM9" s="253">
        <v>0</v>
      </c>
      <c r="CN9" s="257">
        <v>0</v>
      </c>
      <c r="CO9" s="254">
        <v>0</v>
      </c>
      <c r="CP9" s="256">
        <v>0</v>
      </c>
      <c r="CQ9" s="257">
        <v>0</v>
      </c>
      <c r="CR9" s="257">
        <v>0</v>
      </c>
      <c r="CS9" s="257">
        <v>1</v>
      </c>
      <c r="CT9" s="257">
        <v>1</v>
      </c>
      <c r="CU9" s="257">
        <v>0</v>
      </c>
      <c r="CV9" s="254">
        <v>2</v>
      </c>
      <c r="CW9" s="259">
        <v>2</v>
      </c>
      <c r="CX9" s="253">
        <v>0</v>
      </c>
      <c r="CY9" s="257">
        <v>0</v>
      </c>
      <c r="CZ9" s="254">
        <v>0</v>
      </c>
      <c r="DA9" s="256">
        <v>0</v>
      </c>
      <c r="DB9" s="257">
        <v>0</v>
      </c>
      <c r="DC9" s="257">
        <v>0</v>
      </c>
      <c r="DD9" s="257">
        <v>0</v>
      </c>
      <c r="DE9" s="257">
        <v>0</v>
      </c>
      <c r="DF9" s="257">
        <v>0</v>
      </c>
      <c r="DG9" s="254">
        <v>0</v>
      </c>
      <c r="DH9" s="259">
        <v>0</v>
      </c>
      <c r="DI9" s="253">
        <v>0</v>
      </c>
      <c r="DJ9" s="257">
        <v>0</v>
      </c>
      <c r="DK9" s="254">
        <v>0</v>
      </c>
      <c r="DL9" s="256">
        <v>0</v>
      </c>
      <c r="DM9" s="257">
        <v>0</v>
      </c>
      <c r="DN9" s="257">
        <v>0</v>
      </c>
      <c r="DO9" s="257">
        <v>0</v>
      </c>
      <c r="DP9" s="257">
        <v>0</v>
      </c>
      <c r="DQ9" s="257">
        <v>0</v>
      </c>
      <c r="DR9" s="254">
        <v>0</v>
      </c>
      <c r="DS9" s="259">
        <v>0</v>
      </c>
      <c r="DT9" s="253">
        <v>34</v>
      </c>
      <c r="DU9" s="257">
        <v>87</v>
      </c>
      <c r="DV9" s="254">
        <v>121</v>
      </c>
      <c r="DW9" s="256">
        <v>0</v>
      </c>
      <c r="DX9" s="257">
        <v>77</v>
      </c>
      <c r="DY9" s="257">
        <v>188</v>
      </c>
      <c r="DZ9" s="257">
        <v>120</v>
      </c>
      <c r="EA9" s="257">
        <v>73</v>
      </c>
      <c r="EB9" s="257">
        <v>43</v>
      </c>
      <c r="EC9" s="254">
        <v>501</v>
      </c>
      <c r="ED9" s="259">
        <v>622</v>
      </c>
      <c r="EE9" s="253">
        <v>6</v>
      </c>
      <c r="EF9" s="257">
        <v>8</v>
      </c>
      <c r="EG9" s="254">
        <v>14</v>
      </c>
      <c r="EH9" s="256">
        <v>0</v>
      </c>
      <c r="EI9" s="257">
        <v>37</v>
      </c>
      <c r="EJ9" s="257">
        <v>30</v>
      </c>
      <c r="EK9" s="257">
        <v>33</v>
      </c>
      <c r="EL9" s="257">
        <v>24</v>
      </c>
      <c r="EM9" s="257">
        <v>19</v>
      </c>
      <c r="EN9" s="254">
        <v>143</v>
      </c>
      <c r="EO9" s="259">
        <v>157</v>
      </c>
      <c r="EP9" s="253">
        <v>43</v>
      </c>
      <c r="EQ9" s="257">
        <v>103</v>
      </c>
      <c r="ER9" s="254">
        <v>146</v>
      </c>
      <c r="ES9" s="256">
        <v>0</v>
      </c>
      <c r="ET9" s="257">
        <v>182</v>
      </c>
      <c r="EU9" s="257">
        <v>274</v>
      </c>
      <c r="EV9" s="257">
        <v>134</v>
      </c>
      <c r="EW9" s="257">
        <v>81</v>
      </c>
      <c r="EX9" s="257">
        <v>42</v>
      </c>
      <c r="EY9" s="254">
        <v>713</v>
      </c>
      <c r="EZ9" s="259">
        <v>859</v>
      </c>
    </row>
    <row r="10" spans="2:156" ht="21" customHeight="1" x14ac:dyDescent="0.2">
      <c r="B10" s="437" t="s">
        <v>7</v>
      </c>
      <c r="C10" s="253">
        <v>0</v>
      </c>
      <c r="D10" s="257">
        <v>0</v>
      </c>
      <c r="E10" s="340">
        <v>0</v>
      </c>
      <c r="F10" s="256">
        <v>0</v>
      </c>
      <c r="G10" s="257">
        <v>52</v>
      </c>
      <c r="H10" s="257">
        <v>40</v>
      </c>
      <c r="I10" s="257">
        <v>15</v>
      </c>
      <c r="J10" s="257">
        <v>22</v>
      </c>
      <c r="K10" s="257">
        <v>11</v>
      </c>
      <c r="L10" s="258">
        <v>140</v>
      </c>
      <c r="M10" s="259">
        <v>140</v>
      </c>
      <c r="N10" s="253">
        <v>0</v>
      </c>
      <c r="O10" s="257">
        <v>0</v>
      </c>
      <c r="P10" s="254">
        <v>0</v>
      </c>
      <c r="Q10" s="256">
        <v>0</v>
      </c>
      <c r="R10" s="257">
        <v>1</v>
      </c>
      <c r="S10" s="257">
        <v>1</v>
      </c>
      <c r="T10" s="257">
        <v>1</v>
      </c>
      <c r="U10" s="257">
        <v>7</v>
      </c>
      <c r="V10" s="257">
        <v>8</v>
      </c>
      <c r="W10" s="254">
        <v>18</v>
      </c>
      <c r="X10" s="259">
        <v>18</v>
      </c>
      <c r="Y10" s="253">
        <v>1</v>
      </c>
      <c r="Z10" s="257">
        <v>3</v>
      </c>
      <c r="AA10" s="254">
        <v>4</v>
      </c>
      <c r="AB10" s="256">
        <v>0</v>
      </c>
      <c r="AC10" s="257">
        <v>27</v>
      </c>
      <c r="AD10" s="257">
        <v>25</v>
      </c>
      <c r="AE10" s="257">
        <v>17</v>
      </c>
      <c r="AF10" s="257">
        <v>20</v>
      </c>
      <c r="AG10" s="257">
        <v>12</v>
      </c>
      <c r="AH10" s="254">
        <v>101</v>
      </c>
      <c r="AI10" s="259">
        <v>105</v>
      </c>
      <c r="AJ10" s="253">
        <v>1</v>
      </c>
      <c r="AK10" s="257">
        <v>0</v>
      </c>
      <c r="AL10" s="254">
        <v>1</v>
      </c>
      <c r="AM10" s="256">
        <v>0</v>
      </c>
      <c r="AN10" s="257">
        <v>3</v>
      </c>
      <c r="AO10" s="257">
        <v>6</v>
      </c>
      <c r="AP10" s="257">
        <v>3</v>
      </c>
      <c r="AQ10" s="257">
        <v>4</v>
      </c>
      <c r="AR10" s="257">
        <v>0</v>
      </c>
      <c r="AS10" s="254">
        <v>16</v>
      </c>
      <c r="AT10" s="259">
        <v>17</v>
      </c>
      <c r="AU10" s="253">
        <v>18</v>
      </c>
      <c r="AV10" s="257">
        <v>7</v>
      </c>
      <c r="AW10" s="254">
        <v>25</v>
      </c>
      <c r="AX10" s="256">
        <v>0</v>
      </c>
      <c r="AY10" s="257">
        <v>68</v>
      </c>
      <c r="AZ10" s="257">
        <v>50</v>
      </c>
      <c r="BA10" s="257">
        <v>38</v>
      </c>
      <c r="BB10" s="257">
        <v>47</v>
      </c>
      <c r="BC10" s="257">
        <v>34</v>
      </c>
      <c r="BD10" s="258">
        <v>237</v>
      </c>
      <c r="BE10" s="259">
        <v>262</v>
      </c>
      <c r="BF10" s="253">
        <v>0</v>
      </c>
      <c r="BG10" s="257">
        <v>0</v>
      </c>
      <c r="BH10" s="254">
        <v>0</v>
      </c>
      <c r="BI10" s="256">
        <v>0</v>
      </c>
      <c r="BJ10" s="257">
        <v>79</v>
      </c>
      <c r="BK10" s="257">
        <v>37</v>
      </c>
      <c r="BL10" s="257">
        <v>17</v>
      </c>
      <c r="BM10" s="257">
        <v>11</v>
      </c>
      <c r="BN10" s="257">
        <v>6</v>
      </c>
      <c r="BO10" s="254">
        <v>150</v>
      </c>
      <c r="BP10" s="259">
        <v>150</v>
      </c>
      <c r="BQ10" s="253">
        <v>3</v>
      </c>
      <c r="BR10" s="257">
        <v>4</v>
      </c>
      <c r="BS10" s="254">
        <v>7</v>
      </c>
      <c r="BT10" s="256">
        <v>0</v>
      </c>
      <c r="BU10" s="257">
        <v>17</v>
      </c>
      <c r="BV10" s="257">
        <v>14</v>
      </c>
      <c r="BW10" s="257">
        <v>8</v>
      </c>
      <c r="BX10" s="257">
        <v>5</v>
      </c>
      <c r="BY10" s="257">
        <v>2</v>
      </c>
      <c r="BZ10" s="254">
        <v>46</v>
      </c>
      <c r="CA10" s="259">
        <v>53</v>
      </c>
      <c r="CB10" s="253">
        <v>0</v>
      </c>
      <c r="CC10" s="257">
        <v>0</v>
      </c>
      <c r="CD10" s="254">
        <v>0</v>
      </c>
      <c r="CE10" s="256">
        <v>0</v>
      </c>
      <c r="CF10" s="257">
        <v>11</v>
      </c>
      <c r="CG10" s="257">
        <v>13</v>
      </c>
      <c r="CH10" s="257">
        <v>5</v>
      </c>
      <c r="CI10" s="257">
        <v>7</v>
      </c>
      <c r="CJ10" s="257">
        <v>4</v>
      </c>
      <c r="CK10" s="254">
        <v>40</v>
      </c>
      <c r="CL10" s="259">
        <v>40</v>
      </c>
      <c r="CM10" s="253">
        <v>0</v>
      </c>
      <c r="CN10" s="257">
        <v>0</v>
      </c>
      <c r="CO10" s="254">
        <v>0</v>
      </c>
      <c r="CP10" s="256">
        <v>0</v>
      </c>
      <c r="CQ10" s="257">
        <v>0</v>
      </c>
      <c r="CR10" s="257">
        <v>2</v>
      </c>
      <c r="CS10" s="257">
        <v>1</v>
      </c>
      <c r="CT10" s="257">
        <v>0</v>
      </c>
      <c r="CU10" s="257">
        <v>0</v>
      </c>
      <c r="CV10" s="254">
        <v>3</v>
      </c>
      <c r="CW10" s="259">
        <v>3</v>
      </c>
      <c r="CX10" s="253">
        <v>0</v>
      </c>
      <c r="CY10" s="257">
        <v>0</v>
      </c>
      <c r="CZ10" s="254">
        <v>0</v>
      </c>
      <c r="DA10" s="256">
        <v>0</v>
      </c>
      <c r="DB10" s="257">
        <v>0</v>
      </c>
      <c r="DC10" s="257">
        <v>0</v>
      </c>
      <c r="DD10" s="257">
        <v>0</v>
      </c>
      <c r="DE10" s="257">
        <v>0</v>
      </c>
      <c r="DF10" s="257">
        <v>0</v>
      </c>
      <c r="DG10" s="254">
        <v>0</v>
      </c>
      <c r="DH10" s="259">
        <v>0</v>
      </c>
      <c r="DI10" s="253">
        <v>0</v>
      </c>
      <c r="DJ10" s="257">
        <v>0</v>
      </c>
      <c r="DK10" s="254">
        <v>0</v>
      </c>
      <c r="DL10" s="256">
        <v>0</v>
      </c>
      <c r="DM10" s="257">
        <v>0</v>
      </c>
      <c r="DN10" s="257">
        <v>0</v>
      </c>
      <c r="DO10" s="257">
        <v>0</v>
      </c>
      <c r="DP10" s="257">
        <v>0</v>
      </c>
      <c r="DQ10" s="257">
        <v>0</v>
      </c>
      <c r="DR10" s="254">
        <v>0</v>
      </c>
      <c r="DS10" s="259">
        <v>0</v>
      </c>
      <c r="DT10" s="253">
        <v>11</v>
      </c>
      <c r="DU10" s="257">
        <v>31</v>
      </c>
      <c r="DV10" s="254">
        <v>42</v>
      </c>
      <c r="DW10" s="256">
        <v>0</v>
      </c>
      <c r="DX10" s="257">
        <v>91</v>
      </c>
      <c r="DY10" s="257">
        <v>85</v>
      </c>
      <c r="DZ10" s="257">
        <v>44</v>
      </c>
      <c r="EA10" s="257">
        <v>47</v>
      </c>
      <c r="EB10" s="257">
        <v>22</v>
      </c>
      <c r="EC10" s="254">
        <v>289</v>
      </c>
      <c r="ED10" s="259">
        <v>331</v>
      </c>
      <c r="EE10" s="253">
        <v>15</v>
      </c>
      <c r="EF10" s="257">
        <v>2</v>
      </c>
      <c r="EG10" s="254">
        <v>17</v>
      </c>
      <c r="EH10" s="256">
        <v>0</v>
      </c>
      <c r="EI10" s="257">
        <v>34</v>
      </c>
      <c r="EJ10" s="257">
        <v>20</v>
      </c>
      <c r="EK10" s="257">
        <v>18</v>
      </c>
      <c r="EL10" s="257">
        <v>14</v>
      </c>
      <c r="EM10" s="257">
        <v>17</v>
      </c>
      <c r="EN10" s="254">
        <v>103</v>
      </c>
      <c r="EO10" s="259">
        <v>120</v>
      </c>
      <c r="EP10" s="253">
        <v>16</v>
      </c>
      <c r="EQ10" s="257">
        <v>35</v>
      </c>
      <c r="ER10" s="254">
        <v>51</v>
      </c>
      <c r="ES10" s="256">
        <v>0</v>
      </c>
      <c r="ET10" s="257">
        <v>182</v>
      </c>
      <c r="EU10" s="257">
        <v>121</v>
      </c>
      <c r="EV10" s="257">
        <v>48</v>
      </c>
      <c r="EW10" s="257">
        <v>45</v>
      </c>
      <c r="EX10" s="257">
        <v>24</v>
      </c>
      <c r="EY10" s="254">
        <v>420</v>
      </c>
      <c r="EZ10" s="259">
        <v>471</v>
      </c>
    </row>
    <row r="11" spans="2:156" ht="21" customHeight="1" x14ac:dyDescent="0.2">
      <c r="B11" s="437" t="s">
        <v>8</v>
      </c>
      <c r="C11" s="253">
        <v>0</v>
      </c>
      <c r="D11" s="257">
        <v>0</v>
      </c>
      <c r="E11" s="340">
        <v>0</v>
      </c>
      <c r="F11" s="256">
        <v>0</v>
      </c>
      <c r="G11" s="257">
        <v>22</v>
      </c>
      <c r="H11" s="257">
        <v>25</v>
      </c>
      <c r="I11" s="257">
        <v>17</v>
      </c>
      <c r="J11" s="257">
        <v>12</v>
      </c>
      <c r="K11" s="257">
        <v>6</v>
      </c>
      <c r="L11" s="258">
        <v>82</v>
      </c>
      <c r="M11" s="259">
        <v>82</v>
      </c>
      <c r="N11" s="253">
        <v>0</v>
      </c>
      <c r="O11" s="257">
        <v>0</v>
      </c>
      <c r="P11" s="254">
        <v>0</v>
      </c>
      <c r="Q11" s="256">
        <v>0</v>
      </c>
      <c r="R11" s="257">
        <v>1</v>
      </c>
      <c r="S11" s="257">
        <v>0</v>
      </c>
      <c r="T11" s="257">
        <v>1</v>
      </c>
      <c r="U11" s="257">
        <v>2</v>
      </c>
      <c r="V11" s="257">
        <v>2</v>
      </c>
      <c r="W11" s="254">
        <v>6</v>
      </c>
      <c r="X11" s="259">
        <v>6</v>
      </c>
      <c r="Y11" s="253">
        <v>4</v>
      </c>
      <c r="Z11" s="257">
        <v>5</v>
      </c>
      <c r="AA11" s="254">
        <v>9</v>
      </c>
      <c r="AB11" s="256">
        <v>0</v>
      </c>
      <c r="AC11" s="257">
        <v>17</v>
      </c>
      <c r="AD11" s="257">
        <v>22</v>
      </c>
      <c r="AE11" s="257">
        <v>12</v>
      </c>
      <c r="AF11" s="257">
        <v>18</v>
      </c>
      <c r="AG11" s="257">
        <v>6</v>
      </c>
      <c r="AH11" s="254">
        <v>75</v>
      </c>
      <c r="AI11" s="259">
        <v>84</v>
      </c>
      <c r="AJ11" s="253">
        <v>1</v>
      </c>
      <c r="AK11" s="257">
        <v>2</v>
      </c>
      <c r="AL11" s="254">
        <v>3</v>
      </c>
      <c r="AM11" s="256">
        <v>0</v>
      </c>
      <c r="AN11" s="257">
        <v>3</v>
      </c>
      <c r="AO11" s="257">
        <v>7</v>
      </c>
      <c r="AP11" s="257">
        <v>4</v>
      </c>
      <c r="AQ11" s="257">
        <v>2</v>
      </c>
      <c r="AR11" s="257">
        <v>4</v>
      </c>
      <c r="AS11" s="254">
        <v>20</v>
      </c>
      <c r="AT11" s="259">
        <v>23</v>
      </c>
      <c r="AU11" s="253">
        <v>5</v>
      </c>
      <c r="AV11" s="257">
        <v>2</v>
      </c>
      <c r="AW11" s="254">
        <v>7</v>
      </c>
      <c r="AX11" s="256">
        <v>0</v>
      </c>
      <c r="AY11" s="257">
        <v>27</v>
      </c>
      <c r="AZ11" s="257">
        <v>21</v>
      </c>
      <c r="BA11" s="257">
        <v>27</v>
      </c>
      <c r="BB11" s="257">
        <v>27</v>
      </c>
      <c r="BC11" s="257">
        <v>13</v>
      </c>
      <c r="BD11" s="258">
        <v>115</v>
      </c>
      <c r="BE11" s="259">
        <v>122</v>
      </c>
      <c r="BF11" s="253">
        <v>0</v>
      </c>
      <c r="BG11" s="257">
        <v>0</v>
      </c>
      <c r="BH11" s="254">
        <v>0</v>
      </c>
      <c r="BI11" s="256">
        <v>0</v>
      </c>
      <c r="BJ11" s="257">
        <v>33</v>
      </c>
      <c r="BK11" s="257">
        <v>29</v>
      </c>
      <c r="BL11" s="257">
        <v>13</v>
      </c>
      <c r="BM11" s="257">
        <v>12</v>
      </c>
      <c r="BN11" s="257">
        <v>4</v>
      </c>
      <c r="BO11" s="254">
        <v>91</v>
      </c>
      <c r="BP11" s="259">
        <v>91</v>
      </c>
      <c r="BQ11" s="253">
        <v>3</v>
      </c>
      <c r="BR11" s="257">
        <v>4</v>
      </c>
      <c r="BS11" s="254">
        <v>7</v>
      </c>
      <c r="BT11" s="256">
        <v>0</v>
      </c>
      <c r="BU11" s="257">
        <v>13</v>
      </c>
      <c r="BV11" s="257">
        <v>8</v>
      </c>
      <c r="BW11" s="257">
        <v>12</v>
      </c>
      <c r="BX11" s="257">
        <v>4</v>
      </c>
      <c r="BY11" s="257">
        <v>3</v>
      </c>
      <c r="BZ11" s="254">
        <v>40</v>
      </c>
      <c r="CA11" s="259">
        <v>47</v>
      </c>
      <c r="CB11" s="253">
        <v>0</v>
      </c>
      <c r="CC11" s="257">
        <v>0</v>
      </c>
      <c r="CD11" s="254">
        <v>0</v>
      </c>
      <c r="CE11" s="256">
        <v>0</v>
      </c>
      <c r="CF11" s="257">
        <v>4</v>
      </c>
      <c r="CG11" s="257">
        <v>11</v>
      </c>
      <c r="CH11" s="257">
        <v>7</v>
      </c>
      <c r="CI11" s="257">
        <v>5</v>
      </c>
      <c r="CJ11" s="257">
        <v>5</v>
      </c>
      <c r="CK11" s="254">
        <v>32</v>
      </c>
      <c r="CL11" s="259">
        <v>32</v>
      </c>
      <c r="CM11" s="253">
        <v>0</v>
      </c>
      <c r="CN11" s="257">
        <v>0</v>
      </c>
      <c r="CO11" s="254">
        <v>0</v>
      </c>
      <c r="CP11" s="256">
        <v>0</v>
      </c>
      <c r="CQ11" s="257">
        <v>0</v>
      </c>
      <c r="CR11" s="257">
        <v>0</v>
      </c>
      <c r="CS11" s="257">
        <v>0</v>
      </c>
      <c r="CT11" s="257">
        <v>1</v>
      </c>
      <c r="CU11" s="257">
        <v>0</v>
      </c>
      <c r="CV11" s="254">
        <v>1</v>
      </c>
      <c r="CW11" s="259">
        <v>1</v>
      </c>
      <c r="CX11" s="253">
        <v>0</v>
      </c>
      <c r="CY11" s="257">
        <v>0</v>
      </c>
      <c r="CZ11" s="254">
        <v>0</v>
      </c>
      <c r="DA11" s="256">
        <v>0</v>
      </c>
      <c r="DB11" s="257">
        <v>0</v>
      </c>
      <c r="DC11" s="257">
        <v>0</v>
      </c>
      <c r="DD11" s="257">
        <v>0</v>
      </c>
      <c r="DE11" s="257">
        <v>0</v>
      </c>
      <c r="DF11" s="257">
        <v>0</v>
      </c>
      <c r="DG11" s="254">
        <v>0</v>
      </c>
      <c r="DH11" s="259">
        <v>0</v>
      </c>
      <c r="DI11" s="253">
        <v>0</v>
      </c>
      <c r="DJ11" s="257">
        <v>0</v>
      </c>
      <c r="DK11" s="254">
        <v>0</v>
      </c>
      <c r="DL11" s="256">
        <v>0</v>
      </c>
      <c r="DM11" s="257">
        <v>0</v>
      </c>
      <c r="DN11" s="257">
        <v>0</v>
      </c>
      <c r="DO11" s="257">
        <v>0</v>
      </c>
      <c r="DP11" s="257">
        <v>0</v>
      </c>
      <c r="DQ11" s="257">
        <v>0</v>
      </c>
      <c r="DR11" s="254">
        <v>0</v>
      </c>
      <c r="DS11" s="259">
        <v>0</v>
      </c>
      <c r="DT11" s="253">
        <v>18</v>
      </c>
      <c r="DU11" s="257">
        <v>19</v>
      </c>
      <c r="DV11" s="254">
        <v>37</v>
      </c>
      <c r="DW11" s="256">
        <v>0</v>
      </c>
      <c r="DX11" s="257">
        <v>64</v>
      </c>
      <c r="DY11" s="257">
        <v>68</v>
      </c>
      <c r="DZ11" s="257">
        <v>41</v>
      </c>
      <c r="EA11" s="257">
        <v>32</v>
      </c>
      <c r="EB11" s="257">
        <v>17</v>
      </c>
      <c r="EC11" s="254">
        <v>222</v>
      </c>
      <c r="ED11" s="259">
        <v>259</v>
      </c>
      <c r="EE11" s="253">
        <v>7</v>
      </c>
      <c r="EF11" s="257">
        <v>2</v>
      </c>
      <c r="EG11" s="254">
        <v>9</v>
      </c>
      <c r="EH11" s="256">
        <v>0</v>
      </c>
      <c r="EI11" s="257">
        <v>13</v>
      </c>
      <c r="EJ11" s="257">
        <v>10</v>
      </c>
      <c r="EK11" s="257">
        <v>10</v>
      </c>
      <c r="EL11" s="257">
        <v>10</v>
      </c>
      <c r="EM11" s="257">
        <v>5</v>
      </c>
      <c r="EN11" s="254">
        <v>48</v>
      </c>
      <c r="EO11" s="259">
        <v>57</v>
      </c>
      <c r="EP11" s="253">
        <v>25</v>
      </c>
      <c r="EQ11" s="257">
        <v>23</v>
      </c>
      <c r="ER11" s="254">
        <v>48</v>
      </c>
      <c r="ES11" s="256">
        <v>0</v>
      </c>
      <c r="ET11" s="257">
        <v>119</v>
      </c>
      <c r="EU11" s="257">
        <v>91</v>
      </c>
      <c r="EV11" s="257">
        <v>44</v>
      </c>
      <c r="EW11" s="257">
        <v>31</v>
      </c>
      <c r="EX11" s="257">
        <v>17</v>
      </c>
      <c r="EY11" s="254">
        <v>302</v>
      </c>
      <c r="EZ11" s="259">
        <v>350</v>
      </c>
    </row>
    <row r="12" spans="2:156" ht="21" customHeight="1" x14ac:dyDescent="0.2">
      <c r="B12" s="437" t="s">
        <v>9</v>
      </c>
      <c r="C12" s="253">
        <v>0</v>
      </c>
      <c r="D12" s="257">
        <v>0</v>
      </c>
      <c r="E12" s="340">
        <v>0</v>
      </c>
      <c r="F12" s="256">
        <v>0</v>
      </c>
      <c r="G12" s="257">
        <v>68</v>
      </c>
      <c r="H12" s="257">
        <v>55</v>
      </c>
      <c r="I12" s="257">
        <v>29</v>
      </c>
      <c r="J12" s="257">
        <v>39</v>
      </c>
      <c r="K12" s="257">
        <v>20</v>
      </c>
      <c r="L12" s="258">
        <v>211</v>
      </c>
      <c r="M12" s="259">
        <v>211</v>
      </c>
      <c r="N12" s="253">
        <v>0</v>
      </c>
      <c r="O12" s="257">
        <v>0</v>
      </c>
      <c r="P12" s="254">
        <v>0</v>
      </c>
      <c r="Q12" s="256">
        <v>0</v>
      </c>
      <c r="R12" s="257">
        <v>2</v>
      </c>
      <c r="S12" s="257">
        <v>1</v>
      </c>
      <c r="T12" s="257">
        <v>2</v>
      </c>
      <c r="U12" s="257">
        <v>10</v>
      </c>
      <c r="V12" s="257">
        <v>12</v>
      </c>
      <c r="W12" s="254">
        <v>27</v>
      </c>
      <c r="X12" s="259">
        <v>27</v>
      </c>
      <c r="Y12" s="253">
        <v>12</v>
      </c>
      <c r="Z12" s="257">
        <v>19</v>
      </c>
      <c r="AA12" s="254">
        <v>31</v>
      </c>
      <c r="AB12" s="256">
        <v>0</v>
      </c>
      <c r="AC12" s="257">
        <v>56</v>
      </c>
      <c r="AD12" s="257">
        <v>44</v>
      </c>
      <c r="AE12" s="257">
        <v>36</v>
      </c>
      <c r="AF12" s="257">
        <v>22</v>
      </c>
      <c r="AG12" s="257">
        <v>16</v>
      </c>
      <c r="AH12" s="254">
        <v>174</v>
      </c>
      <c r="AI12" s="259">
        <v>205</v>
      </c>
      <c r="AJ12" s="253">
        <v>1</v>
      </c>
      <c r="AK12" s="257">
        <v>3</v>
      </c>
      <c r="AL12" s="254">
        <v>4</v>
      </c>
      <c r="AM12" s="256">
        <v>0</v>
      </c>
      <c r="AN12" s="257">
        <v>5</v>
      </c>
      <c r="AO12" s="257">
        <v>9</v>
      </c>
      <c r="AP12" s="257">
        <v>9</v>
      </c>
      <c r="AQ12" s="257">
        <v>8</v>
      </c>
      <c r="AR12" s="257">
        <v>3</v>
      </c>
      <c r="AS12" s="254">
        <v>34</v>
      </c>
      <c r="AT12" s="259">
        <v>38</v>
      </c>
      <c r="AU12" s="253">
        <v>16</v>
      </c>
      <c r="AV12" s="257">
        <v>9</v>
      </c>
      <c r="AW12" s="254">
        <v>25</v>
      </c>
      <c r="AX12" s="256">
        <v>0</v>
      </c>
      <c r="AY12" s="257">
        <v>55</v>
      </c>
      <c r="AZ12" s="257">
        <v>68</v>
      </c>
      <c r="BA12" s="257">
        <v>70</v>
      </c>
      <c r="BB12" s="257">
        <v>69</v>
      </c>
      <c r="BC12" s="257">
        <v>35</v>
      </c>
      <c r="BD12" s="258">
        <v>297</v>
      </c>
      <c r="BE12" s="259">
        <v>322</v>
      </c>
      <c r="BF12" s="253">
        <v>0</v>
      </c>
      <c r="BG12" s="257">
        <v>0</v>
      </c>
      <c r="BH12" s="254">
        <v>0</v>
      </c>
      <c r="BI12" s="256">
        <v>0</v>
      </c>
      <c r="BJ12" s="257">
        <v>69</v>
      </c>
      <c r="BK12" s="257">
        <v>29</v>
      </c>
      <c r="BL12" s="257">
        <v>22</v>
      </c>
      <c r="BM12" s="257">
        <v>14</v>
      </c>
      <c r="BN12" s="257">
        <v>2</v>
      </c>
      <c r="BO12" s="254">
        <v>136</v>
      </c>
      <c r="BP12" s="259">
        <v>136</v>
      </c>
      <c r="BQ12" s="253">
        <v>5</v>
      </c>
      <c r="BR12" s="257">
        <v>9</v>
      </c>
      <c r="BS12" s="254">
        <v>14</v>
      </c>
      <c r="BT12" s="256">
        <v>0</v>
      </c>
      <c r="BU12" s="257">
        <v>21</v>
      </c>
      <c r="BV12" s="257">
        <v>20</v>
      </c>
      <c r="BW12" s="257">
        <v>11</v>
      </c>
      <c r="BX12" s="257">
        <v>9</v>
      </c>
      <c r="BY12" s="257">
        <v>3</v>
      </c>
      <c r="BZ12" s="254">
        <v>64</v>
      </c>
      <c r="CA12" s="259">
        <v>78</v>
      </c>
      <c r="CB12" s="253">
        <v>0</v>
      </c>
      <c r="CC12" s="257">
        <v>1</v>
      </c>
      <c r="CD12" s="254">
        <v>1</v>
      </c>
      <c r="CE12" s="256">
        <v>0</v>
      </c>
      <c r="CF12" s="257">
        <v>8</v>
      </c>
      <c r="CG12" s="257">
        <v>7</v>
      </c>
      <c r="CH12" s="257">
        <v>9</v>
      </c>
      <c r="CI12" s="257">
        <v>7</v>
      </c>
      <c r="CJ12" s="257">
        <v>3</v>
      </c>
      <c r="CK12" s="254">
        <v>34</v>
      </c>
      <c r="CL12" s="259">
        <v>35</v>
      </c>
      <c r="CM12" s="253">
        <v>0</v>
      </c>
      <c r="CN12" s="257">
        <v>0</v>
      </c>
      <c r="CO12" s="254">
        <v>0</v>
      </c>
      <c r="CP12" s="256">
        <v>0</v>
      </c>
      <c r="CQ12" s="257">
        <v>1</v>
      </c>
      <c r="CR12" s="257">
        <v>2</v>
      </c>
      <c r="CS12" s="257">
        <v>5</v>
      </c>
      <c r="CT12" s="257">
        <v>0</v>
      </c>
      <c r="CU12" s="257">
        <v>0</v>
      </c>
      <c r="CV12" s="254">
        <v>8</v>
      </c>
      <c r="CW12" s="259">
        <v>8</v>
      </c>
      <c r="CX12" s="253">
        <v>0</v>
      </c>
      <c r="CY12" s="257">
        <v>0</v>
      </c>
      <c r="CZ12" s="254">
        <v>0</v>
      </c>
      <c r="DA12" s="256">
        <v>0</v>
      </c>
      <c r="DB12" s="257">
        <v>0</v>
      </c>
      <c r="DC12" s="257">
        <v>0</v>
      </c>
      <c r="DD12" s="257">
        <v>0</v>
      </c>
      <c r="DE12" s="257">
        <v>0</v>
      </c>
      <c r="DF12" s="257">
        <v>0</v>
      </c>
      <c r="DG12" s="254">
        <v>0</v>
      </c>
      <c r="DH12" s="259">
        <v>0</v>
      </c>
      <c r="DI12" s="253">
        <v>0</v>
      </c>
      <c r="DJ12" s="257">
        <v>0</v>
      </c>
      <c r="DK12" s="254">
        <v>0</v>
      </c>
      <c r="DL12" s="256">
        <v>0</v>
      </c>
      <c r="DM12" s="257">
        <v>0</v>
      </c>
      <c r="DN12" s="257">
        <v>0</v>
      </c>
      <c r="DO12" s="257">
        <v>0</v>
      </c>
      <c r="DP12" s="257">
        <v>0</v>
      </c>
      <c r="DQ12" s="257">
        <v>0</v>
      </c>
      <c r="DR12" s="254">
        <v>0</v>
      </c>
      <c r="DS12" s="259">
        <v>0</v>
      </c>
      <c r="DT12" s="253">
        <v>30</v>
      </c>
      <c r="DU12" s="257">
        <v>43</v>
      </c>
      <c r="DV12" s="254">
        <v>73</v>
      </c>
      <c r="DW12" s="256">
        <v>0</v>
      </c>
      <c r="DX12" s="257">
        <v>100</v>
      </c>
      <c r="DY12" s="257">
        <v>108</v>
      </c>
      <c r="DZ12" s="257">
        <v>68</v>
      </c>
      <c r="EA12" s="257">
        <v>54</v>
      </c>
      <c r="EB12" s="257">
        <v>30</v>
      </c>
      <c r="EC12" s="254">
        <v>360</v>
      </c>
      <c r="ED12" s="259">
        <v>433</v>
      </c>
      <c r="EE12" s="253">
        <v>12</v>
      </c>
      <c r="EF12" s="257">
        <v>6</v>
      </c>
      <c r="EG12" s="254">
        <v>18</v>
      </c>
      <c r="EH12" s="256">
        <v>0</v>
      </c>
      <c r="EI12" s="257">
        <v>26</v>
      </c>
      <c r="EJ12" s="257">
        <v>25</v>
      </c>
      <c r="EK12" s="257">
        <v>29</v>
      </c>
      <c r="EL12" s="257">
        <v>26</v>
      </c>
      <c r="EM12" s="257">
        <v>12</v>
      </c>
      <c r="EN12" s="254">
        <v>118</v>
      </c>
      <c r="EO12" s="259">
        <v>136</v>
      </c>
      <c r="EP12" s="253">
        <v>43</v>
      </c>
      <c r="EQ12" s="257">
        <v>59</v>
      </c>
      <c r="ER12" s="254">
        <v>102</v>
      </c>
      <c r="ES12" s="256">
        <v>0</v>
      </c>
      <c r="ET12" s="257">
        <v>205</v>
      </c>
      <c r="EU12" s="257">
        <v>140</v>
      </c>
      <c r="EV12" s="257">
        <v>79</v>
      </c>
      <c r="EW12" s="257">
        <v>61</v>
      </c>
      <c r="EX12" s="257">
        <v>28</v>
      </c>
      <c r="EY12" s="254">
        <v>513</v>
      </c>
      <c r="EZ12" s="259">
        <v>615</v>
      </c>
    </row>
    <row r="13" spans="2:156" ht="21" customHeight="1" x14ac:dyDescent="0.2">
      <c r="B13" s="437" t="s">
        <v>10</v>
      </c>
      <c r="C13" s="253">
        <v>0</v>
      </c>
      <c r="D13" s="257">
        <v>0</v>
      </c>
      <c r="E13" s="340">
        <v>0</v>
      </c>
      <c r="F13" s="256">
        <v>0</v>
      </c>
      <c r="G13" s="257">
        <v>90</v>
      </c>
      <c r="H13" s="257">
        <v>52</v>
      </c>
      <c r="I13" s="257">
        <v>39</v>
      </c>
      <c r="J13" s="257">
        <v>26</v>
      </c>
      <c r="K13" s="257">
        <v>23</v>
      </c>
      <c r="L13" s="258">
        <v>230</v>
      </c>
      <c r="M13" s="259">
        <v>230</v>
      </c>
      <c r="N13" s="253">
        <v>0</v>
      </c>
      <c r="O13" s="257">
        <v>0</v>
      </c>
      <c r="P13" s="254">
        <v>0</v>
      </c>
      <c r="Q13" s="256">
        <v>0</v>
      </c>
      <c r="R13" s="257">
        <v>0</v>
      </c>
      <c r="S13" s="257">
        <v>2</v>
      </c>
      <c r="T13" s="257">
        <v>2</v>
      </c>
      <c r="U13" s="257">
        <v>5</v>
      </c>
      <c r="V13" s="257">
        <v>4</v>
      </c>
      <c r="W13" s="254">
        <v>13</v>
      </c>
      <c r="X13" s="259">
        <v>13</v>
      </c>
      <c r="Y13" s="253">
        <v>15</v>
      </c>
      <c r="Z13" s="257">
        <v>24</v>
      </c>
      <c r="AA13" s="254">
        <v>39</v>
      </c>
      <c r="AB13" s="256">
        <v>0</v>
      </c>
      <c r="AC13" s="257">
        <v>66</v>
      </c>
      <c r="AD13" s="257">
        <v>50</v>
      </c>
      <c r="AE13" s="257">
        <v>23</v>
      </c>
      <c r="AF13" s="257">
        <v>18</v>
      </c>
      <c r="AG13" s="257">
        <v>11</v>
      </c>
      <c r="AH13" s="254">
        <v>168</v>
      </c>
      <c r="AI13" s="259">
        <v>207</v>
      </c>
      <c r="AJ13" s="253">
        <v>2</v>
      </c>
      <c r="AK13" s="257">
        <v>5</v>
      </c>
      <c r="AL13" s="254">
        <v>7</v>
      </c>
      <c r="AM13" s="256">
        <v>0</v>
      </c>
      <c r="AN13" s="257">
        <v>9</v>
      </c>
      <c r="AO13" s="257">
        <v>12</v>
      </c>
      <c r="AP13" s="257">
        <v>3</v>
      </c>
      <c r="AQ13" s="257">
        <v>1</v>
      </c>
      <c r="AR13" s="257">
        <v>4</v>
      </c>
      <c r="AS13" s="254">
        <v>29</v>
      </c>
      <c r="AT13" s="259">
        <v>36</v>
      </c>
      <c r="AU13" s="253">
        <v>22</v>
      </c>
      <c r="AV13" s="257">
        <v>26</v>
      </c>
      <c r="AW13" s="254">
        <v>48</v>
      </c>
      <c r="AX13" s="256">
        <v>0</v>
      </c>
      <c r="AY13" s="257">
        <v>100</v>
      </c>
      <c r="AZ13" s="257">
        <v>87</v>
      </c>
      <c r="BA13" s="257">
        <v>75</v>
      </c>
      <c r="BB13" s="257">
        <v>70</v>
      </c>
      <c r="BC13" s="257">
        <v>76</v>
      </c>
      <c r="BD13" s="258">
        <v>408</v>
      </c>
      <c r="BE13" s="259">
        <v>456</v>
      </c>
      <c r="BF13" s="253">
        <v>0</v>
      </c>
      <c r="BG13" s="257">
        <v>0</v>
      </c>
      <c r="BH13" s="254">
        <v>0</v>
      </c>
      <c r="BI13" s="256">
        <v>0</v>
      </c>
      <c r="BJ13" s="257">
        <v>122</v>
      </c>
      <c r="BK13" s="257">
        <v>77</v>
      </c>
      <c r="BL13" s="257">
        <v>37</v>
      </c>
      <c r="BM13" s="257">
        <v>15</v>
      </c>
      <c r="BN13" s="257">
        <v>7</v>
      </c>
      <c r="BO13" s="254">
        <v>258</v>
      </c>
      <c r="BP13" s="259">
        <v>258</v>
      </c>
      <c r="BQ13" s="253">
        <v>3</v>
      </c>
      <c r="BR13" s="257">
        <v>7</v>
      </c>
      <c r="BS13" s="254">
        <v>10</v>
      </c>
      <c r="BT13" s="256">
        <v>0</v>
      </c>
      <c r="BU13" s="257">
        <v>28</v>
      </c>
      <c r="BV13" s="257">
        <v>17</v>
      </c>
      <c r="BW13" s="257">
        <v>6</v>
      </c>
      <c r="BX13" s="257">
        <v>2</v>
      </c>
      <c r="BY13" s="257">
        <v>1</v>
      </c>
      <c r="BZ13" s="254">
        <v>54</v>
      </c>
      <c r="CA13" s="259">
        <v>64</v>
      </c>
      <c r="CB13" s="253">
        <v>0</v>
      </c>
      <c r="CC13" s="257">
        <v>2</v>
      </c>
      <c r="CD13" s="254">
        <v>2</v>
      </c>
      <c r="CE13" s="256">
        <v>0</v>
      </c>
      <c r="CF13" s="257">
        <v>14</v>
      </c>
      <c r="CG13" s="257">
        <v>17</v>
      </c>
      <c r="CH13" s="257">
        <v>14</v>
      </c>
      <c r="CI13" s="257">
        <v>10</v>
      </c>
      <c r="CJ13" s="257">
        <v>1</v>
      </c>
      <c r="CK13" s="254">
        <v>56</v>
      </c>
      <c r="CL13" s="259">
        <v>58</v>
      </c>
      <c r="CM13" s="253">
        <v>0</v>
      </c>
      <c r="CN13" s="257">
        <v>0</v>
      </c>
      <c r="CO13" s="254">
        <v>0</v>
      </c>
      <c r="CP13" s="256">
        <v>0</v>
      </c>
      <c r="CQ13" s="257">
        <v>2</v>
      </c>
      <c r="CR13" s="257">
        <v>1</v>
      </c>
      <c r="CS13" s="257">
        <v>0</v>
      </c>
      <c r="CT13" s="257">
        <v>0</v>
      </c>
      <c r="CU13" s="257">
        <v>0</v>
      </c>
      <c r="CV13" s="254">
        <v>3</v>
      </c>
      <c r="CW13" s="259">
        <v>3</v>
      </c>
      <c r="CX13" s="253">
        <v>0</v>
      </c>
      <c r="CY13" s="257">
        <v>0</v>
      </c>
      <c r="CZ13" s="254">
        <v>0</v>
      </c>
      <c r="DA13" s="256">
        <v>0</v>
      </c>
      <c r="DB13" s="257">
        <v>0</v>
      </c>
      <c r="DC13" s="257">
        <v>0</v>
      </c>
      <c r="DD13" s="257">
        <v>0</v>
      </c>
      <c r="DE13" s="257">
        <v>0</v>
      </c>
      <c r="DF13" s="257">
        <v>0</v>
      </c>
      <c r="DG13" s="254">
        <v>0</v>
      </c>
      <c r="DH13" s="259">
        <v>0</v>
      </c>
      <c r="DI13" s="253">
        <v>0</v>
      </c>
      <c r="DJ13" s="257">
        <v>0</v>
      </c>
      <c r="DK13" s="254">
        <v>0</v>
      </c>
      <c r="DL13" s="256">
        <v>0</v>
      </c>
      <c r="DM13" s="257">
        <v>0</v>
      </c>
      <c r="DN13" s="257">
        <v>0</v>
      </c>
      <c r="DO13" s="257">
        <v>0</v>
      </c>
      <c r="DP13" s="257">
        <v>0</v>
      </c>
      <c r="DQ13" s="257">
        <v>0</v>
      </c>
      <c r="DR13" s="254">
        <v>0</v>
      </c>
      <c r="DS13" s="259">
        <v>0</v>
      </c>
      <c r="DT13" s="253">
        <v>61</v>
      </c>
      <c r="DU13" s="257">
        <v>101</v>
      </c>
      <c r="DV13" s="254">
        <v>162</v>
      </c>
      <c r="DW13" s="256">
        <v>0</v>
      </c>
      <c r="DX13" s="257">
        <v>136</v>
      </c>
      <c r="DY13" s="257">
        <v>120</v>
      </c>
      <c r="DZ13" s="257">
        <v>68</v>
      </c>
      <c r="EA13" s="257">
        <v>46</v>
      </c>
      <c r="EB13" s="257">
        <v>32</v>
      </c>
      <c r="EC13" s="254">
        <v>402</v>
      </c>
      <c r="ED13" s="259">
        <v>564</v>
      </c>
      <c r="EE13" s="253">
        <v>11</v>
      </c>
      <c r="EF13" s="257">
        <v>9</v>
      </c>
      <c r="EG13" s="254">
        <v>20</v>
      </c>
      <c r="EH13" s="256">
        <v>0</v>
      </c>
      <c r="EI13" s="257">
        <v>32</v>
      </c>
      <c r="EJ13" s="257">
        <v>27</v>
      </c>
      <c r="EK13" s="257">
        <v>25</v>
      </c>
      <c r="EL13" s="257">
        <v>35</v>
      </c>
      <c r="EM13" s="257">
        <v>36</v>
      </c>
      <c r="EN13" s="254">
        <v>155</v>
      </c>
      <c r="EO13" s="259">
        <v>175</v>
      </c>
      <c r="EP13" s="253">
        <v>73</v>
      </c>
      <c r="EQ13" s="257">
        <v>113</v>
      </c>
      <c r="ER13" s="254">
        <v>186</v>
      </c>
      <c r="ES13" s="256">
        <v>0</v>
      </c>
      <c r="ET13" s="257">
        <v>268</v>
      </c>
      <c r="EU13" s="257">
        <v>161</v>
      </c>
      <c r="EV13" s="257">
        <v>83</v>
      </c>
      <c r="EW13" s="257">
        <v>48</v>
      </c>
      <c r="EX13" s="257">
        <v>32</v>
      </c>
      <c r="EY13" s="254">
        <v>592</v>
      </c>
      <c r="EZ13" s="259">
        <v>778</v>
      </c>
    </row>
    <row r="14" spans="2:156" ht="21" customHeight="1" x14ac:dyDescent="0.2">
      <c r="B14" s="437" t="s">
        <v>11</v>
      </c>
      <c r="C14" s="253">
        <v>0</v>
      </c>
      <c r="D14" s="257">
        <v>0</v>
      </c>
      <c r="E14" s="340">
        <v>0</v>
      </c>
      <c r="F14" s="256">
        <v>0</v>
      </c>
      <c r="G14" s="257">
        <v>12</v>
      </c>
      <c r="H14" s="257">
        <v>8</v>
      </c>
      <c r="I14" s="257">
        <v>9</v>
      </c>
      <c r="J14" s="257">
        <v>13</v>
      </c>
      <c r="K14" s="257">
        <v>4</v>
      </c>
      <c r="L14" s="258">
        <v>46</v>
      </c>
      <c r="M14" s="259">
        <v>46</v>
      </c>
      <c r="N14" s="253">
        <v>0</v>
      </c>
      <c r="O14" s="257">
        <v>0</v>
      </c>
      <c r="P14" s="254">
        <v>0</v>
      </c>
      <c r="Q14" s="256">
        <v>0</v>
      </c>
      <c r="R14" s="257">
        <v>0</v>
      </c>
      <c r="S14" s="257">
        <v>0</v>
      </c>
      <c r="T14" s="257">
        <v>0</v>
      </c>
      <c r="U14" s="257">
        <v>3</v>
      </c>
      <c r="V14" s="257">
        <v>2</v>
      </c>
      <c r="W14" s="254">
        <v>5</v>
      </c>
      <c r="X14" s="259">
        <v>5</v>
      </c>
      <c r="Y14" s="253">
        <v>5</v>
      </c>
      <c r="Z14" s="257">
        <v>1</v>
      </c>
      <c r="AA14" s="254">
        <v>6</v>
      </c>
      <c r="AB14" s="256">
        <v>0</v>
      </c>
      <c r="AC14" s="257">
        <v>28</v>
      </c>
      <c r="AD14" s="257">
        <v>12</v>
      </c>
      <c r="AE14" s="257">
        <v>8</v>
      </c>
      <c r="AF14" s="257">
        <v>13</v>
      </c>
      <c r="AG14" s="257">
        <v>3</v>
      </c>
      <c r="AH14" s="254">
        <v>64</v>
      </c>
      <c r="AI14" s="259">
        <v>70</v>
      </c>
      <c r="AJ14" s="253">
        <v>0</v>
      </c>
      <c r="AK14" s="257">
        <v>1</v>
      </c>
      <c r="AL14" s="254">
        <v>1</v>
      </c>
      <c r="AM14" s="256">
        <v>0</v>
      </c>
      <c r="AN14" s="257">
        <v>2</v>
      </c>
      <c r="AO14" s="257">
        <v>3</v>
      </c>
      <c r="AP14" s="257">
        <v>0</v>
      </c>
      <c r="AQ14" s="257">
        <v>1</v>
      </c>
      <c r="AR14" s="257">
        <v>1</v>
      </c>
      <c r="AS14" s="254">
        <v>7</v>
      </c>
      <c r="AT14" s="259">
        <v>8</v>
      </c>
      <c r="AU14" s="253">
        <v>3</v>
      </c>
      <c r="AV14" s="257">
        <v>1</v>
      </c>
      <c r="AW14" s="254">
        <v>4</v>
      </c>
      <c r="AX14" s="256">
        <v>0</v>
      </c>
      <c r="AY14" s="257">
        <v>20</v>
      </c>
      <c r="AZ14" s="257">
        <v>22</v>
      </c>
      <c r="BA14" s="257">
        <v>16</v>
      </c>
      <c r="BB14" s="257">
        <v>27</v>
      </c>
      <c r="BC14" s="257">
        <v>8</v>
      </c>
      <c r="BD14" s="258">
        <v>93</v>
      </c>
      <c r="BE14" s="259">
        <v>97</v>
      </c>
      <c r="BF14" s="253">
        <v>0</v>
      </c>
      <c r="BG14" s="257">
        <v>0</v>
      </c>
      <c r="BH14" s="254">
        <v>0</v>
      </c>
      <c r="BI14" s="256">
        <v>0</v>
      </c>
      <c r="BJ14" s="257">
        <v>21</v>
      </c>
      <c r="BK14" s="257">
        <v>10</v>
      </c>
      <c r="BL14" s="257">
        <v>9</v>
      </c>
      <c r="BM14" s="257">
        <v>9</v>
      </c>
      <c r="BN14" s="257">
        <v>3</v>
      </c>
      <c r="BO14" s="254">
        <v>52</v>
      </c>
      <c r="BP14" s="259">
        <v>52</v>
      </c>
      <c r="BQ14" s="253">
        <v>0</v>
      </c>
      <c r="BR14" s="257">
        <v>5</v>
      </c>
      <c r="BS14" s="254">
        <v>5</v>
      </c>
      <c r="BT14" s="256">
        <v>0</v>
      </c>
      <c r="BU14" s="257">
        <v>15</v>
      </c>
      <c r="BV14" s="257">
        <v>7</v>
      </c>
      <c r="BW14" s="257">
        <v>13</v>
      </c>
      <c r="BX14" s="257">
        <v>3</v>
      </c>
      <c r="BY14" s="257">
        <v>1</v>
      </c>
      <c r="BZ14" s="254">
        <v>39</v>
      </c>
      <c r="CA14" s="259">
        <v>44</v>
      </c>
      <c r="CB14" s="253">
        <v>0</v>
      </c>
      <c r="CC14" s="257">
        <v>0</v>
      </c>
      <c r="CD14" s="254">
        <v>0</v>
      </c>
      <c r="CE14" s="256">
        <v>0</v>
      </c>
      <c r="CF14" s="257">
        <v>4</v>
      </c>
      <c r="CG14" s="257">
        <v>2</v>
      </c>
      <c r="CH14" s="257">
        <v>3</v>
      </c>
      <c r="CI14" s="257">
        <v>2</v>
      </c>
      <c r="CJ14" s="257">
        <v>2</v>
      </c>
      <c r="CK14" s="254">
        <v>13</v>
      </c>
      <c r="CL14" s="259">
        <v>13</v>
      </c>
      <c r="CM14" s="253">
        <v>0</v>
      </c>
      <c r="CN14" s="257">
        <v>0</v>
      </c>
      <c r="CO14" s="254">
        <v>0</v>
      </c>
      <c r="CP14" s="256">
        <v>0</v>
      </c>
      <c r="CQ14" s="257">
        <v>0</v>
      </c>
      <c r="CR14" s="257">
        <v>1</v>
      </c>
      <c r="CS14" s="257">
        <v>1</v>
      </c>
      <c r="CT14" s="257">
        <v>0</v>
      </c>
      <c r="CU14" s="257">
        <v>2</v>
      </c>
      <c r="CV14" s="254">
        <v>4</v>
      </c>
      <c r="CW14" s="259">
        <v>4</v>
      </c>
      <c r="CX14" s="253">
        <v>0</v>
      </c>
      <c r="CY14" s="257">
        <v>0</v>
      </c>
      <c r="CZ14" s="254">
        <v>0</v>
      </c>
      <c r="DA14" s="256">
        <v>0</v>
      </c>
      <c r="DB14" s="257">
        <v>0</v>
      </c>
      <c r="DC14" s="257">
        <v>0</v>
      </c>
      <c r="DD14" s="257">
        <v>0</v>
      </c>
      <c r="DE14" s="257">
        <v>0</v>
      </c>
      <c r="DF14" s="257">
        <v>0</v>
      </c>
      <c r="DG14" s="254">
        <v>0</v>
      </c>
      <c r="DH14" s="259">
        <v>0</v>
      </c>
      <c r="DI14" s="253">
        <v>0</v>
      </c>
      <c r="DJ14" s="257">
        <v>0</v>
      </c>
      <c r="DK14" s="254">
        <v>0</v>
      </c>
      <c r="DL14" s="256">
        <v>0</v>
      </c>
      <c r="DM14" s="257">
        <v>0</v>
      </c>
      <c r="DN14" s="257">
        <v>0</v>
      </c>
      <c r="DO14" s="257">
        <v>0</v>
      </c>
      <c r="DP14" s="257">
        <v>0</v>
      </c>
      <c r="DQ14" s="257">
        <v>0</v>
      </c>
      <c r="DR14" s="254">
        <v>0</v>
      </c>
      <c r="DS14" s="259">
        <v>0</v>
      </c>
      <c r="DT14" s="253">
        <v>14</v>
      </c>
      <c r="DU14" s="257">
        <v>17</v>
      </c>
      <c r="DV14" s="254">
        <v>31</v>
      </c>
      <c r="DW14" s="256">
        <v>0</v>
      </c>
      <c r="DX14" s="257">
        <v>49</v>
      </c>
      <c r="DY14" s="257">
        <v>30</v>
      </c>
      <c r="DZ14" s="257">
        <v>30</v>
      </c>
      <c r="EA14" s="257">
        <v>32</v>
      </c>
      <c r="EB14" s="257">
        <v>7</v>
      </c>
      <c r="EC14" s="254">
        <v>148</v>
      </c>
      <c r="ED14" s="259">
        <v>179</v>
      </c>
      <c r="EE14" s="253">
        <v>3</v>
      </c>
      <c r="EF14" s="257">
        <v>1</v>
      </c>
      <c r="EG14" s="254">
        <v>4</v>
      </c>
      <c r="EH14" s="256">
        <v>0</v>
      </c>
      <c r="EI14" s="257">
        <v>16</v>
      </c>
      <c r="EJ14" s="257">
        <v>11</v>
      </c>
      <c r="EK14" s="257">
        <v>10</v>
      </c>
      <c r="EL14" s="257">
        <v>14</v>
      </c>
      <c r="EM14" s="257">
        <v>5</v>
      </c>
      <c r="EN14" s="254">
        <v>56</v>
      </c>
      <c r="EO14" s="259">
        <v>60</v>
      </c>
      <c r="EP14" s="253">
        <v>19</v>
      </c>
      <c r="EQ14" s="257">
        <v>24</v>
      </c>
      <c r="ER14" s="254">
        <v>43</v>
      </c>
      <c r="ES14" s="256">
        <v>0</v>
      </c>
      <c r="ET14" s="257">
        <v>99</v>
      </c>
      <c r="EU14" s="257">
        <v>38</v>
      </c>
      <c r="EV14" s="257">
        <v>34</v>
      </c>
      <c r="EW14" s="257">
        <v>34</v>
      </c>
      <c r="EX14" s="257">
        <v>8</v>
      </c>
      <c r="EY14" s="254">
        <v>213</v>
      </c>
      <c r="EZ14" s="259">
        <v>256</v>
      </c>
    </row>
    <row r="15" spans="2:156" ht="21" customHeight="1" x14ac:dyDescent="0.2">
      <c r="B15" s="437" t="s">
        <v>12</v>
      </c>
      <c r="C15" s="253">
        <v>0</v>
      </c>
      <c r="D15" s="257">
        <v>0</v>
      </c>
      <c r="E15" s="340">
        <v>0</v>
      </c>
      <c r="F15" s="256">
        <v>0</v>
      </c>
      <c r="G15" s="257">
        <v>40</v>
      </c>
      <c r="H15" s="257">
        <v>26</v>
      </c>
      <c r="I15" s="257">
        <v>25</v>
      </c>
      <c r="J15" s="257">
        <v>15</v>
      </c>
      <c r="K15" s="257">
        <v>18</v>
      </c>
      <c r="L15" s="258">
        <v>124</v>
      </c>
      <c r="M15" s="259">
        <v>124</v>
      </c>
      <c r="N15" s="253">
        <v>0</v>
      </c>
      <c r="O15" s="257">
        <v>0</v>
      </c>
      <c r="P15" s="254">
        <v>0</v>
      </c>
      <c r="Q15" s="256">
        <v>0</v>
      </c>
      <c r="R15" s="257">
        <v>0</v>
      </c>
      <c r="S15" s="257">
        <v>2</v>
      </c>
      <c r="T15" s="257">
        <v>1</v>
      </c>
      <c r="U15" s="257">
        <v>5</v>
      </c>
      <c r="V15" s="257">
        <v>5</v>
      </c>
      <c r="W15" s="254">
        <v>13</v>
      </c>
      <c r="X15" s="259">
        <v>13</v>
      </c>
      <c r="Y15" s="253">
        <v>9</v>
      </c>
      <c r="Z15" s="257">
        <v>28</v>
      </c>
      <c r="AA15" s="254">
        <v>37</v>
      </c>
      <c r="AB15" s="256">
        <v>0</v>
      </c>
      <c r="AC15" s="257">
        <v>28</v>
      </c>
      <c r="AD15" s="257">
        <v>20</v>
      </c>
      <c r="AE15" s="257">
        <v>15</v>
      </c>
      <c r="AF15" s="257">
        <v>14</v>
      </c>
      <c r="AG15" s="257">
        <v>16</v>
      </c>
      <c r="AH15" s="254">
        <v>93</v>
      </c>
      <c r="AI15" s="259">
        <v>130</v>
      </c>
      <c r="AJ15" s="253">
        <v>1</v>
      </c>
      <c r="AK15" s="257">
        <v>2</v>
      </c>
      <c r="AL15" s="254">
        <v>3</v>
      </c>
      <c r="AM15" s="256">
        <v>0</v>
      </c>
      <c r="AN15" s="257">
        <v>2</v>
      </c>
      <c r="AO15" s="257">
        <v>3</v>
      </c>
      <c r="AP15" s="257">
        <v>2</v>
      </c>
      <c r="AQ15" s="257">
        <v>2</v>
      </c>
      <c r="AR15" s="257">
        <v>0</v>
      </c>
      <c r="AS15" s="254">
        <v>9</v>
      </c>
      <c r="AT15" s="259">
        <v>12</v>
      </c>
      <c r="AU15" s="253">
        <v>6</v>
      </c>
      <c r="AV15" s="257">
        <v>9</v>
      </c>
      <c r="AW15" s="254">
        <v>15</v>
      </c>
      <c r="AX15" s="256">
        <v>0</v>
      </c>
      <c r="AY15" s="257">
        <v>20</v>
      </c>
      <c r="AZ15" s="257">
        <v>25</v>
      </c>
      <c r="BA15" s="257">
        <v>31</v>
      </c>
      <c r="BB15" s="257">
        <v>25</v>
      </c>
      <c r="BC15" s="257">
        <v>16</v>
      </c>
      <c r="BD15" s="258">
        <v>117</v>
      </c>
      <c r="BE15" s="259">
        <v>132</v>
      </c>
      <c r="BF15" s="253">
        <v>0</v>
      </c>
      <c r="BG15" s="257">
        <v>0</v>
      </c>
      <c r="BH15" s="254">
        <v>0</v>
      </c>
      <c r="BI15" s="256">
        <v>0</v>
      </c>
      <c r="BJ15" s="257">
        <v>39</v>
      </c>
      <c r="BK15" s="257">
        <v>30</v>
      </c>
      <c r="BL15" s="257">
        <v>20</v>
      </c>
      <c r="BM15" s="257">
        <v>12</v>
      </c>
      <c r="BN15" s="257">
        <v>9</v>
      </c>
      <c r="BO15" s="254">
        <v>110</v>
      </c>
      <c r="BP15" s="259">
        <v>110</v>
      </c>
      <c r="BQ15" s="253">
        <v>13</v>
      </c>
      <c r="BR15" s="257">
        <v>8</v>
      </c>
      <c r="BS15" s="254">
        <v>21</v>
      </c>
      <c r="BT15" s="256">
        <v>0</v>
      </c>
      <c r="BU15" s="257">
        <v>10</v>
      </c>
      <c r="BV15" s="257">
        <v>7</v>
      </c>
      <c r="BW15" s="257">
        <v>13</v>
      </c>
      <c r="BX15" s="257">
        <v>7</v>
      </c>
      <c r="BY15" s="257">
        <v>0</v>
      </c>
      <c r="BZ15" s="254">
        <v>37</v>
      </c>
      <c r="CA15" s="259">
        <v>58</v>
      </c>
      <c r="CB15" s="253">
        <v>0</v>
      </c>
      <c r="CC15" s="257">
        <v>1</v>
      </c>
      <c r="CD15" s="254">
        <v>1</v>
      </c>
      <c r="CE15" s="256">
        <v>0</v>
      </c>
      <c r="CF15" s="257">
        <v>8</v>
      </c>
      <c r="CG15" s="257">
        <v>5</v>
      </c>
      <c r="CH15" s="257">
        <v>12</v>
      </c>
      <c r="CI15" s="257">
        <v>6</v>
      </c>
      <c r="CJ15" s="257">
        <v>7</v>
      </c>
      <c r="CK15" s="254">
        <v>38</v>
      </c>
      <c r="CL15" s="259">
        <v>39</v>
      </c>
      <c r="CM15" s="253">
        <v>0</v>
      </c>
      <c r="CN15" s="257">
        <v>0</v>
      </c>
      <c r="CO15" s="254">
        <v>0</v>
      </c>
      <c r="CP15" s="256">
        <v>0</v>
      </c>
      <c r="CQ15" s="257">
        <v>1</v>
      </c>
      <c r="CR15" s="257">
        <v>0</v>
      </c>
      <c r="CS15" s="257">
        <v>1</v>
      </c>
      <c r="CT15" s="257">
        <v>0</v>
      </c>
      <c r="CU15" s="257">
        <v>0</v>
      </c>
      <c r="CV15" s="254">
        <v>2</v>
      </c>
      <c r="CW15" s="259">
        <v>2</v>
      </c>
      <c r="CX15" s="253">
        <v>0</v>
      </c>
      <c r="CY15" s="257">
        <v>0</v>
      </c>
      <c r="CZ15" s="254">
        <v>0</v>
      </c>
      <c r="DA15" s="256">
        <v>0</v>
      </c>
      <c r="DB15" s="257">
        <v>0</v>
      </c>
      <c r="DC15" s="257">
        <v>0</v>
      </c>
      <c r="DD15" s="257">
        <v>0</v>
      </c>
      <c r="DE15" s="257">
        <v>0</v>
      </c>
      <c r="DF15" s="257">
        <v>0</v>
      </c>
      <c r="DG15" s="254">
        <v>0</v>
      </c>
      <c r="DH15" s="259">
        <v>0</v>
      </c>
      <c r="DI15" s="253">
        <v>0</v>
      </c>
      <c r="DJ15" s="257">
        <v>0</v>
      </c>
      <c r="DK15" s="254">
        <v>0</v>
      </c>
      <c r="DL15" s="256">
        <v>0</v>
      </c>
      <c r="DM15" s="257">
        <v>0</v>
      </c>
      <c r="DN15" s="257">
        <v>0</v>
      </c>
      <c r="DO15" s="257">
        <v>0</v>
      </c>
      <c r="DP15" s="257">
        <v>0</v>
      </c>
      <c r="DQ15" s="257">
        <v>0</v>
      </c>
      <c r="DR15" s="254">
        <v>0</v>
      </c>
      <c r="DS15" s="259">
        <v>0</v>
      </c>
      <c r="DT15" s="253">
        <v>23</v>
      </c>
      <c r="DU15" s="257">
        <v>59</v>
      </c>
      <c r="DV15" s="254">
        <v>82</v>
      </c>
      <c r="DW15" s="256">
        <v>0</v>
      </c>
      <c r="DX15" s="257">
        <v>43</v>
      </c>
      <c r="DY15" s="257">
        <v>53</v>
      </c>
      <c r="DZ15" s="257">
        <v>44</v>
      </c>
      <c r="EA15" s="257">
        <v>39</v>
      </c>
      <c r="EB15" s="257">
        <v>24</v>
      </c>
      <c r="EC15" s="254">
        <v>203</v>
      </c>
      <c r="ED15" s="259">
        <v>285</v>
      </c>
      <c r="EE15" s="253">
        <v>5</v>
      </c>
      <c r="EF15" s="257">
        <v>4</v>
      </c>
      <c r="EG15" s="254">
        <v>9</v>
      </c>
      <c r="EH15" s="256">
        <v>0</v>
      </c>
      <c r="EI15" s="257">
        <v>8</v>
      </c>
      <c r="EJ15" s="257">
        <v>14</v>
      </c>
      <c r="EK15" s="257">
        <v>11</v>
      </c>
      <c r="EL15" s="257">
        <v>12</v>
      </c>
      <c r="EM15" s="257">
        <v>6</v>
      </c>
      <c r="EN15" s="254">
        <v>51</v>
      </c>
      <c r="EO15" s="259">
        <v>60</v>
      </c>
      <c r="EP15" s="253">
        <v>42</v>
      </c>
      <c r="EQ15" s="257">
        <v>73</v>
      </c>
      <c r="ER15" s="254">
        <v>115</v>
      </c>
      <c r="ES15" s="256">
        <v>0</v>
      </c>
      <c r="ET15" s="257">
        <v>106</v>
      </c>
      <c r="EU15" s="257">
        <v>75</v>
      </c>
      <c r="EV15" s="257">
        <v>54</v>
      </c>
      <c r="EW15" s="257">
        <v>41</v>
      </c>
      <c r="EX15" s="257">
        <v>27</v>
      </c>
      <c r="EY15" s="254">
        <v>303</v>
      </c>
      <c r="EZ15" s="259">
        <v>418</v>
      </c>
    </row>
    <row r="16" spans="2:156" ht="21" customHeight="1" x14ac:dyDescent="0.2">
      <c r="B16" s="437" t="s">
        <v>13</v>
      </c>
      <c r="C16" s="253">
        <v>0</v>
      </c>
      <c r="D16" s="257">
        <v>0</v>
      </c>
      <c r="E16" s="340">
        <v>0</v>
      </c>
      <c r="F16" s="256">
        <v>0</v>
      </c>
      <c r="G16" s="257">
        <v>27</v>
      </c>
      <c r="H16" s="257">
        <v>26</v>
      </c>
      <c r="I16" s="257">
        <v>15</v>
      </c>
      <c r="J16" s="257">
        <v>9</v>
      </c>
      <c r="K16" s="257">
        <v>14</v>
      </c>
      <c r="L16" s="258">
        <v>91</v>
      </c>
      <c r="M16" s="259">
        <v>91</v>
      </c>
      <c r="N16" s="253">
        <v>0</v>
      </c>
      <c r="O16" s="257">
        <v>0</v>
      </c>
      <c r="P16" s="254">
        <v>0</v>
      </c>
      <c r="Q16" s="256">
        <v>0</v>
      </c>
      <c r="R16" s="257">
        <v>0</v>
      </c>
      <c r="S16" s="257">
        <v>0</v>
      </c>
      <c r="T16" s="257">
        <v>0</v>
      </c>
      <c r="U16" s="257">
        <v>2</v>
      </c>
      <c r="V16" s="257">
        <v>2</v>
      </c>
      <c r="W16" s="254">
        <v>4</v>
      </c>
      <c r="X16" s="259">
        <v>4</v>
      </c>
      <c r="Y16" s="253">
        <v>1</v>
      </c>
      <c r="Z16" s="257">
        <v>6</v>
      </c>
      <c r="AA16" s="254">
        <v>7</v>
      </c>
      <c r="AB16" s="256">
        <v>0</v>
      </c>
      <c r="AC16" s="257">
        <v>16</v>
      </c>
      <c r="AD16" s="257">
        <v>19</v>
      </c>
      <c r="AE16" s="257">
        <v>9</v>
      </c>
      <c r="AF16" s="257">
        <v>7</v>
      </c>
      <c r="AG16" s="257">
        <v>10</v>
      </c>
      <c r="AH16" s="254">
        <v>61</v>
      </c>
      <c r="AI16" s="259">
        <v>68</v>
      </c>
      <c r="AJ16" s="253">
        <v>0</v>
      </c>
      <c r="AK16" s="257">
        <v>0</v>
      </c>
      <c r="AL16" s="254">
        <v>0</v>
      </c>
      <c r="AM16" s="256">
        <v>0</v>
      </c>
      <c r="AN16" s="257">
        <v>1</v>
      </c>
      <c r="AO16" s="257">
        <v>3</v>
      </c>
      <c r="AP16" s="257">
        <v>0</v>
      </c>
      <c r="AQ16" s="257">
        <v>3</v>
      </c>
      <c r="AR16" s="257">
        <v>2</v>
      </c>
      <c r="AS16" s="254">
        <v>9</v>
      </c>
      <c r="AT16" s="259">
        <v>9</v>
      </c>
      <c r="AU16" s="253">
        <v>6</v>
      </c>
      <c r="AV16" s="257">
        <v>6</v>
      </c>
      <c r="AW16" s="254">
        <v>12</v>
      </c>
      <c r="AX16" s="256">
        <v>0</v>
      </c>
      <c r="AY16" s="257">
        <v>26</v>
      </c>
      <c r="AZ16" s="257">
        <v>26</v>
      </c>
      <c r="BA16" s="257">
        <v>16</v>
      </c>
      <c r="BB16" s="257">
        <v>19</v>
      </c>
      <c r="BC16" s="257">
        <v>22</v>
      </c>
      <c r="BD16" s="258">
        <v>109</v>
      </c>
      <c r="BE16" s="259">
        <v>121</v>
      </c>
      <c r="BF16" s="253">
        <v>0</v>
      </c>
      <c r="BG16" s="257">
        <v>0</v>
      </c>
      <c r="BH16" s="254">
        <v>0</v>
      </c>
      <c r="BI16" s="256">
        <v>0</v>
      </c>
      <c r="BJ16" s="257">
        <v>19</v>
      </c>
      <c r="BK16" s="257">
        <v>16</v>
      </c>
      <c r="BL16" s="257">
        <v>9</v>
      </c>
      <c r="BM16" s="257">
        <v>1</v>
      </c>
      <c r="BN16" s="257">
        <v>1</v>
      </c>
      <c r="BO16" s="254">
        <v>46</v>
      </c>
      <c r="BP16" s="259">
        <v>46</v>
      </c>
      <c r="BQ16" s="253">
        <v>0</v>
      </c>
      <c r="BR16" s="257">
        <v>1</v>
      </c>
      <c r="BS16" s="254">
        <v>1</v>
      </c>
      <c r="BT16" s="256">
        <v>0</v>
      </c>
      <c r="BU16" s="257">
        <v>3</v>
      </c>
      <c r="BV16" s="257">
        <v>4</v>
      </c>
      <c r="BW16" s="257">
        <v>2</v>
      </c>
      <c r="BX16" s="257">
        <v>3</v>
      </c>
      <c r="BY16" s="257">
        <v>1</v>
      </c>
      <c r="BZ16" s="254">
        <v>13</v>
      </c>
      <c r="CA16" s="259">
        <v>14</v>
      </c>
      <c r="CB16" s="253">
        <v>0</v>
      </c>
      <c r="CC16" s="257">
        <v>0</v>
      </c>
      <c r="CD16" s="254">
        <v>0</v>
      </c>
      <c r="CE16" s="256">
        <v>0</v>
      </c>
      <c r="CF16" s="257">
        <v>1</v>
      </c>
      <c r="CG16" s="257">
        <v>3</v>
      </c>
      <c r="CH16" s="257">
        <v>2</v>
      </c>
      <c r="CI16" s="257">
        <v>2</v>
      </c>
      <c r="CJ16" s="257">
        <v>0</v>
      </c>
      <c r="CK16" s="254">
        <v>8</v>
      </c>
      <c r="CL16" s="259">
        <v>8</v>
      </c>
      <c r="CM16" s="253">
        <v>0</v>
      </c>
      <c r="CN16" s="257">
        <v>0</v>
      </c>
      <c r="CO16" s="254">
        <v>0</v>
      </c>
      <c r="CP16" s="256">
        <v>0</v>
      </c>
      <c r="CQ16" s="257">
        <v>0</v>
      </c>
      <c r="CR16" s="257">
        <v>1</v>
      </c>
      <c r="CS16" s="257">
        <v>0</v>
      </c>
      <c r="CT16" s="257">
        <v>0</v>
      </c>
      <c r="CU16" s="257">
        <v>0</v>
      </c>
      <c r="CV16" s="254">
        <v>1</v>
      </c>
      <c r="CW16" s="259">
        <v>1</v>
      </c>
      <c r="CX16" s="253">
        <v>0</v>
      </c>
      <c r="CY16" s="257">
        <v>0</v>
      </c>
      <c r="CZ16" s="254">
        <v>0</v>
      </c>
      <c r="DA16" s="256">
        <v>0</v>
      </c>
      <c r="DB16" s="257">
        <v>0</v>
      </c>
      <c r="DC16" s="257">
        <v>0</v>
      </c>
      <c r="DD16" s="257">
        <v>0</v>
      </c>
      <c r="DE16" s="257">
        <v>0</v>
      </c>
      <c r="DF16" s="257">
        <v>0</v>
      </c>
      <c r="DG16" s="254">
        <v>0</v>
      </c>
      <c r="DH16" s="259">
        <v>0</v>
      </c>
      <c r="DI16" s="253">
        <v>0</v>
      </c>
      <c r="DJ16" s="257">
        <v>0</v>
      </c>
      <c r="DK16" s="254">
        <v>0</v>
      </c>
      <c r="DL16" s="256">
        <v>0</v>
      </c>
      <c r="DM16" s="257">
        <v>0</v>
      </c>
      <c r="DN16" s="257">
        <v>0</v>
      </c>
      <c r="DO16" s="257">
        <v>0</v>
      </c>
      <c r="DP16" s="257">
        <v>0</v>
      </c>
      <c r="DQ16" s="257">
        <v>0</v>
      </c>
      <c r="DR16" s="254">
        <v>0</v>
      </c>
      <c r="DS16" s="259">
        <v>0</v>
      </c>
      <c r="DT16" s="253">
        <v>2</v>
      </c>
      <c r="DU16" s="257">
        <v>15</v>
      </c>
      <c r="DV16" s="254">
        <v>17</v>
      </c>
      <c r="DW16" s="256">
        <v>0</v>
      </c>
      <c r="DX16" s="257">
        <v>23</v>
      </c>
      <c r="DY16" s="257">
        <v>39</v>
      </c>
      <c r="DZ16" s="257">
        <v>18</v>
      </c>
      <c r="EA16" s="257">
        <v>12</v>
      </c>
      <c r="EB16" s="257">
        <v>18</v>
      </c>
      <c r="EC16" s="254">
        <v>110</v>
      </c>
      <c r="ED16" s="259">
        <v>127</v>
      </c>
      <c r="EE16" s="253">
        <v>4</v>
      </c>
      <c r="EF16" s="257">
        <v>3</v>
      </c>
      <c r="EG16" s="254">
        <v>7</v>
      </c>
      <c r="EH16" s="256">
        <v>0</v>
      </c>
      <c r="EI16" s="257">
        <v>11</v>
      </c>
      <c r="EJ16" s="257">
        <v>11</v>
      </c>
      <c r="EK16" s="257">
        <v>7</v>
      </c>
      <c r="EL16" s="257">
        <v>9</v>
      </c>
      <c r="EM16" s="257">
        <v>8</v>
      </c>
      <c r="EN16" s="254">
        <v>46</v>
      </c>
      <c r="EO16" s="259">
        <v>53</v>
      </c>
      <c r="EP16" s="253">
        <v>3</v>
      </c>
      <c r="EQ16" s="257">
        <v>18</v>
      </c>
      <c r="ER16" s="254">
        <v>21</v>
      </c>
      <c r="ES16" s="256">
        <v>0</v>
      </c>
      <c r="ET16" s="257">
        <v>56</v>
      </c>
      <c r="EU16" s="257">
        <v>58</v>
      </c>
      <c r="EV16" s="257">
        <v>27</v>
      </c>
      <c r="EW16" s="257">
        <v>15</v>
      </c>
      <c r="EX16" s="257">
        <v>17</v>
      </c>
      <c r="EY16" s="254">
        <v>173</v>
      </c>
      <c r="EZ16" s="259">
        <v>194</v>
      </c>
    </row>
    <row r="17" spans="2:156" ht="21" customHeight="1" x14ac:dyDescent="0.2">
      <c r="B17" s="437" t="s">
        <v>15</v>
      </c>
      <c r="C17" s="253">
        <v>0</v>
      </c>
      <c r="D17" s="257">
        <v>0</v>
      </c>
      <c r="E17" s="340">
        <v>0</v>
      </c>
      <c r="F17" s="256">
        <v>0</v>
      </c>
      <c r="G17" s="257">
        <v>5</v>
      </c>
      <c r="H17" s="257">
        <v>4</v>
      </c>
      <c r="I17" s="257">
        <v>0</v>
      </c>
      <c r="J17" s="257">
        <v>3</v>
      </c>
      <c r="K17" s="257">
        <v>1</v>
      </c>
      <c r="L17" s="258">
        <v>13</v>
      </c>
      <c r="M17" s="259">
        <v>13</v>
      </c>
      <c r="N17" s="253">
        <v>0</v>
      </c>
      <c r="O17" s="257">
        <v>0</v>
      </c>
      <c r="P17" s="254">
        <v>0</v>
      </c>
      <c r="Q17" s="256">
        <v>0</v>
      </c>
      <c r="R17" s="257">
        <v>0</v>
      </c>
      <c r="S17" s="257">
        <v>0</v>
      </c>
      <c r="T17" s="257">
        <v>0</v>
      </c>
      <c r="U17" s="257">
        <v>1</v>
      </c>
      <c r="V17" s="257">
        <v>2</v>
      </c>
      <c r="W17" s="254">
        <v>3</v>
      </c>
      <c r="X17" s="259">
        <v>3</v>
      </c>
      <c r="Y17" s="253">
        <v>0</v>
      </c>
      <c r="Z17" s="257">
        <v>1</v>
      </c>
      <c r="AA17" s="254">
        <v>1</v>
      </c>
      <c r="AB17" s="256">
        <v>0</v>
      </c>
      <c r="AC17" s="257">
        <v>3</v>
      </c>
      <c r="AD17" s="257">
        <v>4</v>
      </c>
      <c r="AE17" s="257">
        <v>0</v>
      </c>
      <c r="AF17" s="257">
        <v>4</v>
      </c>
      <c r="AG17" s="257">
        <v>3</v>
      </c>
      <c r="AH17" s="254">
        <v>14</v>
      </c>
      <c r="AI17" s="259">
        <v>15</v>
      </c>
      <c r="AJ17" s="253">
        <v>0</v>
      </c>
      <c r="AK17" s="257">
        <v>0</v>
      </c>
      <c r="AL17" s="254">
        <v>0</v>
      </c>
      <c r="AM17" s="256">
        <v>0</v>
      </c>
      <c r="AN17" s="257">
        <v>0</v>
      </c>
      <c r="AO17" s="257">
        <v>1</v>
      </c>
      <c r="AP17" s="257">
        <v>0</v>
      </c>
      <c r="AQ17" s="257">
        <v>0</v>
      </c>
      <c r="AR17" s="257">
        <v>1</v>
      </c>
      <c r="AS17" s="254">
        <v>2</v>
      </c>
      <c r="AT17" s="259">
        <v>2</v>
      </c>
      <c r="AU17" s="253">
        <v>0</v>
      </c>
      <c r="AV17" s="257">
        <v>1</v>
      </c>
      <c r="AW17" s="254">
        <v>1</v>
      </c>
      <c r="AX17" s="256">
        <v>0</v>
      </c>
      <c r="AY17" s="257">
        <v>3</v>
      </c>
      <c r="AZ17" s="257">
        <v>6</v>
      </c>
      <c r="BA17" s="257">
        <v>3</v>
      </c>
      <c r="BB17" s="257">
        <v>6</v>
      </c>
      <c r="BC17" s="257">
        <v>2</v>
      </c>
      <c r="BD17" s="258">
        <v>20</v>
      </c>
      <c r="BE17" s="259">
        <v>21</v>
      </c>
      <c r="BF17" s="253">
        <v>0</v>
      </c>
      <c r="BG17" s="257">
        <v>0</v>
      </c>
      <c r="BH17" s="254">
        <v>0</v>
      </c>
      <c r="BI17" s="256">
        <v>0</v>
      </c>
      <c r="BJ17" s="257">
        <v>4</v>
      </c>
      <c r="BK17" s="257">
        <v>5</v>
      </c>
      <c r="BL17" s="257">
        <v>4</v>
      </c>
      <c r="BM17" s="257">
        <v>2</v>
      </c>
      <c r="BN17" s="257">
        <v>0</v>
      </c>
      <c r="BO17" s="254">
        <v>15</v>
      </c>
      <c r="BP17" s="259">
        <v>15</v>
      </c>
      <c r="BQ17" s="253">
        <v>0</v>
      </c>
      <c r="BR17" s="257">
        <v>0</v>
      </c>
      <c r="BS17" s="254">
        <v>0</v>
      </c>
      <c r="BT17" s="256">
        <v>0</v>
      </c>
      <c r="BU17" s="257">
        <v>1</v>
      </c>
      <c r="BV17" s="257">
        <v>3</v>
      </c>
      <c r="BW17" s="257">
        <v>1</v>
      </c>
      <c r="BX17" s="257">
        <v>2</v>
      </c>
      <c r="BY17" s="257">
        <v>1</v>
      </c>
      <c r="BZ17" s="254">
        <v>8</v>
      </c>
      <c r="CA17" s="259">
        <v>8</v>
      </c>
      <c r="CB17" s="253">
        <v>0</v>
      </c>
      <c r="CC17" s="257">
        <v>0</v>
      </c>
      <c r="CD17" s="254">
        <v>0</v>
      </c>
      <c r="CE17" s="256">
        <v>0</v>
      </c>
      <c r="CF17" s="257">
        <v>0</v>
      </c>
      <c r="CG17" s="257">
        <v>2</v>
      </c>
      <c r="CH17" s="257">
        <v>4</v>
      </c>
      <c r="CI17" s="257">
        <v>2</v>
      </c>
      <c r="CJ17" s="257">
        <v>1</v>
      </c>
      <c r="CK17" s="254">
        <v>9</v>
      </c>
      <c r="CL17" s="259">
        <v>9</v>
      </c>
      <c r="CM17" s="253">
        <v>0</v>
      </c>
      <c r="CN17" s="257">
        <v>0</v>
      </c>
      <c r="CO17" s="254">
        <v>0</v>
      </c>
      <c r="CP17" s="256">
        <v>0</v>
      </c>
      <c r="CQ17" s="257">
        <v>0</v>
      </c>
      <c r="CR17" s="257">
        <v>0</v>
      </c>
      <c r="CS17" s="257">
        <v>1</v>
      </c>
      <c r="CT17" s="257">
        <v>0</v>
      </c>
      <c r="CU17" s="257">
        <v>0</v>
      </c>
      <c r="CV17" s="254">
        <v>1</v>
      </c>
      <c r="CW17" s="259">
        <v>1</v>
      </c>
      <c r="CX17" s="253">
        <v>0</v>
      </c>
      <c r="CY17" s="257">
        <v>0</v>
      </c>
      <c r="CZ17" s="254">
        <v>0</v>
      </c>
      <c r="DA17" s="256">
        <v>0</v>
      </c>
      <c r="DB17" s="257">
        <v>0</v>
      </c>
      <c r="DC17" s="257">
        <v>0</v>
      </c>
      <c r="DD17" s="257">
        <v>0</v>
      </c>
      <c r="DE17" s="257">
        <v>0</v>
      </c>
      <c r="DF17" s="257">
        <v>0</v>
      </c>
      <c r="DG17" s="254">
        <v>0</v>
      </c>
      <c r="DH17" s="259">
        <v>0</v>
      </c>
      <c r="DI17" s="253">
        <v>0</v>
      </c>
      <c r="DJ17" s="257">
        <v>0</v>
      </c>
      <c r="DK17" s="254">
        <v>0</v>
      </c>
      <c r="DL17" s="256">
        <v>0</v>
      </c>
      <c r="DM17" s="257">
        <v>0</v>
      </c>
      <c r="DN17" s="257">
        <v>0</v>
      </c>
      <c r="DO17" s="257">
        <v>0</v>
      </c>
      <c r="DP17" s="257">
        <v>0</v>
      </c>
      <c r="DQ17" s="257">
        <v>0</v>
      </c>
      <c r="DR17" s="254">
        <v>0</v>
      </c>
      <c r="DS17" s="259">
        <v>0</v>
      </c>
      <c r="DT17" s="253">
        <v>2</v>
      </c>
      <c r="DU17" s="257">
        <v>4</v>
      </c>
      <c r="DV17" s="254">
        <v>6</v>
      </c>
      <c r="DW17" s="256">
        <v>0</v>
      </c>
      <c r="DX17" s="257">
        <v>7</v>
      </c>
      <c r="DY17" s="257">
        <v>13</v>
      </c>
      <c r="DZ17" s="257">
        <v>5</v>
      </c>
      <c r="EA17" s="257">
        <v>8</v>
      </c>
      <c r="EB17" s="257">
        <v>4</v>
      </c>
      <c r="EC17" s="254">
        <v>37</v>
      </c>
      <c r="ED17" s="259">
        <v>43</v>
      </c>
      <c r="EE17" s="253">
        <v>1</v>
      </c>
      <c r="EF17" s="257">
        <v>1</v>
      </c>
      <c r="EG17" s="254">
        <v>2</v>
      </c>
      <c r="EH17" s="256">
        <v>0</v>
      </c>
      <c r="EI17" s="257">
        <v>4</v>
      </c>
      <c r="EJ17" s="257">
        <v>3</v>
      </c>
      <c r="EK17" s="257">
        <v>1</v>
      </c>
      <c r="EL17" s="257">
        <v>3</v>
      </c>
      <c r="EM17" s="257">
        <v>1</v>
      </c>
      <c r="EN17" s="254">
        <v>12</v>
      </c>
      <c r="EO17" s="259">
        <v>14</v>
      </c>
      <c r="EP17" s="253">
        <v>2</v>
      </c>
      <c r="EQ17" s="257">
        <v>4</v>
      </c>
      <c r="ER17" s="254">
        <v>6</v>
      </c>
      <c r="ES17" s="256">
        <v>0</v>
      </c>
      <c r="ET17" s="257">
        <v>14</v>
      </c>
      <c r="EU17" s="257">
        <v>18</v>
      </c>
      <c r="EV17" s="257">
        <v>7</v>
      </c>
      <c r="EW17" s="257">
        <v>7</v>
      </c>
      <c r="EX17" s="257">
        <v>4</v>
      </c>
      <c r="EY17" s="254">
        <v>50</v>
      </c>
      <c r="EZ17" s="259">
        <v>56</v>
      </c>
    </row>
    <row r="18" spans="2:156" ht="21" customHeight="1" x14ac:dyDescent="0.2">
      <c r="B18" s="437" t="s">
        <v>16</v>
      </c>
      <c r="C18" s="253">
        <v>0</v>
      </c>
      <c r="D18" s="257">
        <v>0</v>
      </c>
      <c r="E18" s="340">
        <v>0</v>
      </c>
      <c r="F18" s="256">
        <v>0</v>
      </c>
      <c r="G18" s="257">
        <v>8</v>
      </c>
      <c r="H18" s="257">
        <v>20</v>
      </c>
      <c r="I18" s="257">
        <v>5</v>
      </c>
      <c r="J18" s="257">
        <v>3</v>
      </c>
      <c r="K18" s="257">
        <v>2</v>
      </c>
      <c r="L18" s="258">
        <v>38</v>
      </c>
      <c r="M18" s="259">
        <v>38</v>
      </c>
      <c r="N18" s="253">
        <v>0</v>
      </c>
      <c r="O18" s="257">
        <v>0</v>
      </c>
      <c r="P18" s="254">
        <v>0</v>
      </c>
      <c r="Q18" s="256">
        <v>0</v>
      </c>
      <c r="R18" s="257">
        <v>0</v>
      </c>
      <c r="S18" s="257">
        <v>0</v>
      </c>
      <c r="T18" s="257">
        <v>0</v>
      </c>
      <c r="U18" s="257">
        <v>0</v>
      </c>
      <c r="V18" s="257">
        <v>4</v>
      </c>
      <c r="W18" s="254">
        <v>4</v>
      </c>
      <c r="X18" s="259">
        <v>4</v>
      </c>
      <c r="Y18" s="253">
        <v>2</v>
      </c>
      <c r="Z18" s="257">
        <v>4</v>
      </c>
      <c r="AA18" s="254">
        <v>6</v>
      </c>
      <c r="AB18" s="256">
        <v>0</v>
      </c>
      <c r="AC18" s="257">
        <v>5</v>
      </c>
      <c r="AD18" s="257">
        <v>18</v>
      </c>
      <c r="AE18" s="257">
        <v>9</v>
      </c>
      <c r="AF18" s="257">
        <v>5</v>
      </c>
      <c r="AG18" s="257">
        <v>4</v>
      </c>
      <c r="AH18" s="254">
        <v>41</v>
      </c>
      <c r="AI18" s="259">
        <v>47</v>
      </c>
      <c r="AJ18" s="253">
        <v>0</v>
      </c>
      <c r="AK18" s="257">
        <v>0</v>
      </c>
      <c r="AL18" s="254">
        <v>0</v>
      </c>
      <c r="AM18" s="256">
        <v>0</v>
      </c>
      <c r="AN18" s="257">
        <v>0</v>
      </c>
      <c r="AO18" s="257">
        <v>2</v>
      </c>
      <c r="AP18" s="257">
        <v>2</v>
      </c>
      <c r="AQ18" s="257">
        <v>0</v>
      </c>
      <c r="AR18" s="257">
        <v>1</v>
      </c>
      <c r="AS18" s="254">
        <v>5</v>
      </c>
      <c r="AT18" s="259">
        <v>5</v>
      </c>
      <c r="AU18" s="253">
        <v>3</v>
      </c>
      <c r="AV18" s="257">
        <v>1</v>
      </c>
      <c r="AW18" s="254">
        <v>4</v>
      </c>
      <c r="AX18" s="256">
        <v>0</v>
      </c>
      <c r="AY18" s="257">
        <v>11</v>
      </c>
      <c r="AZ18" s="257">
        <v>16</v>
      </c>
      <c r="BA18" s="257">
        <v>18</v>
      </c>
      <c r="BB18" s="257">
        <v>12</v>
      </c>
      <c r="BC18" s="257">
        <v>12</v>
      </c>
      <c r="BD18" s="258">
        <v>69</v>
      </c>
      <c r="BE18" s="259">
        <v>73</v>
      </c>
      <c r="BF18" s="253">
        <v>0</v>
      </c>
      <c r="BG18" s="257">
        <v>0</v>
      </c>
      <c r="BH18" s="254">
        <v>0</v>
      </c>
      <c r="BI18" s="256">
        <v>0</v>
      </c>
      <c r="BJ18" s="257">
        <v>23</v>
      </c>
      <c r="BK18" s="257">
        <v>18</v>
      </c>
      <c r="BL18" s="257">
        <v>8</v>
      </c>
      <c r="BM18" s="257">
        <v>2</v>
      </c>
      <c r="BN18" s="257">
        <v>1</v>
      </c>
      <c r="BO18" s="254">
        <v>52</v>
      </c>
      <c r="BP18" s="259">
        <v>52</v>
      </c>
      <c r="BQ18" s="253">
        <v>2</v>
      </c>
      <c r="BR18" s="257">
        <v>4</v>
      </c>
      <c r="BS18" s="254">
        <v>6</v>
      </c>
      <c r="BT18" s="256">
        <v>0</v>
      </c>
      <c r="BU18" s="257">
        <v>7</v>
      </c>
      <c r="BV18" s="257">
        <v>21</v>
      </c>
      <c r="BW18" s="257">
        <v>6</v>
      </c>
      <c r="BX18" s="257">
        <v>2</v>
      </c>
      <c r="BY18" s="257">
        <v>1</v>
      </c>
      <c r="BZ18" s="254">
        <v>37</v>
      </c>
      <c r="CA18" s="259">
        <v>43</v>
      </c>
      <c r="CB18" s="253">
        <v>0</v>
      </c>
      <c r="CC18" s="257">
        <v>0</v>
      </c>
      <c r="CD18" s="254">
        <v>0</v>
      </c>
      <c r="CE18" s="256">
        <v>0</v>
      </c>
      <c r="CF18" s="257">
        <v>4</v>
      </c>
      <c r="CG18" s="257">
        <v>8</v>
      </c>
      <c r="CH18" s="257">
        <v>4</v>
      </c>
      <c r="CI18" s="257">
        <v>1</v>
      </c>
      <c r="CJ18" s="257">
        <v>0</v>
      </c>
      <c r="CK18" s="254">
        <v>17</v>
      </c>
      <c r="CL18" s="259">
        <v>17</v>
      </c>
      <c r="CM18" s="253">
        <v>0</v>
      </c>
      <c r="CN18" s="257">
        <v>0</v>
      </c>
      <c r="CO18" s="254">
        <v>0</v>
      </c>
      <c r="CP18" s="256">
        <v>0</v>
      </c>
      <c r="CQ18" s="257">
        <v>0</v>
      </c>
      <c r="CR18" s="257">
        <v>3</v>
      </c>
      <c r="CS18" s="257">
        <v>0</v>
      </c>
      <c r="CT18" s="257">
        <v>0</v>
      </c>
      <c r="CU18" s="257">
        <v>0</v>
      </c>
      <c r="CV18" s="254">
        <v>3</v>
      </c>
      <c r="CW18" s="259">
        <v>3</v>
      </c>
      <c r="CX18" s="253">
        <v>0</v>
      </c>
      <c r="CY18" s="257">
        <v>0</v>
      </c>
      <c r="CZ18" s="254">
        <v>0</v>
      </c>
      <c r="DA18" s="256">
        <v>0</v>
      </c>
      <c r="DB18" s="257">
        <v>0</v>
      </c>
      <c r="DC18" s="257">
        <v>0</v>
      </c>
      <c r="DD18" s="257">
        <v>0</v>
      </c>
      <c r="DE18" s="257">
        <v>0</v>
      </c>
      <c r="DF18" s="257">
        <v>0</v>
      </c>
      <c r="DG18" s="254">
        <v>0</v>
      </c>
      <c r="DH18" s="259">
        <v>0</v>
      </c>
      <c r="DI18" s="253">
        <v>0</v>
      </c>
      <c r="DJ18" s="257">
        <v>0</v>
      </c>
      <c r="DK18" s="254">
        <v>0</v>
      </c>
      <c r="DL18" s="256">
        <v>0</v>
      </c>
      <c r="DM18" s="257">
        <v>0</v>
      </c>
      <c r="DN18" s="257">
        <v>0</v>
      </c>
      <c r="DO18" s="257">
        <v>0</v>
      </c>
      <c r="DP18" s="257">
        <v>0</v>
      </c>
      <c r="DQ18" s="257">
        <v>0</v>
      </c>
      <c r="DR18" s="254">
        <v>0</v>
      </c>
      <c r="DS18" s="259">
        <v>0</v>
      </c>
      <c r="DT18" s="253">
        <v>8</v>
      </c>
      <c r="DU18" s="257">
        <v>17</v>
      </c>
      <c r="DV18" s="254">
        <v>25</v>
      </c>
      <c r="DW18" s="256">
        <v>0</v>
      </c>
      <c r="DX18" s="257">
        <v>15</v>
      </c>
      <c r="DY18" s="257">
        <v>50</v>
      </c>
      <c r="DZ18" s="257">
        <v>23</v>
      </c>
      <c r="EA18" s="257">
        <v>7</v>
      </c>
      <c r="EB18" s="257">
        <v>10</v>
      </c>
      <c r="EC18" s="254">
        <v>105</v>
      </c>
      <c r="ED18" s="259">
        <v>130</v>
      </c>
      <c r="EE18" s="253">
        <v>3</v>
      </c>
      <c r="EF18" s="257">
        <v>1</v>
      </c>
      <c r="EG18" s="254">
        <v>4</v>
      </c>
      <c r="EH18" s="256">
        <v>0</v>
      </c>
      <c r="EI18" s="257">
        <v>7</v>
      </c>
      <c r="EJ18" s="257">
        <v>7</v>
      </c>
      <c r="EK18" s="257">
        <v>14</v>
      </c>
      <c r="EL18" s="257">
        <v>9</v>
      </c>
      <c r="EM18" s="257">
        <v>7</v>
      </c>
      <c r="EN18" s="254">
        <v>44</v>
      </c>
      <c r="EO18" s="259">
        <v>48</v>
      </c>
      <c r="EP18" s="253">
        <v>11</v>
      </c>
      <c r="EQ18" s="257">
        <v>20</v>
      </c>
      <c r="ER18" s="254">
        <v>31</v>
      </c>
      <c r="ES18" s="256">
        <v>0</v>
      </c>
      <c r="ET18" s="257">
        <v>42</v>
      </c>
      <c r="EU18" s="257">
        <v>68</v>
      </c>
      <c r="EV18" s="257">
        <v>30</v>
      </c>
      <c r="EW18" s="257">
        <v>9</v>
      </c>
      <c r="EX18" s="257">
        <v>8</v>
      </c>
      <c r="EY18" s="254">
        <v>157</v>
      </c>
      <c r="EZ18" s="259">
        <v>188</v>
      </c>
    </row>
    <row r="19" spans="2:156" ht="21" customHeight="1" x14ac:dyDescent="0.2">
      <c r="B19" s="437" t="s">
        <v>17</v>
      </c>
      <c r="C19" s="253">
        <v>0</v>
      </c>
      <c r="D19" s="257">
        <v>0</v>
      </c>
      <c r="E19" s="340">
        <v>0</v>
      </c>
      <c r="F19" s="256">
        <v>0</v>
      </c>
      <c r="G19" s="257">
        <v>12</v>
      </c>
      <c r="H19" s="257">
        <v>20</v>
      </c>
      <c r="I19" s="257">
        <v>18</v>
      </c>
      <c r="J19" s="257">
        <v>9</v>
      </c>
      <c r="K19" s="257">
        <v>7</v>
      </c>
      <c r="L19" s="258">
        <v>66</v>
      </c>
      <c r="M19" s="259">
        <v>66</v>
      </c>
      <c r="N19" s="253">
        <v>0</v>
      </c>
      <c r="O19" s="257">
        <v>0</v>
      </c>
      <c r="P19" s="254">
        <v>0</v>
      </c>
      <c r="Q19" s="256">
        <v>0</v>
      </c>
      <c r="R19" s="257">
        <v>0</v>
      </c>
      <c r="S19" s="257">
        <v>0</v>
      </c>
      <c r="T19" s="257">
        <v>1</v>
      </c>
      <c r="U19" s="257">
        <v>3</v>
      </c>
      <c r="V19" s="257">
        <v>1</v>
      </c>
      <c r="W19" s="254">
        <v>5</v>
      </c>
      <c r="X19" s="259">
        <v>5</v>
      </c>
      <c r="Y19" s="253">
        <v>5</v>
      </c>
      <c r="Z19" s="257">
        <v>6</v>
      </c>
      <c r="AA19" s="254">
        <v>11</v>
      </c>
      <c r="AB19" s="256">
        <v>0</v>
      </c>
      <c r="AC19" s="257">
        <v>12</v>
      </c>
      <c r="AD19" s="257">
        <v>22</v>
      </c>
      <c r="AE19" s="257">
        <v>18</v>
      </c>
      <c r="AF19" s="257">
        <v>12</v>
      </c>
      <c r="AG19" s="257">
        <v>6</v>
      </c>
      <c r="AH19" s="254">
        <v>70</v>
      </c>
      <c r="AI19" s="259">
        <v>81</v>
      </c>
      <c r="AJ19" s="253">
        <v>0</v>
      </c>
      <c r="AK19" s="257">
        <v>0</v>
      </c>
      <c r="AL19" s="254">
        <v>0</v>
      </c>
      <c r="AM19" s="256">
        <v>0</v>
      </c>
      <c r="AN19" s="257">
        <v>0</v>
      </c>
      <c r="AO19" s="257">
        <v>3</v>
      </c>
      <c r="AP19" s="257">
        <v>5</v>
      </c>
      <c r="AQ19" s="257">
        <v>2</v>
      </c>
      <c r="AR19" s="257">
        <v>3</v>
      </c>
      <c r="AS19" s="254">
        <v>13</v>
      </c>
      <c r="AT19" s="259">
        <v>13</v>
      </c>
      <c r="AU19" s="253">
        <v>8</v>
      </c>
      <c r="AV19" s="257">
        <v>5</v>
      </c>
      <c r="AW19" s="254">
        <v>13</v>
      </c>
      <c r="AX19" s="256">
        <v>0</v>
      </c>
      <c r="AY19" s="257">
        <v>15</v>
      </c>
      <c r="AZ19" s="257">
        <v>22</v>
      </c>
      <c r="BA19" s="257">
        <v>26</v>
      </c>
      <c r="BB19" s="257">
        <v>23</v>
      </c>
      <c r="BC19" s="257">
        <v>23</v>
      </c>
      <c r="BD19" s="258">
        <v>109</v>
      </c>
      <c r="BE19" s="259">
        <v>122</v>
      </c>
      <c r="BF19" s="253">
        <v>0</v>
      </c>
      <c r="BG19" s="257">
        <v>0</v>
      </c>
      <c r="BH19" s="254">
        <v>0</v>
      </c>
      <c r="BI19" s="256">
        <v>0</v>
      </c>
      <c r="BJ19" s="257">
        <v>17</v>
      </c>
      <c r="BK19" s="257">
        <v>28</v>
      </c>
      <c r="BL19" s="257">
        <v>17</v>
      </c>
      <c r="BM19" s="257">
        <v>12</v>
      </c>
      <c r="BN19" s="257">
        <v>4</v>
      </c>
      <c r="BO19" s="254">
        <v>78</v>
      </c>
      <c r="BP19" s="259">
        <v>78</v>
      </c>
      <c r="BQ19" s="253">
        <v>5</v>
      </c>
      <c r="BR19" s="257">
        <v>4</v>
      </c>
      <c r="BS19" s="254">
        <v>9</v>
      </c>
      <c r="BT19" s="256">
        <v>0</v>
      </c>
      <c r="BU19" s="257">
        <v>5</v>
      </c>
      <c r="BV19" s="257">
        <v>15</v>
      </c>
      <c r="BW19" s="257">
        <v>7</v>
      </c>
      <c r="BX19" s="257">
        <v>4</v>
      </c>
      <c r="BY19" s="257">
        <v>3</v>
      </c>
      <c r="BZ19" s="254">
        <v>34</v>
      </c>
      <c r="CA19" s="259">
        <v>43</v>
      </c>
      <c r="CB19" s="253">
        <v>0</v>
      </c>
      <c r="CC19" s="257">
        <v>1</v>
      </c>
      <c r="CD19" s="254">
        <v>1</v>
      </c>
      <c r="CE19" s="256">
        <v>0</v>
      </c>
      <c r="CF19" s="257">
        <v>2</v>
      </c>
      <c r="CG19" s="257">
        <v>6</v>
      </c>
      <c r="CH19" s="257">
        <v>6</v>
      </c>
      <c r="CI19" s="257">
        <v>6</v>
      </c>
      <c r="CJ19" s="257">
        <v>1</v>
      </c>
      <c r="CK19" s="254">
        <v>21</v>
      </c>
      <c r="CL19" s="259">
        <v>22</v>
      </c>
      <c r="CM19" s="253">
        <v>0</v>
      </c>
      <c r="CN19" s="257">
        <v>0</v>
      </c>
      <c r="CO19" s="254">
        <v>0</v>
      </c>
      <c r="CP19" s="256">
        <v>0</v>
      </c>
      <c r="CQ19" s="257">
        <v>0</v>
      </c>
      <c r="CR19" s="257">
        <v>2</v>
      </c>
      <c r="CS19" s="257">
        <v>0</v>
      </c>
      <c r="CT19" s="257">
        <v>0</v>
      </c>
      <c r="CU19" s="257">
        <v>0</v>
      </c>
      <c r="CV19" s="254">
        <v>2</v>
      </c>
      <c r="CW19" s="259">
        <v>2</v>
      </c>
      <c r="CX19" s="253">
        <v>0</v>
      </c>
      <c r="CY19" s="257">
        <v>0</v>
      </c>
      <c r="CZ19" s="254">
        <v>0</v>
      </c>
      <c r="DA19" s="256">
        <v>0</v>
      </c>
      <c r="DB19" s="257">
        <v>0</v>
      </c>
      <c r="DC19" s="257">
        <v>0</v>
      </c>
      <c r="DD19" s="257">
        <v>0</v>
      </c>
      <c r="DE19" s="257">
        <v>0</v>
      </c>
      <c r="DF19" s="257">
        <v>0</v>
      </c>
      <c r="DG19" s="254">
        <v>0</v>
      </c>
      <c r="DH19" s="259">
        <v>0</v>
      </c>
      <c r="DI19" s="253">
        <v>0</v>
      </c>
      <c r="DJ19" s="257">
        <v>0</v>
      </c>
      <c r="DK19" s="254">
        <v>0</v>
      </c>
      <c r="DL19" s="256">
        <v>0</v>
      </c>
      <c r="DM19" s="257">
        <v>0</v>
      </c>
      <c r="DN19" s="257">
        <v>0</v>
      </c>
      <c r="DO19" s="257">
        <v>0</v>
      </c>
      <c r="DP19" s="257">
        <v>0</v>
      </c>
      <c r="DQ19" s="257">
        <v>0</v>
      </c>
      <c r="DR19" s="254">
        <v>0</v>
      </c>
      <c r="DS19" s="259">
        <v>0</v>
      </c>
      <c r="DT19" s="253">
        <v>11</v>
      </c>
      <c r="DU19" s="257">
        <v>27</v>
      </c>
      <c r="DV19" s="254">
        <v>38</v>
      </c>
      <c r="DW19" s="256">
        <v>0</v>
      </c>
      <c r="DX19" s="257">
        <v>27</v>
      </c>
      <c r="DY19" s="257">
        <v>54</v>
      </c>
      <c r="DZ19" s="257">
        <v>50</v>
      </c>
      <c r="EA19" s="257">
        <v>29</v>
      </c>
      <c r="EB19" s="257">
        <v>16</v>
      </c>
      <c r="EC19" s="254">
        <v>176</v>
      </c>
      <c r="ED19" s="259">
        <v>214</v>
      </c>
      <c r="EE19" s="253">
        <v>6</v>
      </c>
      <c r="EF19" s="257">
        <v>3</v>
      </c>
      <c r="EG19" s="254">
        <v>9</v>
      </c>
      <c r="EH19" s="256">
        <v>0</v>
      </c>
      <c r="EI19" s="257">
        <v>9</v>
      </c>
      <c r="EJ19" s="257">
        <v>10</v>
      </c>
      <c r="EK19" s="257">
        <v>7</v>
      </c>
      <c r="EL19" s="257">
        <v>11</v>
      </c>
      <c r="EM19" s="257">
        <v>7</v>
      </c>
      <c r="EN19" s="254">
        <v>44</v>
      </c>
      <c r="EO19" s="259">
        <v>53</v>
      </c>
      <c r="EP19" s="253">
        <v>19</v>
      </c>
      <c r="EQ19" s="257">
        <v>33</v>
      </c>
      <c r="ER19" s="254">
        <v>52</v>
      </c>
      <c r="ES19" s="256">
        <v>0</v>
      </c>
      <c r="ET19" s="257">
        <v>61</v>
      </c>
      <c r="EU19" s="257">
        <v>86</v>
      </c>
      <c r="EV19" s="257">
        <v>58</v>
      </c>
      <c r="EW19" s="257">
        <v>33</v>
      </c>
      <c r="EX19" s="257">
        <v>16</v>
      </c>
      <c r="EY19" s="254">
        <v>254</v>
      </c>
      <c r="EZ19" s="259">
        <v>306</v>
      </c>
    </row>
    <row r="20" spans="2:156" ht="21" customHeight="1" x14ac:dyDescent="0.2">
      <c r="B20" s="437" t="s">
        <v>18</v>
      </c>
      <c r="C20" s="253">
        <v>0</v>
      </c>
      <c r="D20" s="257">
        <v>0</v>
      </c>
      <c r="E20" s="340">
        <v>0</v>
      </c>
      <c r="F20" s="256">
        <v>0</v>
      </c>
      <c r="G20" s="257">
        <v>23</v>
      </c>
      <c r="H20" s="257">
        <v>32</v>
      </c>
      <c r="I20" s="257">
        <v>21</v>
      </c>
      <c r="J20" s="257">
        <v>15</v>
      </c>
      <c r="K20" s="257">
        <v>9</v>
      </c>
      <c r="L20" s="258">
        <v>100</v>
      </c>
      <c r="M20" s="259">
        <v>100</v>
      </c>
      <c r="N20" s="253">
        <v>0</v>
      </c>
      <c r="O20" s="257">
        <v>0</v>
      </c>
      <c r="P20" s="254">
        <v>0</v>
      </c>
      <c r="Q20" s="256">
        <v>0</v>
      </c>
      <c r="R20" s="257">
        <v>0</v>
      </c>
      <c r="S20" s="257">
        <v>0</v>
      </c>
      <c r="T20" s="257">
        <v>1</v>
      </c>
      <c r="U20" s="257">
        <v>3</v>
      </c>
      <c r="V20" s="257">
        <v>1</v>
      </c>
      <c r="W20" s="254">
        <v>5</v>
      </c>
      <c r="X20" s="259">
        <v>5</v>
      </c>
      <c r="Y20" s="253">
        <v>4</v>
      </c>
      <c r="Z20" s="257">
        <v>6</v>
      </c>
      <c r="AA20" s="254">
        <v>10</v>
      </c>
      <c r="AB20" s="256">
        <v>0</v>
      </c>
      <c r="AC20" s="257">
        <v>21</v>
      </c>
      <c r="AD20" s="257">
        <v>32</v>
      </c>
      <c r="AE20" s="257">
        <v>23</v>
      </c>
      <c r="AF20" s="257">
        <v>17</v>
      </c>
      <c r="AG20" s="257">
        <v>8</v>
      </c>
      <c r="AH20" s="254">
        <v>101</v>
      </c>
      <c r="AI20" s="259">
        <v>111</v>
      </c>
      <c r="AJ20" s="253">
        <v>1</v>
      </c>
      <c r="AK20" s="257">
        <v>1</v>
      </c>
      <c r="AL20" s="254">
        <v>2</v>
      </c>
      <c r="AM20" s="256">
        <v>0</v>
      </c>
      <c r="AN20" s="257">
        <v>2</v>
      </c>
      <c r="AO20" s="257">
        <v>2</v>
      </c>
      <c r="AP20" s="257">
        <v>1</v>
      </c>
      <c r="AQ20" s="257">
        <v>2</v>
      </c>
      <c r="AR20" s="257">
        <v>0</v>
      </c>
      <c r="AS20" s="254">
        <v>7</v>
      </c>
      <c r="AT20" s="259">
        <v>9</v>
      </c>
      <c r="AU20" s="253">
        <v>4</v>
      </c>
      <c r="AV20" s="257">
        <v>4</v>
      </c>
      <c r="AW20" s="254">
        <v>8</v>
      </c>
      <c r="AX20" s="256">
        <v>0</v>
      </c>
      <c r="AY20" s="257">
        <v>29</v>
      </c>
      <c r="AZ20" s="257">
        <v>33</v>
      </c>
      <c r="BA20" s="257">
        <v>36</v>
      </c>
      <c r="BB20" s="257">
        <v>31</v>
      </c>
      <c r="BC20" s="257">
        <v>29</v>
      </c>
      <c r="BD20" s="258">
        <v>158</v>
      </c>
      <c r="BE20" s="259">
        <v>166</v>
      </c>
      <c r="BF20" s="253">
        <v>0</v>
      </c>
      <c r="BG20" s="257">
        <v>0</v>
      </c>
      <c r="BH20" s="254">
        <v>0</v>
      </c>
      <c r="BI20" s="256">
        <v>0</v>
      </c>
      <c r="BJ20" s="257">
        <v>37</v>
      </c>
      <c r="BK20" s="257">
        <v>44</v>
      </c>
      <c r="BL20" s="257">
        <v>16</v>
      </c>
      <c r="BM20" s="257">
        <v>13</v>
      </c>
      <c r="BN20" s="257">
        <v>6</v>
      </c>
      <c r="BO20" s="254">
        <v>116</v>
      </c>
      <c r="BP20" s="259">
        <v>116</v>
      </c>
      <c r="BQ20" s="253">
        <v>5</v>
      </c>
      <c r="BR20" s="257">
        <v>6</v>
      </c>
      <c r="BS20" s="254">
        <v>11</v>
      </c>
      <c r="BT20" s="256">
        <v>0</v>
      </c>
      <c r="BU20" s="257">
        <v>12</v>
      </c>
      <c r="BV20" s="257">
        <v>19</v>
      </c>
      <c r="BW20" s="257">
        <v>8</v>
      </c>
      <c r="BX20" s="257">
        <v>6</v>
      </c>
      <c r="BY20" s="257">
        <v>1</v>
      </c>
      <c r="BZ20" s="254">
        <v>46</v>
      </c>
      <c r="CA20" s="259">
        <v>57</v>
      </c>
      <c r="CB20" s="253">
        <v>0</v>
      </c>
      <c r="CC20" s="257">
        <v>0</v>
      </c>
      <c r="CD20" s="254">
        <v>0</v>
      </c>
      <c r="CE20" s="256">
        <v>0</v>
      </c>
      <c r="CF20" s="257">
        <v>7</v>
      </c>
      <c r="CG20" s="257">
        <v>7</v>
      </c>
      <c r="CH20" s="257">
        <v>11</v>
      </c>
      <c r="CI20" s="257">
        <v>4</v>
      </c>
      <c r="CJ20" s="257">
        <v>4</v>
      </c>
      <c r="CK20" s="254">
        <v>33</v>
      </c>
      <c r="CL20" s="259">
        <v>33</v>
      </c>
      <c r="CM20" s="253">
        <v>0</v>
      </c>
      <c r="CN20" s="257">
        <v>0</v>
      </c>
      <c r="CO20" s="254">
        <v>0</v>
      </c>
      <c r="CP20" s="256">
        <v>0</v>
      </c>
      <c r="CQ20" s="257">
        <v>0</v>
      </c>
      <c r="CR20" s="257">
        <v>0</v>
      </c>
      <c r="CS20" s="257">
        <v>0</v>
      </c>
      <c r="CT20" s="257">
        <v>0</v>
      </c>
      <c r="CU20" s="257">
        <v>1</v>
      </c>
      <c r="CV20" s="254">
        <v>1</v>
      </c>
      <c r="CW20" s="259">
        <v>1</v>
      </c>
      <c r="CX20" s="253">
        <v>0</v>
      </c>
      <c r="CY20" s="257">
        <v>0</v>
      </c>
      <c r="CZ20" s="254">
        <v>0</v>
      </c>
      <c r="DA20" s="256">
        <v>0</v>
      </c>
      <c r="DB20" s="257">
        <v>0</v>
      </c>
      <c r="DC20" s="257">
        <v>0</v>
      </c>
      <c r="DD20" s="257">
        <v>0</v>
      </c>
      <c r="DE20" s="257">
        <v>0</v>
      </c>
      <c r="DF20" s="257">
        <v>0</v>
      </c>
      <c r="DG20" s="254">
        <v>0</v>
      </c>
      <c r="DH20" s="259">
        <v>0</v>
      </c>
      <c r="DI20" s="253">
        <v>0</v>
      </c>
      <c r="DJ20" s="257">
        <v>0</v>
      </c>
      <c r="DK20" s="254">
        <v>0</v>
      </c>
      <c r="DL20" s="256">
        <v>0</v>
      </c>
      <c r="DM20" s="257">
        <v>0</v>
      </c>
      <c r="DN20" s="257">
        <v>0</v>
      </c>
      <c r="DO20" s="257">
        <v>0</v>
      </c>
      <c r="DP20" s="257">
        <v>0</v>
      </c>
      <c r="DQ20" s="257">
        <v>0</v>
      </c>
      <c r="DR20" s="254">
        <v>0</v>
      </c>
      <c r="DS20" s="259">
        <v>0</v>
      </c>
      <c r="DT20" s="253">
        <v>11</v>
      </c>
      <c r="DU20" s="257">
        <v>26</v>
      </c>
      <c r="DV20" s="254">
        <v>37</v>
      </c>
      <c r="DW20" s="256">
        <v>0</v>
      </c>
      <c r="DX20" s="257">
        <v>52</v>
      </c>
      <c r="DY20" s="257">
        <v>69</v>
      </c>
      <c r="DZ20" s="257">
        <v>54</v>
      </c>
      <c r="EA20" s="257">
        <v>35</v>
      </c>
      <c r="EB20" s="257">
        <v>17</v>
      </c>
      <c r="EC20" s="254">
        <v>227</v>
      </c>
      <c r="ED20" s="259">
        <v>264</v>
      </c>
      <c r="EE20" s="253">
        <v>3</v>
      </c>
      <c r="EF20" s="257">
        <v>2</v>
      </c>
      <c r="EG20" s="254">
        <v>5</v>
      </c>
      <c r="EH20" s="256">
        <v>0</v>
      </c>
      <c r="EI20" s="257">
        <v>10</v>
      </c>
      <c r="EJ20" s="257">
        <v>10</v>
      </c>
      <c r="EK20" s="257">
        <v>7</v>
      </c>
      <c r="EL20" s="257">
        <v>10</v>
      </c>
      <c r="EM20" s="257">
        <v>16</v>
      </c>
      <c r="EN20" s="254">
        <v>53</v>
      </c>
      <c r="EO20" s="259">
        <v>58</v>
      </c>
      <c r="EP20" s="253">
        <v>21</v>
      </c>
      <c r="EQ20" s="257">
        <v>32</v>
      </c>
      <c r="ER20" s="254">
        <v>53</v>
      </c>
      <c r="ES20" s="256">
        <v>0</v>
      </c>
      <c r="ET20" s="257">
        <v>99</v>
      </c>
      <c r="EU20" s="257">
        <v>102</v>
      </c>
      <c r="EV20" s="257">
        <v>54</v>
      </c>
      <c r="EW20" s="257">
        <v>40</v>
      </c>
      <c r="EX20" s="257">
        <v>15</v>
      </c>
      <c r="EY20" s="254">
        <v>310</v>
      </c>
      <c r="EZ20" s="259">
        <v>363</v>
      </c>
    </row>
    <row r="21" spans="2:156" ht="21" customHeight="1" x14ac:dyDescent="0.2">
      <c r="B21" s="437" t="s">
        <v>19</v>
      </c>
      <c r="C21" s="253">
        <v>0</v>
      </c>
      <c r="D21" s="257">
        <v>0</v>
      </c>
      <c r="E21" s="340">
        <v>0</v>
      </c>
      <c r="F21" s="256">
        <v>0</v>
      </c>
      <c r="G21" s="257">
        <v>11</v>
      </c>
      <c r="H21" s="257">
        <v>11</v>
      </c>
      <c r="I21" s="257">
        <v>4</v>
      </c>
      <c r="J21" s="257">
        <v>1</v>
      </c>
      <c r="K21" s="257">
        <v>2</v>
      </c>
      <c r="L21" s="258">
        <v>29</v>
      </c>
      <c r="M21" s="259">
        <v>29</v>
      </c>
      <c r="N21" s="253">
        <v>0</v>
      </c>
      <c r="O21" s="257">
        <v>0</v>
      </c>
      <c r="P21" s="254">
        <v>0</v>
      </c>
      <c r="Q21" s="256">
        <v>0</v>
      </c>
      <c r="R21" s="257">
        <v>0</v>
      </c>
      <c r="S21" s="257">
        <v>0</v>
      </c>
      <c r="T21" s="257">
        <v>2</v>
      </c>
      <c r="U21" s="257">
        <v>2</v>
      </c>
      <c r="V21" s="257">
        <v>2</v>
      </c>
      <c r="W21" s="254">
        <v>6</v>
      </c>
      <c r="X21" s="259">
        <v>6</v>
      </c>
      <c r="Y21" s="253">
        <v>3</v>
      </c>
      <c r="Z21" s="257">
        <v>4</v>
      </c>
      <c r="AA21" s="254">
        <v>7</v>
      </c>
      <c r="AB21" s="256">
        <v>0</v>
      </c>
      <c r="AC21" s="257">
        <v>13</v>
      </c>
      <c r="AD21" s="257">
        <v>10</v>
      </c>
      <c r="AE21" s="257">
        <v>7</v>
      </c>
      <c r="AF21" s="257">
        <v>2</v>
      </c>
      <c r="AG21" s="257">
        <v>2</v>
      </c>
      <c r="AH21" s="254">
        <v>34</v>
      </c>
      <c r="AI21" s="259">
        <v>41</v>
      </c>
      <c r="AJ21" s="253">
        <v>0</v>
      </c>
      <c r="AK21" s="257">
        <v>0</v>
      </c>
      <c r="AL21" s="254">
        <v>0</v>
      </c>
      <c r="AM21" s="256">
        <v>0</v>
      </c>
      <c r="AN21" s="257">
        <v>2</v>
      </c>
      <c r="AO21" s="257">
        <v>0</v>
      </c>
      <c r="AP21" s="257">
        <v>0</v>
      </c>
      <c r="AQ21" s="257">
        <v>1</v>
      </c>
      <c r="AR21" s="257">
        <v>0</v>
      </c>
      <c r="AS21" s="254">
        <v>3</v>
      </c>
      <c r="AT21" s="259">
        <v>3</v>
      </c>
      <c r="AU21" s="253">
        <v>3</v>
      </c>
      <c r="AV21" s="257">
        <v>3</v>
      </c>
      <c r="AW21" s="254">
        <v>6</v>
      </c>
      <c r="AX21" s="256">
        <v>0</v>
      </c>
      <c r="AY21" s="257">
        <v>13</v>
      </c>
      <c r="AZ21" s="257">
        <v>18</v>
      </c>
      <c r="BA21" s="257">
        <v>11</v>
      </c>
      <c r="BB21" s="257">
        <v>9</v>
      </c>
      <c r="BC21" s="257">
        <v>11</v>
      </c>
      <c r="BD21" s="258">
        <v>62</v>
      </c>
      <c r="BE21" s="259">
        <v>68</v>
      </c>
      <c r="BF21" s="253">
        <v>0</v>
      </c>
      <c r="BG21" s="257">
        <v>0</v>
      </c>
      <c r="BH21" s="254">
        <v>0</v>
      </c>
      <c r="BI21" s="256">
        <v>0</v>
      </c>
      <c r="BJ21" s="257">
        <v>14</v>
      </c>
      <c r="BK21" s="257">
        <v>14</v>
      </c>
      <c r="BL21" s="257">
        <v>3</v>
      </c>
      <c r="BM21" s="257">
        <v>0</v>
      </c>
      <c r="BN21" s="257">
        <v>3</v>
      </c>
      <c r="BO21" s="254">
        <v>34</v>
      </c>
      <c r="BP21" s="259">
        <v>34</v>
      </c>
      <c r="BQ21" s="253">
        <v>2</v>
      </c>
      <c r="BR21" s="257">
        <v>2</v>
      </c>
      <c r="BS21" s="254">
        <v>4</v>
      </c>
      <c r="BT21" s="256">
        <v>0</v>
      </c>
      <c r="BU21" s="257">
        <v>14</v>
      </c>
      <c r="BV21" s="257">
        <v>5</v>
      </c>
      <c r="BW21" s="257">
        <v>7</v>
      </c>
      <c r="BX21" s="257">
        <v>2</v>
      </c>
      <c r="BY21" s="257">
        <v>1</v>
      </c>
      <c r="BZ21" s="254">
        <v>29</v>
      </c>
      <c r="CA21" s="259">
        <v>33</v>
      </c>
      <c r="CB21" s="253">
        <v>0</v>
      </c>
      <c r="CC21" s="257">
        <v>1</v>
      </c>
      <c r="CD21" s="254">
        <v>1</v>
      </c>
      <c r="CE21" s="256">
        <v>0</v>
      </c>
      <c r="CF21" s="257">
        <v>2</v>
      </c>
      <c r="CG21" s="257">
        <v>1</v>
      </c>
      <c r="CH21" s="257">
        <v>4</v>
      </c>
      <c r="CI21" s="257">
        <v>0</v>
      </c>
      <c r="CJ21" s="257">
        <v>0</v>
      </c>
      <c r="CK21" s="254">
        <v>7</v>
      </c>
      <c r="CL21" s="259">
        <v>8</v>
      </c>
      <c r="CM21" s="253">
        <v>0</v>
      </c>
      <c r="CN21" s="257">
        <v>0</v>
      </c>
      <c r="CO21" s="254">
        <v>0</v>
      </c>
      <c r="CP21" s="256">
        <v>0</v>
      </c>
      <c r="CQ21" s="257">
        <v>0</v>
      </c>
      <c r="CR21" s="257">
        <v>0</v>
      </c>
      <c r="CS21" s="257">
        <v>0</v>
      </c>
      <c r="CT21" s="257">
        <v>1</v>
      </c>
      <c r="CU21" s="257">
        <v>0</v>
      </c>
      <c r="CV21" s="254">
        <v>1</v>
      </c>
      <c r="CW21" s="259">
        <v>1</v>
      </c>
      <c r="CX21" s="253">
        <v>0</v>
      </c>
      <c r="CY21" s="257">
        <v>0</v>
      </c>
      <c r="CZ21" s="254">
        <v>0</v>
      </c>
      <c r="DA21" s="256">
        <v>0</v>
      </c>
      <c r="DB21" s="257">
        <v>0</v>
      </c>
      <c r="DC21" s="257">
        <v>0</v>
      </c>
      <c r="DD21" s="257">
        <v>0</v>
      </c>
      <c r="DE21" s="257">
        <v>0</v>
      </c>
      <c r="DF21" s="257">
        <v>0</v>
      </c>
      <c r="DG21" s="254">
        <v>0</v>
      </c>
      <c r="DH21" s="259">
        <v>0</v>
      </c>
      <c r="DI21" s="253">
        <v>0</v>
      </c>
      <c r="DJ21" s="257">
        <v>0</v>
      </c>
      <c r="DK21" s="254">
        <v>0</v>
      </c>
      <c r="DL21" s="256">
        <v>0</v>
      </c>
      <c r="DM21" s="257">
        <v>0</v>
      </c>
      <c r="DN21" s="257">
        <v>0</v>
      </c>
      <c r="DO21" s="257">
        <v>0</v>
      </c>
      <c r="DP21" s="257">
        <v>0</v>
      </c>
      <c r="DQ21" s="257">
        <v>0</v>
      </c>
      <c r="DR21" s="254">
        <v>0</v>
      </c>
      <c r="DS21" s="259">
        <v>0</v>
      </c>
      <c r="DT21" s="253">
        <v>7</v>
      </c>
      <c r="DU21" s="257">
        <v>8</v>
      </c>
      <c r="DV21" s="254">
        <v>15</v>
      </c>
      <c r="DW21" s="256">
        <v>0</v>
      </c>
      <c r="DX21" s="257">
        <v>26</v>
      </c>
      <c r="DY21" s="257">
        <v>26</v>
      </c>
      <c r="DZ21" s="257">
        <v>17</v>
      </c>
      <c r="EA21" s="257">
        <v>7</v>
      </c>
      <c r="EB21" s="257">
        <v>6</v>
      </c>
      <c r="EC21" s="254">
        <v>82</v>
      </c>
      <c r="ED21" s="259">
        <v>97</v>
      </c>
      <c r="EE21" s="253">
        <v>1</v>
      </c>
      <c r="EF21" s="257">
        <v>1</v>
      </c>
      <c r="EG21" s="254">
        <v>2</v>
      </c>
      <c r="EH21" s="256">
        <v>0</v>
      </c>
      <c r="EI21" s="257">
        <v>5</v>
      </c>
      <c r="EJ21" s="257">
        <v>7</v>
      </c>
      <c r="EK21" s="257">
        <v>5</v>
      </c>
      <c r="EL21" s="257">
        <v>5</v>
      </c>
      <c r="EM21" s="257">
        <v>2</v>
      </c>
      <c r="EN21" s="254">
        <v>24</v>
      </c>
      <c r="EO21" s="259">
        <v>26</v>
      </c>
      <c r="EP21" s="253">
        <v>12</v>
      </c>
      <c r="EQ21" s="257">
        <v>13</v>
      </c>
      <c r="ER21" s="254">
        <v>25</v>
      </c>
      <c r="ES21" s="256">
        <v>0</v>
      </c>
      <c r="ET21" s="257">
        <v>50</v>
      </c>
      <c r="EU21" s="257">
        <v>36</v>
      </c>
      <c r="EV21" s="257">
        <v>19</v>
      </c>
      <c r="EW21" s="257">
        <v>7</v>
      </c>
      <c r="EX21" s="257">
        <v>5</v>
      </c>
      <c r="EY21" s="254">
        <v>117</v>
      </c>
      <c r="EZ21" s="259">
        <v>142</v>
      </c>
    </row>
    <row r="22" spans="2:156" ht="21" customHeight="1" x14ac:dyDescent="0.2">
      <c r="B22" s="437" t="s">
        <v>20</v>
      </c>
      <c r="C22" s="253">
        <v>0</v>
      </c>
      <c r="D22" s="257">
        <v>0</v>
      </c>
      <c r="E22" s="340">
        <v>0</v>
      </c>
      <c r="F22" s="256">
        <v>0</v>
      </c>
      <c r="G22" s="257">
        <v>15</v>
      </c>
      <c r="H22" s="257">
        <v>12</v>
      </c>
      <c r="I22" s="257">
        <v>5</v>
      </c>
      <c r="J22" s="257">
        <v>7</v>
      </c>
      <c r="K22" s="257">
        <v>5</v>
      </c>
      <c r="L22" s="258">
        <v>44</v>
      </c>
      <c r="M22" s="259">
        <v>44</v>
      </c>
      <c r="N22" s="253">
        <v>0</v>
      </c>
      <c r="O22" s="257">
        <v>0</v>
      </c>
      <c r="P22" s="254">
        <v>0</v>
      </c>
      <c r="Q22" s="256">
        <v>0</v>
      </c>
      <c r="R22" s="257">
        <v>1</v>
      </c>
      <c r="S22" s="257">
        <v>0</v>
      </c>
      <c r="T22" s="257">
        <v>0</v>
      </c>
      <c r="U22" s="257">
        <v>2</v>
      </c>
      <c r="V22" s="257">
        <v>2</v>
      </c>
      <c r="W22" s="254">
        <v>5</v>
      </c>
      <c r="X22" s="259">
        <v>5</v>
      </c>
      <c r="Y22" s="253">
        <v>4</v>
      </c>
      <c r="Z22" s="257">
        <v>5</v>
      </c>
      <c r="AA22" s="254">
        <v>9</v>
      </c>
      <c r="AB22" s="256">
        <v>0</v>
      </c>
      <c r="AC22" s="257">
        <v>15</v>
      </c>
      <c r="AD22" s="257">
        <v>12</v>
      </c>
      <c r="AE22" s="257">
        <v>5</v>
      </c>
      <c r="AF22" s="257">
        <v>8</v>
      </c>
      <c r="AG22" s="257">
        <v>3</v>
      </c>
      <c r="AH22" s="254">
        <v>43</v>
      </c>
      <c r="AI22" s="259">
        <v>52</v>
      </c>
      <c r="AJ22" s="253">
        <v>0</v>
      </c>
      <c r="AK22" s="257">
        <v>4</v>
      </c>
      <c r="AL22" s="254">
        <v>4</v>
      </c>
      <c r="AM22" s="256">
        <v>0</v>
      </c>
      <c r="AN22" s="257">
        <v>4</v>
      </c>
      <c r="AO22" s="257">
        <v>3</v>
      </c>
      <c r="AP22" s="257">
        <v>3</v>
      </c>
      <c r="AQ22" s="257">
        <v>3</v>
      </c>
      <c r="AR22" s="257">
        <v>1</v>
      </c>
      <c r="AS22" s="254">
        <v>14</v>
      </c>
      <c r="AT22" s="259">
        <v>18</v>
      </c>
      <c r="AU22" s="253">
        <v>2</v>
      </c>
      <c r="AV22" s="257">
        <v>3</v>
      </c>
      <c r="AW22" s="254">
        <v>5</v>
      </c>
      <c r="AX22" s="256">
        <v>0</v>
      </c>
      <c r="AY22" s="257">
        <v>13</v>
      </c>
      <c r="AZ22" s="257">
        <v>12</v>
      </c>
      <c r="BA22" s="257">
        <v>11</v>
      </c>
      <c r="BB22" s="257">
        <v>11</v>
      </c>
      <c r="BC22" s="257">
        <v>11</v>
      </c>
      <c r="BD22" s="258">
        <v>58</v>
      </c>
      <c r="BE22" s="259">
        <v>63</v>
      </c>
      <c r="BF22" s="253">
        <v>0</v>
      </c>
      <c r="BG22" s="257">
        <v>0</v>
      </c>
      <c r="BH22" s="254">
        <v>0</v>
      </c>
      <c r="BI22" s="256">
        <v>0</v>
      </c>
      <c r="BJ22" s="257">
        <v>22</v>
      </c>
      <c r="BK22" s="257">
        <v>15</v>
      </c>
      <c r="BL22" s="257">
        <v>11</v>
      </c>
      <c r="BM22" s="257">
        <v>6</v>
      </c>
      <c r="BN22" s="257">
        <v>2</v>
      </c>
      <c r="BO22" s="254">
        <v>56</v>
      </c>
      <c r="BP22" s="259">
        <v>56</v>
      </c>
      <c r="BQ22" s="253">
        <v>0</v>
      </c>
      <c r="BR22" s="257">
        <v>3</v>
      </c>
      <c r="BS22" s="254">
        <v>3</v>
      </c>
      <c r="BT22" s="256">
        <v>0</v>
      </c>
      <c r="BU22" s="257">
        <v>4</v>
      </c>
      <c r="BV22" s="257">
        <v>13</v>
      </c>
      <c r="BW22" s="257">
        <v>3</v>
      </c>
      <c r="BX22" s="257">
        <v>5</v>
      </c>
      <c r="BY22" s="257">
        <v>2</v>
      </c>
      <c r="BZ22" s="254">
        <v>27</v>
      </c>
      <c r="CA22" s="259">
        <v>30</v>
      </c>
      <c r="CB22" s="253">
        <v>0</v>
      </c>
      <c r="CC22" s="257">
        <v>1</v>
      </c>
      <c r="CD22" s="254">
        <v>1</v>
      </c>
      <c r="CE22" s="256">
        <v>0</v>
      </c>
      <c r="CF22" s="257">
        <v>5</v>
      </c>
      <c r="CG22" s="257">
        <v>5</v>
      </c>
      <c r="CH22" s="257">
        <v>7</v>
      </c>
      <c r="CI22" s="257">
        <v>5</v>
      </c>
      <c r="CJ22" s="257">
        <v>1</v>
      </c>
      <c r="CK22" s="254">
        <v>23</v>
      </c>
      <c r="CL22" s="259">
        <v>24</v>
      </c>
      <c r="CM22" s="253">
        <v>0</v>
      </c>
      <c r="CN22" s="257">
        <v>0</v>
      </c>
      <c r="CO22" s="254">
        <v>0</v>
      </c>
      <c r="CP22" s="256">
        <v>0</v>
      </c>
      <c r="CQ22" s="257">
        <v>0</v>
      </c>
      <c r="CR22" s="257">
        <v>1</v>
      </c>
      <c r="CS22" s="257">
        <v>0</v>
      </c>
      <c r="CT22" s="257">
        <v>1</v>
      </c>
      <c r="CU22" s="257">
        <v>0</v>
      </c>
      <c r="CV22" s="254">
        <v>2</v>
      </c>
      <c r="CW22" s="259">
        <v>2</v>
      </c>
      <c r="CX22" s="253">
        <v>0</v>
      </c>
      <c r="CY22" s="257">
        <v>0</v>
      </c>
      <c r="CZ22" s="254">
        <v>0</v>
      </c>
      <c r="DA22" s="256">
        <v>0</v>
      </c>
      <c r="DB22" s="257">
        <v>0</v>
      </c>
      <c r="DC22" s="257">
        <v>0</v>
      </c>
      <c r="DD22" s="257">
        <v>0</v>
      </c>
      <c r="DE22" s="257">
        <v>0</v>
      </c>
      <c r="DF22" s="257">
        <v>0</v>
      </c>
      <c r="DG22" s="254">
        <v>0</v>
      </c>
      <c r="DH22" s="259">
        <v>0</v>
      </c>
      <c r="DI22" s="253">
        <v>0</v>
      </c>
      <c r="DJ22" s="257">
        <v>0</v>
      </c>
      <c r="DK22" s="254">
        <v>0</v>
      </c>
      <c r="DL22" s="256">
        <v>0</v>
      </c>
      <c r="DM22" s="257">
        <v>0</v>
      </c>
      <c r="DN22" s="257">
        <v>0</v>
      </c>
      <c r="DO22" s="257">
        <v>0</v>
      </c>
      <c r="DP22" s="257">
        <v>0</v>
      </c>
      <c r="DQ22" s="257">
        <v>0</v>
      </c>
      <c r="DR22" s="254">
        <v>0</v>
      </c>
      <c r="DS22" s="259">
        <v>0</v>
      </c>
      <c r="DT22" s="253">
        <v>9</v>
      </c>
      <c r="DU22" s="257">
        <v>24</v>
      </c>
      <c r="DV22" s="254">
        <v>33</v>
      </c>
      <c r="DW22" s="256">
        <v>0</v>
      </c>
      <c r="DX22" s="257">
        <v>30</v>
      </c>
      <c r="DY22" s="257">
        <v>31</v>
      </c>
      <c r="DZ22" s="257">
        <v>14</v>
      </c>
      <c r="EA22" s="257">
        <v>17</v>
      </c>
      <c r="EB22" s="257">
        <v>7</v>
      </c>
      <c r="EC22" s="254">
        <v>99</v>
      </c>
      <c r="ED22" s="259">
        <v>132</v>
      </c>
      <c r="EE22" s="253">
        <v>2</v>
      </c>
      <c r="EF22" s="257">
        <v>1</v>
      </c>
      <c r="EG22" s="254">
        <v>3</v>
      </c>
      <c r="EH22" s="256">
        <v>0</v>
      </c>
      <c r="EI22" s="257">
        <v>5</v>
      </c>
      <c r="EJ22" s="257">
        <v>5</v>
      </c>
      <c r="EK22" s="257">
        <v>3</v>
      </c>
      <c r="EL22" s="257">
        <v>5</v>
      </c>
      <c r="EM22" s="257">
        <v>3</v>
      </c>
      <c r="EN22" s="254">
        <v>21</v>
      </c>
      <c r="EO22" s="259">
        <v>24</v>
      </c>
      <c r="EP22" s="253">
        <v>10</v>
      </c>
      <c r="EQ22" s="257">
        <v>26</v>
      </c>
      <c r="ER22" s="254">
        <v>36</v>
      </c>
      <c r="ES22" s="256">
        <v>0</v>
      </c>
      <c r="ET22" s="257">
        <v>60</v>
      </c>
      <c r="EU22" s="257">
        <v>45</v>
      </c>
      <c r="EV22" s="257">
        <v>23</v>
      </c>
      <c r="EW22" s="257">
        <v>20</v>
      </c>
      <c r="EX22" s="257">
        <v>9</v>
      </c>
      <c r="EY22" s="254">
        <v>157</v>
      </c>
      <c r="EZ22" s="259">
        <v>193</v>
      </c>
    </row>
    <row r="23" spans="2:156" ht="21" customHeight="1" x14ac:dyDescent="0.2">
      <c r="B23" s="437" t="s">
        <v>21</v>
      </c>
      <c r="C23" s="253">
        <v>0</v>
      </c>
      <c r="D23" s="257">
        <v>0</v>
      </c>
      <c r="E23" s="340">
        <v>0</v>
      </c>
      <c r="F23" s="256">
        <v>0</v>
      </c>
      <c r="G23" s="257">
        <v>12</v>
      </c>
      <c r="H23" s="257">
        <v>14</v>
      </c>
      <c r="I23" s="257">
        <v>9</v>
      </c>
      <c r="J23" s="257">
        <v>3</v>
      </c>
      <c r="K23" s="257">
        <v>4</v>
      </c>
      <c r="L23" s="258">
        <v>42</v>
      </c>
      <c r="M23" s="259">
        <v>42</v>
      </c>
      <c r="N23" s="253">
        <v>0</v>
      </c>
      <c r="O23" s="257">
        <v>0</v>
      </c>
      <c r="P23" s="254">
        <v>0</v>
      </c>
      <c r="Q23" s="256">
        <v>0</v>
      </c>
      <c r="R23" s="257">
        <v>0</v>
      </c>
      <c r="S23" s="257">
        <v>0</v>
      </c>
      <c r="T23" s="257">
        <v>0</v>
      </c>
      <c r="U23" s="257">
        <v>0</v>
      </c>
      <c r="V23" s="257">
        <v>3</v>
      </c>
      <c r="W23" s="254">
        <v>3</v>
      </c>
      <c r="X23" s="259">
        <v>3</v>
      </c>
      <c r="Y23" s="253">
        <v>0</v>
      </c>
      <c r="Z23" s="257">
        <v>2</v>
      </c>
      <c r="AA23" s="254">
        <v>2</v>
      </c>
      <c r="AB23" s="256">
        <v>0</v>
      </c>
      <c r="AC23" s="257">
        <v>10</v>
      </c>
      <c r="AD23" s="257">
        <v>9</v>
      </c>
      <c r="AE23" s="257">
        <v>8</v>
      </c>
      <c r="AF23" s="257">
        <v>2</v>
      </c>
      <c r="AG23" s="257">
        <v>4</v>
      </c>
      <c r="AH23" s="254">
        <v>33</v>
      </c>
      <c r="AI23" s="259">
        <v>35</v>
      </c>
      <c r="AJ23" s="253">
        <v>0</v>
      </c>
      <c r="AK23" s="257">
        <v>1</v>
      </c>
      <c r="AL23" s="254">
        <v>1</v>
      </c>
      <c r="AM23" s="256">
        <v>0</v>
      </c>
      <c r="AN23" s="257">
        <v>0</v>
      </c>
      <c r="AO23" s="257">
        <v>1</v>
      </c>
      <c r="AP23" s="257">
        <v>1</v>
      </c>
      <c r="AQ23" s="257">
        <v>0</v>
      </c>
      <c r="AR23" s="257">
        <v>1</v>
      </c>
      <c r="AS23" s="254">
        <v>3</v>
      </c>
      <c r="AT23" s="259">
        <v>4</v>
      </c>
      <c r="AU23" s="253">
        <v>2</v>
      </c>
      <c r="AV23" s="257">
        <v>7</v>
      </c>
      <c r="AW23" s="254">
        <v>9</v>
      </c>
      <c r="AX23" s="256">
        <v>0</v>
      </c>
      <c r="AY23" s="257">
        <v>12</v>
      </c>
      <c r="AZ23" s="257">
        <v>18</v>
      </c>
      <c r="BA23" s="257">
        <v>12</v>
      </c>
      <c r="BB23" s="257">
        <v>12</v>
      </c>
      <c r="BC23" s="257">
        <v>7</v>
      </c>
      <c r="BD23" s="258">
        <v>61</v>
      </c>
      <c r="BE23" s="259">
        <v>70</v>
      </c>
      <c r="BF23" s="253">
        <v>0</v>
      </c>
      <c r="BG23" s="257">
        <v>0</v>
      </c>
      <c r="BH23" s="254">
        <v>0</v>
      </c>
      <c r="BI23" s="256">
        <v>0</v>
      </c>
      <c r="BJ23" s="257">
        <v>19</v>
      </c>
      <c r="BK23" s="257">
        <v>8</v>
      </c>
      <c r="BL23" s="257">
        <v>9</v>
      </c>
      <c r="BM23" s="257">
        <v>4</v>
      </c>
      <c r="BN23" s="257">
        <v>1</v>
      </c>
      <c r="BO23" s="254">
        <v>41</v>
      </c>
      <c r="BP23" s="259">
        <v>41</v>
      </c>
      <c r="BQ23" s="253">
        <v>0</v>
      </c>
      <c r="BR23" s="257">
        <v>1</v>
      </c>
      <c r="BS23" s="254">
        <v>1</v>
      </c>
      <c r="BT23" s="256">
        <v>0</v>
      </c>
      <c r="BU23" s="257">
        <v>3</v>
      </c>
      <c r="BV23" s="257">
        <v>2</v>
      </c>
      <c r="BW23" s="257">
        <v>3</v>
      </c>
      <c r="BX23" s="257">
        <v>0</v>
      </c>
      <c r="BY23" s="257">
        <v>1</v>
      </c>
      <c r="BZ23" s="254">
        <v>9</v>
      </c>
      <c r="CA23" s="259">
        <v>10</v>
      </c>
      <c r="CB23" s="253">
        <v>1</v>
      </c>
      <c r="CC23" s="257">
        <v>1</v>
      </c>
      <c r="CD23" s="254">
        <v>2</v>
      </c>
      <c r="CE23" s="256">
        <v>0</v>
      </c>
      <c r="CF23" s="257">
        <v>2</v>
      </c>
      <c r="CG23" s="257">
        <v>2</v>
      </c>
      <c r="CH23" s="257">
        <v>4</v>
      </c>
      <c r="CI23" s="257">
        <v>1</v>
      </c>
      <c r="CJ23" s="257">
        <v>0</v>
      </c>
      <c r="CK23" s="254">
        <v>9</v>
      </c>
      <c r="CL23" s="259">
        <v>11</v>
      </c>
      <c r="CM23" s="253">
        <v>0</v>
      </c>
      <c r="CN23" s="257">
        <v>0</v>
      </c>
      <c r="CO23" s="254">
        <v>0</v>
      </c>
      <c r="CP23" s="256">
        <v>0</v>
      </c>
      <c r="CQ23" s="257">
        <v>1</v>
      </c>
      <c r="CR23" s="257">
        <v>0</v>
      </c>
      <c r="CS23" s="257">
        <v>1</v>
      </c>
      <c r="CT23" s="257">
        <v>0</v>
      </c>
      <c r="CU23" s="257">
        <v>0</v>
      </c>
      <c r="CV23" s="254">
        <v>2</v>
      </c>
      <c r="CW23" s="259">
        <v>2</v>
      </c>
      <c r="CX23" s="253">
        <v>0</v>
      </c>
      <c r="CY23" s="257">
        <v>0</v>
      </c>
      <c r="CZ23" s="254">
        <v>0</v>
      </c>
      <c r="DA23" s="256">
        <v>0</v>
      </c>
      <c r="DB23" s="257">
        <v>0</v>
      </c>
      <c r="DC23" s="257">
        <v>0</v>
      </c>
      <c r="DD23" s="257">
        <v>0</v>
      </c>
      <c r="DE23" s="257">
        <v>0</v>
      </c>
      <c r="DF23" s="257">
        <v>0</v>
      </c>
      <c r="DG23" s="254">
        <v>0</v>
      </c>
      <c r="DH23" s="259">
        <v>0</v>
      </c>
      <c r="DI23" s="253">
        <v>0</v>
      </c>
      <c r="DJ23" s="257">
        <v>0</v>
      </c>
      <c r="DK23" s="254">
        <v>0</v>
      </c>
      <c r="DL23" s="256">
        <v>0</v>
      </c>
      <c r="DM23" s="257">
        <v>0</v>
      </c>
      <c r="DN23" s="257">
        <v>0</v>
      </c>
      <c r="DO23" s="257">
        <v>0</v>
      </c>
      <c r="DP23" s="257">
        <v>0</v>
      </c>
      <c r="DQ23" s="257">
        <v>0</v>
      </c>
      <c r="DR23" s="254">
        <v>0</v>
      </c>
      <c r="DS23" s="259">
        <v>0</v>
      </c>
      <c r="DT23" s="253">
        <v>8</v>
      </c>
      <c r="DU23" s="257">
        <v>11</v>
      </c>
      <c r="DV23" s="254">
        <v>19</v>
      </c>
      <c r="DW23" s="256">
        <v>0</v>
      </c>
      <c r="DX23" s="257">
        <v>16</v>
      </c>
      <c r="DY23" s="257">
        <v>25</v>
      </c>
      <c r="DZ23" s="257">
        <v>12</v>
      </c>
      <c r="EA23" s="257">
        <v>7</v>
      </c>
      <c r="EB23" s="257">
        <v>5</v>
      </c>
      <c r="EC23" s="254">
        <v>65</v>
      </c>
      <c r="ED23" s="259">
        <v>84</v>
      </c>
      <c r="EE23" s="253">
        <v>2</v>
      </c>
      <c r="EF23" s="257">
        <v>2</v>
      </c>
      <c r="EG23" s="254">
        <v>4</v>
      </c>
      <c r="EH23" s="256">
        <v>0</v>
      </c>
      <c r="EI23" s="257">
        <v>5</v>
      </c>
      <c r="EJ23" s="257">
        <v>5</v>
      </c>
      <c r="EK23" s="257">
        <v>4</v>
      </c>
      <c r="EL23" s="257">
        <v>6</v>
      </c>
      <c r="EM23" s="257">
        <v>2</v>
      </c>
      <c r="EN23" s="254">
        <v>22</v>
      </c>
      <c r="EO23" s="259">
        <v>26</v>
      </c>
      <c r="EP23" s="253">
        <v>9</v>
      </c>
      <c r="EQ23" s="257">
        <v>14</v>
      </c>
      <c r="ER23" s="254">
        <v>23</v>
      </c>
      <c r="ES23" s="256">
        <v>0</v>
      </c>
      <c r="ET23" s="257">
        <v>46</v>
      </c>
      <c r="EU23" s="257">
        <v>31</v>
      </c>
      <c r="EV23" s="257">
        <v>16</v>
      </c>
      <c r="EW23" s="257">
        <v>9</v>
      </c>
      <c r="EX23" s="257">
        <v>6</v>
      </c>
      <c r="EY23" s="254">
        <v>108</v>
      </c>
      <c r="EZ23" s="259">
        <v>131</v>
      </c>
    </row>
    <row r="24" spans="2:156" ht="21" customHeight="1" x14ac:dyDescent="0.2">
      <c r="B24" s="437" t="s">
        <v>22</v>
      </c>
      <c r="C24" s="253">
        <v>0</v>
      </c>
      <c r="D24" s="257">
        <v>0</v>
      </c>
      <c r="E24" s="340">
        <v>0</v>
      </c>
      <c r="F24" s="256">
        <v>0</v>
      </c>
      <c r="G24" s="257">
        <v>5</v>
      </c>
      <c r="H24" s="257">
        <v>1</v>
      </c>
      <c r="I24" s="257">
        <v>3</v>
      </c>
      <c r="J24" s="257">
        <v>2</v>
      </c>
      <c r="K24" s="257">
        <v>2</v>
      </c>
      <c r="L24" s="258">
        <v>13</v>
      </c>
      <c r="M24" s="259">
        <v>13</v>
      </c>
      <c r="N24" s="253">
        <v>0</v>
      </c>
      <c r="O24" s="257">
        <v>0</v>
      </c>
      <c r="P24" s="254">
        <v>0</v>
      </c>
      <c r="Q24" s="256">
        <v>0</v>
      </c>
      <c r="R24" s="257">
        <v>0</v>
      </c>
      <c r="S24" s="257">
        <v>0</v>
      </c>
      <c r="T24" s="257">
        <v>0</v>
      </c>
      <c r="U24" s="257">
        <v>0</v>
      </c>
      <c r="V24" s="257">
        <v>4</v>
      </c>
      <c r="W24" s="254">
        <v>4</v>
      </c>
      <c r="X24" s="259">
        <v>4</v>
      </c>
      <c r="Y24" s="253">
        <v>0</v>
      </c>
      <c r="Z24" s="257">
        <v>0</v>
      </c>
      <c r="AA24" s="254">
        <v>0</v>
      </c>
      <c r="AB24" s="256">
        <v>0</v>
      </c>
      <c r="AC24" s="257">
        <v>2</v>
      </c>
      <c r="AD24" s="257">
        <v>4</v>
      </c>
      <c r="AE24" s="257">
        <v>4</v>
      </c>
      <c r="AF24" s="257">
        <v>3</v>
      </c>
      <c r="AG24" s="257">
        <v>4</v>
      </c>
      <c r="AH24" s="254">
        <v>17</v>
      </c>
      <c r="AI24" s="259">
        <v>17</v>
      </c>
      <c r="AJ24" s="253">
        <v>0</v>
      </c>
      <c r="AK24" s="257">
        <v>0</v>
      </c>
      <c r="AL24" s="254">
        <v>0</v>
      </c>
      <c r="AM24" s="256">
        <v>0</v>
      </c>
      <c r="AN24" s="257">
        <v>2</v>
      </c>
      <c r="AO24" s="257">
        <v>2</v>
      </c>
      <c r="AP24" s="257">
        <v>0</v>
      </c>
      <c r="AQ24" s="257">
        <v>2</v>
      </c>
      <c r="AR24" s="257">
        <v>0</v>
      </c>
      <c r="AS24" s="254">
        <v>6</v>
      </c>
      <c r="AT24" s="259">
        <v>6</v>
      </c>
      <c r="AU24" s="253">
        <v>0</v>
      </c>
      <c r="AV24" s="257">
        <v>0</v>
      </c>
      <c r="AW24" s="254">
        <v>0</v>
      </c>
      <c r="AX24" s="256">
        <v>0</v>
      </c>
      <c r="AY24" s="257">
        <v>1</v>
      </c>
      <c r="AZ24" s="257">
        <v>2</v>
      </c>
      <c r="BA24" s="257">
        <v>4</v>
      </c>
      <c r="BB24" s="257">
        <v>4</v>
      </c>
      <c r="BC24" s="257">
        <v>2</v>
      </c>
      <c r="BD24" s="258">
        <v>13</v>
      </c>
      <c r="BE24" s="259">
        <v>13</v>
      </c>
      <c r="BF24" s="253">
        <v>0</v>
      </c>
      <c r="BG24" s="257">
        <v>0</v>
      </c>
      <c r="BH24" s="254">
        <v>0</v>
      </c>
      <c r="BI24" s="256">
        <v>0</v>
      </c>
      <c r="BJ24" s="257">
        <v>2</v>
      </c>
      <c r="BK24" s="257">
        <v>7</v>
      </c>
      <c r="BL24" s="257">
        <v>4</v>
      </c>
      <c r="BM24" s="257">
        <v>4</v>
      </c>
      <c r="BN24" s="257">
        <v>2</v>
      </c>
      <c r="BO24" s="254">
        <v>19</v>
      </c>
      <c r="BP24" s="259">
        <v>19</v>
      </c>
      <c r="BQ24" s="253">
        <v>1</v>
      </c>
      <c r="BR24" s="257">
        <v>0</v>
      </c>
      <c r="BS24" s="254">
        <v>1</v>
      </c>
      <c r="BT24" s="256">
        <v>0</v>
      </c>
      <c r="BU24" s="257">
        <v>2</v>
      </c>
      <c r="BV24" s="257">
        <v>2</v>
      </c>
      <c r="BW24" s="257">
        <v>0</v>
      </c>
      <c r="BX24" s="257">
        <v>1</v>
      </c>
      <c r="BY24" s="257">
        <v>0</v>
      </c>
      <c r="BZ24" s="254">
        <v>5</v>
      </c>
      <c r="CA24" s="259">
        <v>6</v>
      </c>
      <c r="CB24" s="253">
        <v>0</v>
      </c>
      <c r="CC24" s="257">
        <v>0</v>
      </c>
      <c r="CD24" s="254">
        <v>0</v>
      </c>
      <c r="CE24" s="256">
        <v>0</v>
      </c>
      <c r="CF24" s="257">
        <v>0</v>
      </c>
      <c r="CG24" s="257">
        <v>3</v>
      </c>
      <c r="CH24" s="257">
        <v>1</v>
      </c>
      <c r="CI24" s="257">
        <v>1</v>
      </c>
      <c r="CJ24" s="257">
        <v>1</v>
      </c>
      <c r="CK24" s="254">
        <v>6</v>
      </c>
      <c r="CL24" s="259">
        <v>6</v>
      </c>
      <c r="CM24" s="253">
        <v>0</v>
      </c>
      <c r="CN24" s="257">
        <v>0</v>
      </c>
      <c r="CO24" s="254">
        <v>0</v>
      </c>
      <c r="CP24" s="256">
        <v>0</v>
      </c>
      <c r="CQ24" s="257">
        <v>0</v>
      </c>
      <c r="CR24" s="257">
        <v>0</v>
      </c>
      <c r="CS24" s="257">
        <v>0</v>
      </c>
      <c r="CT24" s="257">
        <v>1</v>
      </c>
      <c r="CU24" s="257">
        <v>1</v>
      </c>
      <c r="CV24" s="254">
        <v>2</v>
      </c>
      <c r="CW24" s="259">
        <v>2</v>
      </c>
      <c r="CX24" s="253">
        <v>0</v>
      </c>
      <c r="CY24" s="257">
        <v>0</v>
      </c>
      <c r="CZ24" s="254">
        <v>0</v>
      </c>
      <c r="DA24" s="256">
        <v>0</v>
      </c>
      <c r="DB24" s="257">
        <v>0</v>
      </c>
      <c r="DC24" s="257">
        <v>0</v>
      </c>
      <c r="DD24" s="257">
        <v>0</v>
      </c>
      <c r="DE24" s="257">
        <v>0</v>
      </c>
      <c r="DF24" s="257">
        <v>0</v>
      </c>
      <c r="DG24" s="254">
        <v>0</v>
      </c>
      <c r="DH24" s="259">
        <v>0</v>
      </c>
      <c r="DI24" s="253">
        <v>0</v>
      </c>
      <c r="DJ24" s="257">
        <v>0</v>
      </c>
      <c r="DK24" s="254">
        <v>0</v>
      </c>
      <c r="DL24" s="256">
        <v>0</v>
      </c>
      <c r="DM24" s="257">
        <v>0</v>
      </c>
      <c r="DN24" s="257">
        <v>0</v>
      </c>
      <c r="DO24" s="257">
        <v>0</v>
      </c>
      <c r="DP24" s="257">
        <v>0</v>
      </c>
      <c r="DQ24" s="257">
        <v>0</v>
      </c>
      <c r="DR24" s="254">
        <v>0</v>
      </c>
      <c r="DS24" s="259">
        <v>0</v>
      </c>
      <c r="DT24" s="253">
        <v>1</v>
      </c>
      <c r="DU24" s="257">
        <v>5</v>
      </c>
      <c r="DV24" s="254">
        <v>6</v>
      </c>
      <c r="DW24" s="256">
        <v>0</v>
      </c>
      <c r="DX24" s="257">
        <v>6</v>
      </c>
      <c r="DY24" s="257">
        <v>13</v>
      </c>
      <c r="DZ24" s="257">
        <v>6</v>
      </c>
      <c r="EA24" s="257">
        <v>6</v>
      </c>
      <c r="EB24" s="257">
        <v>5</v>
      </c>
      <c r="EC24" s="254">
        <v>36</v>
      </c>
      <c r="ED24" s="259">
        <v>42</v>
      </c>
      <c r="EE24" s="253">
        <v>0</v>
      </c>
      <c r="EF24" s="257">
        <v>0</v>
      </c>
      <c r="EG24" s="254">
        <v>0</v>
      </c>
      <c r="EH24" s="256">
        <v>0</v>
      </c>
      <c r="EI24" s="257">
        <v>3</v>
      </c>
      <c r="EJ24" s="257">
        <v>2</v>
      </c>
      <c r="EK24" s="257">
        <v>2</v>
      </c>
      <c r="EL24" s="257">
        <v>2</v>
      </c>
      <c r="EM24" s="257">
        <v>2</v>
      </c>
      <c r="EN24" s="254">
        <v>11</v>
      </c>
      <c r="EO24" s="259">
        <v>11</v>
      </c>
      <c r="EP24" s="253">
        <v>3</v>
      </c>
      <c r="EQ24" s="257">
        <v>4</v>
      </c>
      <c r="ER24" s="254">
        <v>7</v>
      </c>
      <c r="ES24" s="256">
        <v>0</v>
      </c>
      <c r="ET24" s="257">
        <v>17</v>
      </c>
      <c r="EU24" s="257">
        <v>17</v>
      </c>
      <c r="EV24" s="257">
        <v>7</v>
      </c>
      <c r="EW24" s="257">
        <v>7</v>
      </c>
      <c r="EX24" s="257">
        <v>7</v>
      </c>
      <c r="EY24" s="254">
        <v>55</v>
      </c>
      <c r="EZ24" s="259">
        <v>62</v>
      </c>
    </row>
    <row r="25" spans="2:156" ht="21" customHeight="1" x14ac:dyDescent="0.2">
      <c r="B25" s="437" t="s">
        <v>23</v>
      </c>
      <c r="C25" s="253">
        <v>0</v>
      </c>
      <c r="D25" s="257">
        <v>0</v>
      </c>
      <c r="E25" s="340">
        <v>0</v>
      </c>
      <c r="F25" s="256">
        <v>0</v>
      </c>
      <c r="G25" s="257">
        <v>2</v>
      </c>
      <c r="H25" s="257">
        <v>6</v>
      </c>
      <c r="I25" s="257">
        <v>6</v>
      </c>
      <c r="J25" s="257">
        <v>2</v>
      </c>
      <c r="K25" s="257">
        <v>0</v>
      </c>
      <c r="L25" s="258">
        <v>16</v>
      </c>
      <c r="M25" s="259">
        <v>16</v>
      </c>
      <c r="N25" s="253">
        <v>0</v>
      </c>
      <c r="O25" s="257">
        <v>0</v>
      </c>
      <c r="P25" s="254">
        <v>0</v>
      </c>
      <c r="Q25" s="256">
        <v>0</v>
      </c>
      <c r="R25" s="257">
        <v>0</v>
      </c>
      <c r="S25" s="257">
        <v>1</v>
      </c>
      <c r="T25" s="257">
        <v>1</v>
      </c>
      <c r="U25" s="257">
        <v>0</v>
      </c>
      <c r="V25" s="257">
        <v>1</v>
      </c>
      <c r="W25" s="254">
        <v>3</v>
      </c>
      <c r="X25" s="259">
        <v>3</v>
      </c>
      <c r="Y25" s="253">
        <v>4</v>
      </c>
      <c r="Z25" s="257">
        <v>4</v>
      </c>
      <c r="AA25" s="254">
        <v>8</v>
      </c>
      <c r="AB25" s="256">
        <v>0</v>
      </c>
      <c r="AC25" s="257">
        <v>7</v>
      </c>
      <c r="AD25" s="257">
        <v>10</v>
      </c>
      <c r="AE25" s="257">
        <v>8</v>
      </c>
      <c r="AF25" s="257">
        <v>2</v>
      </c>
      <c r="AG25" s="257">
        <v>2</v>
      </c>
      <c r="AH25" s="254">
        <v>29</v>
      </c>
      <c r="AI25" s="259">
        <v>37</v>
      </c>
      <c r="AJ25" s="253">
        <v>1</v>
      </c>
      <c r="AK25" s="257">
        <v>1</v>
      </c>
      <c r="AL25" s="254">
        <v>2</v>
      </c>
      <c r="AM25" s="256">
        <v>0</v>
      </c>
      <c r="AN25" s="257">
        <v>0</v>
      </c>
      <c r="AO25" s="257">
        <v>1</v>
      </c>
      <c r="AP25" s="257">
        <v>0</v>
      </c>
      <c r="AQ25" s="257">
        <v>0</v>
      </c>
      <c r="AR25" s="257">
        <v>0</v>
      </c>
      <c r="AS25" s="254">
        <v>1</v>
      </c>
      <c r="AT25" s="259">
        <v>3</v>
      </c>
      <c r="AU25" s="253">
        <v>1</v>
      </c>
      <c r="AV25" s="257">
        <v>0</v>
      </c>
      <c r="AW25" s="254">
        <v>1</v>
      </c>
      <c r="AX25" s="256">
        <v>0</v>
      </c>
      <c r="AY25" s="257">
        <v>7</v>
      </c>
      <c r="AZ25" s="257">
        <v>6</v>
      </c>
      <c r="BA25" s="257">
        <v>11</v>
      </c>
      <c r="BB25" s="257">
        <v>10</v>
      </c>
      <c r="BC25" s="257">
        <v>7</v>
      </c>
      <c r="BD25" s="258">
        <v>41</v>
      </c>
      <c r="BE25" s="259">
        <v>42</v>
      </c>
      <c r="BF25" s="253">
        <v>0</v>
      </c>
      <c r="BG25" s="257">
        <v>0</v>
      </c>
      <c r="BH25" s="254">
        <v>0</v>
      </c>
      <c r="BI25" s="256">
        <v>0</v>
      </c>
      <c r="BJ25" s="257">
        <v>10</v>
      </c>
      <c r="BK25" s="257">
        <v>13</v>
      </c>
      <c r="BL25" s="257">
        <v>7</v>
      </c>
      <c r="BM25" s="257">
        <v>6</v>
      </c>
      <c r="BN25" s="257">
        <v>0</v>
      </c>
      <c r="BO25" s="254">
        <v>36</v>
      </c>
      <c r="BP25" s="259">
        <v>36</v>
      </c>
      <c r="BQ25" s="253">
        <v>0</v>
      </c>
      <c r="BR25" s="257">
        <v>0</v>
      </c>
      <c r="BS25" s="254">
        <v>0</v>
      </c>
      <c r="BT25" s="256">
        <v>0</v>
      </c>
      <c r="BU25" s="257">
        <v>2</v>
      </c>
      <c r="BV25" s="257">
        <v>2</v>
      </c>
      <c r="BW25" s="257">
        <v>2</v>
      </c>
      <c r="BX25" s="257">
        <v>3</v>
      </c>
      <c r="BY25" s="257">
        <v>1</v>
      </c>
      <c r="BZ25" s="254">
        <v>10</v>
      </c>
      <c r="CA25" s="259">
        <v>10</v>
      </c>
      <c r="CB25" s="253">
        <v>0</v>
      </c>
      <c r="CC25" s="257">
        <v>0</v>
      </c>
      <c r="CD25" s="254">
        <v>0</v>
      </c>
      <c r="CE25" s="256">
        <v>0</v>
      </c>
      <c r="CF25" s="257">
        <v>2</v>
      </c>
      <c r="CG25" s="257">
        <v>2</v>
      </c>
      <c r="CH25" s="257">
        <v>6</v>
      </c>
      <c r="CI25" s="257">
        <v>2</v>
      </c>
      <c r="CJ25" s="257">
        <v>1</v>
      </c>
      <c r="CK25" s="254">
        <v>13</v>
      </c>
      <c r="CL25" s="259">
        <v>13</v>
      </c>
      <c r="CM25" s="253">
        <v>0</v>
      </c>
      <c r="CN25" s="257">
        <v>0</v>
      </c>
      <c r="CO25" s="254">
        <v>0</v>
      </c>
      <c r="CP25" s="256">
        <v>0</v>
      </c>
      <c r="CQ25" s="257">
        <v>0</v>
      </c>
      <c r="CR25" s="257">
        <v>0</v>
      </c>
      <c r="CS25" s="257">
        <v>0</v>
      </c>
      <c r="CT25" s="257">
        <v>1</v>
      </c>
      <c r="CU25" s="257">
        <v>0</v>
      </c>
      <c r="CV25" s="254">
        <v>1</v>
      </c>
      <c r="CW25" s="259">
        <v>1</v>
      </c>
      <c r="CX25" s="253">
        <v>0</v>
      </c>
      <c r="CY25" s="257">
        <v>0</v>
      </c>
      <c r="CZ25" s="254">
        <v>0</v>
      </c>
      <c r="DA25" s="256">
        <v>0</v>
      </c>
      <c r="DB25" s="257">
        <v>0</v>
      </c>
      <c r="DC25" s="257">
        <v>0</v>
      </c>
      <c r="DD25" s="257">
        <v>0</v>
      </c>
      <c r="DE25" s="257">
        <v>0</v>
      </c>
      <c r="DF25" s="257">
        <v>0</v>
      </c>
      <c r="DG25" s="254">
        <v>0</v>
      </c>
      <c r="DH25" s="259">
        <v>0</v>
      </c>
      <c r="DI25" s="253">
        <v>0</v>
      </c>
      <c r="DJ25" s="257">
        <v>0</v>
      </c>
      <c r="DK25" s="254">
        <v>0</v>
      </c>
      <c r="DL25" s="256">
        <v>0</v>
      </c>
      <c r="DM25" s="257">
        <v>0</v>
      </c>
      <c r="DN25" s="257">
        <v>0</v>
      </c>
      <c r="DO25" s="257">
        <v>0</v>
      </c>
      <c r="DP25" s="257">
        <v>0</v>
      </c>
      <c r="DQ25" s="257">
        <v>0</v>
      </c>
      <c r="DR25" s="254">
        <v>0</v>
      </c>
      <c r="DS25" s="259">
        <v>0</v>
      </c>
      <c r="DT25" s="253">
        <v>5</v>
      </c>
      <c r="DU25" s="257">
        <v>6</v>
      </c>
      <c r="DV25" s="254">
        <v>11</v>
      </c>
      <c r="DW25" s="256">
        <v>0</v>
      </c>
      <c r="DX25" s="257">
        <v>10</v>
      </c>
      <c r="DY25" s="257">
        <v>18</v>
      </c>
      <c r="DZ25" s="257">
        <v>13</v>
      </c>
      <c r="EA25" s="257">
        <v>8</v>
      </c>
      <c r="EB25" s="257">
        <v>4</v>
      </c>
      <c r="EC25" s="254">
        <v>53</v>
      </c>
      <c r="ED25" s="259">
        <v>64</v>
      </c>
      <c r="EE25" s="253">
        <v>0</v>
      </c>
      <c r="EF25" s="257">
        <v>0</v>
      </c>
      <c r="EG25" s="254">
        <v>0</v>
      </c>
      <c r="EH25" s="256">
        <v>0</v>
      </c>
      <c r="EI25" s="257">
        <v>2</v>
      </c>
      <c r="EJ25" s="257">
        <v>2</v>
      </c>
      <c r="EK25" s="257">
        <v>1</v>
      </c>
      <c r="EL25" s="257">
        <v>8</v>
      </c>
      <c r="EM25" s="257">
        <v>5</v>
      </c>
      <c r="EN25" s="254">
        <v>18</v>
      </c>
      <c r="EO25" s="259">
        <v>18</v>
      </c>
      <c r="EP25" s="253">
        <v>8</v>
      </c>
      <c r="EQ25" s="257">
        <v>7</v>
      </c>
      <c r="ER25" s="254">
        <v>15</v>
      </c>
      <c r="ES25" s="256">
        <v>0</v>
      </c>
      <c r="ET25" s="257">
        <v>21</v>
      </c>
      <c r="EU25" s="257">
        <v>26</v>
      </c>
      <c r="EV25" s="257">
        <v>19</v>
      </c>
      <c r="EW25" s="257">
        <v>8</v>
      </c>
      <c r="EX25" s="257">
        <v>5</v>
      </c>
      <c r="EY25" s="254">
        <v>79</v>
      </c>
      <c r="EZ25" s="259">
        <v>94</v>
      </c>
    </row>
    <row r="26" spans="2:156" ht="21" customHeight="1" x14ac:dyDescent="0.2">
      <c r="B26" s="437" t="s">
        <v>24</v>
      </c>
      <c r="C26" s="253">
        <v>0</v>
      </c>
      <c r="D26" s="257">
        <v>0</v>
      </c>
      <c r="E26" s="340">
        <v>0</v>
      </c>
      <c r="F26" s="256">
        <v>0</v>
      </c>
      <c r="G26" s="257">
        <v>8</v>
      </c>
      <c r="H26" s="257">
        <v>7</v>
      </c>
      <c r="I26" s="257">
        <v>4</v>
      </c>
      <c r="J26" s="257">
        <v>2</v>
      </c>
      <c r="K26" s="257">
        <v>4</v>
      </c>
      <c r="L26" s="258">
        <v>25</v>
      </c>
      <c r="M26" s="259">
        <v>25</v>
      </c>
      <c r="N26" s="253">
        <v>0</v>
      </c>
      <c r="O26" s="257">
        <v>0</v>
      </c>
      <c r="P26" s="254">
        <v>0</v>
      </c>
      <c r="Q26" s="256">
        <v>0</v>
      </c>
      <c r="R26" s="257">
        <v>1</v>
      </c>
      <c r="S26" s="257">
        <v>0</v>
      </c>
      <c r="T26" s="257">
        <v>0</v>
      </c>
      <c r="U26" s="257">
        <v>0</v>
      </c>
      <c r="V26" s="257">
        <v>2</v>
      </c>
      <c r="W26" s="254">
        <v>3</v>
      </c>
      <c r="X26" s="259">
        <v>3</v>
      </c>
      <c r="Y26" s="253">
        <v>3</v>
      </c>
      <c r="Z26" s="257">
        <v>1</v>
      </c>
      <c r="AA26" s="254">
        <v>4</v>
      </c>
      <c r="AB26" s="256">
        <v>0</v>
      </c>
      <c r="AC26" s="257">
        <v>6</v>
      </c>
      <c r="AD26" s="257">
        <v>5</v>
      </c>
      <c r="AE26" s="257">
        <v>5</v>
      </c>
      <c r="AF26" s="257">
        <v>5</v>
      </c>
      <c r="AG26" s="257">
        <v>4</v>
      </c>
      <c r="AH26" s="254">
        <v>25</v>
      </c>
      <c r="AI26" s="259">
        <v>29</v>
      </c>
      <c r="AJ26" s="253">
        <v>0</v>
      </c>
      <c r="AK26" s="257">
        <v>0</v>
      </c>
      <c r="AL26" s="254">
        <v>0</v>
      </c>
      <c r="AM26" s="256">
        <v>0</v>
      </c>
      <c r="AN26" s="257">
        <v>0</v>
      </c>
      <c r="AO26" s="257">
        <v>0</v>
      </c>
      <c r="AP26" s="257">
        <v>0</v>
      </c>
      <c r="AQ26" s="257">
        <v>0</v>
      </c>
      <c r="AR26" s="257">
        <v>1</v>
      </c>
      <c r="AS26" s="254">
        <v>1</v>
      </c>
      <c r="AT26" s="259">
        <v>1</v>
      </c>
      <c r="AU26" s="253">
        <v>2</v>
      </c>
      <c r="AV26" s="257">
        <v>2</v>
      </c>
      <c r="AW26" s="254">
        <v>4</v>
      </c>
      <c r="AX26" s="256">
        <v>0</v>
      </c>
      <c r="AY26" s="257">
        <v>11</v>
      </c>
      <c r="AZ26" s="257">
        <v>9</v>
      </c>
      <c r="BA26" s="257">
        <v>7</v>
      </c>
      <c r="BB26" s="257">
        <v>12</v>
      </c>
      <c r="BC26" s="257">
        <v>10</v>
      </c>
      <c r="BD26" s="258">
        <v>49</v>
      </c>
      <c r="BE26" s="259">
        <v>53</v>
      </c>
      <c r="BF26" s="253">
        <v>0</v>
      </c>
      <c r="BG26" s="257">
        <v>0</v>
      </c>
      <c r="BH26" s="254">
        <v>0</v>
      </c>
      <c r="BI26" s="256">
        <v>0</v>
      </c>
      <c r="BJ26" s="257">
        <v>12</v>
      </c>
      <c r="BK26" s="257">
        <v>8</v>
      </c>
      <c r="BL26" s="257">
        <v>2</v>
      </c>
      <c r="BM26" s="257">
        <v>0</v>
      </c>
      <c r="BN26" s="257">
        <v>1</v>
      </c>
      <c r="BO26" s="254">
        <v>23</v>
      </c>
      <c r="BP26" s="259">
        <v>23</v>
      </c>
      <c r="BQ26" s="253">
        <v>2</v>
      </c>
      <c r="BR26" s="257">
        <v>1</v>
      </c>
      <c r="BS26" s="254">
        <v>3</v>
      </c>
      <c r="BT26" s="256">
        <v>0</v>
      </c>
      <c r="BU26" s="257">
        <v>5</v>
      </c>
      <c r="BV26" s="257">
        <v>3</v>
      </c>
      <c r="BW26" s="257">
        <v>2</v>
      </c>
      <c r="BX26" s="257">
        <v>1</v>
      </c>
      <c r="BY26" s="257">
        <v>2</v>
      </c>
      <c r="BZ26" s="254">
        <v>13</v>
      </c>
      <c r="CA26" s="259">
        <v>16</v>
      </c>
      <c r="CB26" s="253">
        <v>1</v>
      </c>
      <c r="CC26" s="257">
        <v>0</v>
      </c>
      <c r="CD26" s="254">
        <v>1</v>
      </c>
      <c r="CE26" s="256">
        <v>0</v>
      </c>
      <c r="CF26" s="257">
        <v>0</v>
      </c>
      <c r="CG26" s="257">
        <v>0</v>
      </c>
      <c r="CH26" s="257">
        <v>1</v>
      </c>
      <c r="CI26" s="257">
        <v>0</v>
      </c>
      <c r="CJ26" s="257">
        <v>1</v>
      </c>
      <c r="CK26" s="254">
        <v>2</v>
      </c>
      <c r="CL26" s="259">
        <v>3</v>
      </c>
      <c r="CM26" s="253">
        <v>0</v>
      </c>
      <c r="CN26" s="257">
        <v>0</v>
      </c>
      <c r="CO26" s="254">
        <v>0</v>
      </c>
      <c r="CP26" s="256">
        <v>0</v>
      </c>
      <c r="CQ26" s="257">
        <v>0</v>
      </c>
      <c r="CR26" s="257">
        <v>0</v>
      </c>
      <c r="CS26" s="257">
        <v>0</v>
      </c>
      <c r="CT26" s="257">
        <v>0</v>
      </c>
      <c r="CU26" s="257">
        <v>0</v>
      </c>
      <c r="CV26" s="254">
        <v>0</v>
      </c>
      <c r="CW26" s="259">
        <v>0</v>
      </c>
      <c r="CX26" s="253">
        <v>0</v>
      </c>
      <c r="CY26" s="257">
        <v>0</v>
      </c>
      <c r="CZ26" s="254">
        <v>0</v>
      </c>
      <c r="DA26" s="256">
        <v>0</v>
      </c>
      <c r="DB26" s="257">
        <v>0</v>
      </c>
      <c r="DC26" s="257">
        <v>0</v>
      </c>
      <c r="DD26" s="257">
        <v>0</v>
      </c>
      <c r="DE26" s="257">
        <v>0</v>
      </c>
      <c r="DF26" s="257">
        <v>0</v>
      </c>
      <c r="DG26" s="254">
        <v>0</v>
      </c>
      <c r="DH26" s="259">
        <v>0</v>
      </c>
      <c r="DI26" s="253">
        <v>0</v>
      </c>
      <c r="DJ26" s="257">
        <v>0</v>
      </c>
      <c r="DK26" s="254">
        <v>0</v>
      </c>
      <c r="DL26" s="256">
        <v>0</v>
      </c>
      <c r="DM26" s="257">
        <v>0</v>
      </c>
      <c r="DN26" s="257">
        <v>0</v>
      </c>
      <c r="DO26" s="257">
        <v>0</v>
      </c>
      <c r="DP26" s="257">
        <v>0</v>
      </c>
      <c r="DQ26" s="257">
        <v>0</v>
      </c>
      <c r="DR26" s="254">
        <v>0</v>
      </c>
      <c r="DS26" s="259">
        <v>0</v>
      </c>
      <c r="DT26" s="253">
        <v>4</v>
      </c>
      <c r="DU26" s="257">
        <v>12</v>
      </c>
      <c r="DV26" s="254">
        <v>16</v>
      </c>
      <c r="DW26" s="256">
        <v>0</v>
      </c>
      <c r="DX26" s="257">
        <v>14</v>
      </c>
      <c r="DY26" s="257">
        <v>15</v>
      </c>
      <c r="DZ26" s="257">
        <v>9</v>
      </c>
      <c r="EA26" s="257">
        <v>8</v>
      </c>
      <c r="EB26" s="257">
        <v>5</v>
      </c>
      <c r="EC26" s="254">
        <v>51</v>
      </c>
      <c r="ED26" s="259">
        <v>67</v>
      </c>
      <c r="EE26" s="253">
        <v>3</v>
      </c>
      <c r="EF26" s="257">
        <v>3</v>
      </c>
      <c r="EG26" s="254">
        <v>6</v>
      </c>
      <c r="EH26" s="256">
        <v>0</v>
      </c>
      <c r="EI26" s="257">
        <v>8</v>
      </c>
      <c r="EJ26" s="257">
        <v>6</v>
      </c>
      <c r="EK26" s="257">
        <v>3</v>
      </c>
      <c r="EL26" s="257">
        <v>5</v>
      </c>
      <c r="EM26" s="257">
        <v>4</v>
      </c>
      <c r="EN26" s="254">
        <v>26</v>
      </c>
      <c r="EO26" s="259">
        <v>32</v>
      </c>
      <c r="EP26" s="253">
        <v>7</v>
      </c>
      <c r="EQ26" s="257">
        <v>13</v>
      </c>
      <c r="ER26" s="254">
        <v>20</v>
      </c>
      <c r="ES26" s="256">
        <v>0</v>
      </c>
      <c r="ET26" s="257">
        <v>24</v>
      </c>
      <c r="EU26" s="257">
        <v>21</v>
      </c>
      <c r="EV26" s="257">
        <v>11</v>
      </c>
      <c r="EW26" s="257">
        <v>8</v>
      </c>
      <c r="EX26" s="257">
        <v>6</v>
      </c>
      <c r="EY26" s="254">
        <v>70</v>
      </c>
      <c r="EZ26" s="259">
        <v>90</v>
      </c>
    </row>
    <row r="27" spans="2:156" ht="21" customHeight="1" x14ac:dyDescent="0.2">
      <c r="B27" s="437" t="s">
        <v>25</v>
      </c>
      <c r="C27" s="253">
        <v>0</v>
      </c>
      <c r="D27" s="257">
        <v>0</v>
      </c>
      <c r="E27" s="340">
        <v>0</v>
      </c>
      <c r="F27" s="256">
        <v>0</v>
      </c>
      <c r="G27" s="257">
        <v>4</v>
      </c>
      <c r="H27" s="257">
        <v>2</v>
      </c>
      <c r="I27" s="257">
        <v>1</v>
      </c>
      <c r="J27" s="257">
        <v>2</v>
      </c>
      <c r="K27" s="257">
        <v>0</v>
      </c>
      <c r="L27" s="258">
        <v>9</v>
      </c>
      <c r="M27" s="259">
        <v>9</v>
      </c>
      <c r="N27" s="253">
        <v>0</v>
      </c>
      <c r="O27" s="257">
        <v>0</v>
      </c>
      <c r="P27" s="254">
        <v>0</v>
      </c>
      <c r="Q27" s="256">
        <v>0</v>
      </c>
      <c r="R27" s="257">
        <v>1</v>
      </c>
      <c r="S27" s="257">
        <v>0</v>
      </c>
      <c r="T27" s="257">
        <v>0</v>
      </c>
      <c r="U27" s="257">
        <v>0</v>
      </c>
      <c r="V27" s="257">
        <v>1</v>
      </c>
      <c r="W27" s="254">
        <v>2</v>
      </c>
      <c r="X27" s="259">
        <v>2</v>
      </c>
      <c r="Y27" s="253">
        <v>1</v>
      </c>
      <c r="Z27" s="257">
        <v>4</v>
      </c>
      <c r="AA27" s="254">
        <v>5</v>
      </c>
      <c r="AB27" s="256">
        <v>0</v>
      </c>
      <c r="AC27" s="257">
        <v>4</v>
      </c>
      <c r="AD27" s="257">
        <v>1</v>
      </c>
      <c r="AE27" s="257">
        <v>0</v>
      </c>
      <c r="AF27" s="257">
        <v>0</v>
      </c>
      <c r="AG27" s="257">
        <v>1</v>
      </c>
      <c r="AH27" s="254">
        <v>6</v>
      </c>
      <c r="AI27" s="259">
        <v>11</v>
      </c>
      <c r="AJ27" s="253">
        <v>0</v>
      </c>
      <c r="AK27" s="257">
        <v>0</v>
      </c>
      <c r="AL27" s="254">
        <v>0</v>
      </c>
      <c r="AM27" s="256">
        <v>0</v>
      </c>
      <c r="AN27" s="257">
        <v>0</v>
      </c>
      <c r="AO27" s="257">
        <v>0</v>
      </c>
      <c r="AP27" s="257">
        <v>0</v>
      </c>
      <c r="AQ27" s="257">
        <v>0</v>
      </c>
      <c r="AR27" s="257">
        <v>0</v>
      </c>
      <c r="AS27" s="254">
        <v>0</v>
      </c>
      <c r="AT27" s="259">
        <v>0</v>
      </c>
      <c r="AU27" s="253">
        <v>2</v>
      </c>
      <c r="AV27" s="257">
        <v>1</v>
      </c>
      <c r="AW27" s="254">
        <v>3</v>
      </c>
      <c r="AX27" s="256">
        <v>0</v>
      </c>
      <c r="AY27" s="257">
        <v>1</v>
      </c>
      <c r="AZ27" s="257">
        <v>2</v>
      </c>
      <c r="BA27" s="257">
        <v>2</v>
      </c>
      <c r="BB27" s="257">
        <v>3</v>
      </c>
      <c r="BC27" s="257">
        <v>2</v>
      </c>
      <c r="BD27" s="258">
        <v>10</v>
      </c>
      <c r="BE27" s="259">
        <v>13</v>
      </c>
      <c r="BF27" s="253">
        <v>0</v>
      </c>
      <c r="BG27" s="257">
        <v>0</v>
      </c>
      <c r="BH27" s="254">
        <v>0</v>
      </c>
      <c r="BI27" s="256">
        <v>0</v>
      </c>
      <c r="BJ27" s="257">
        <v>2</v>
      </c>
      <c r="BK27" s="257">
        <v>4</v>
      </c>
      <c r="BL27" s="257">
        <v>1</v>
      </c>
      <c r="BM27" s="257">
        <v>0</v>
      </c>
      <c r="BN27" s="257">
        <v>0</v>
      </c>
      <c r="BO27" s="254">
        <v>7</v>
      </c>
      <c r="BP27" s="259">
        <v>7</v>
      </c>
      <c r="BQ27" s="253">
        <v>1</v>
      </c>
      <c r="BR27" s="257">
        <v>0</v>
      </c>
      <c r="BS27" s="254">
        <v>1</v>
      </c>
      <c r="BT27" s="256">
        <v>0</v>
      </c>
      <c r="BU27" s="257">
        <v>4</v>
      </c>
      <c r="BV27" s="257">
        <v>1</v>
      </c>
      <c r="BW27" s="257">
        <v>1</v>
      </c>
      <c r="BX27" s="257">
        <v>0</v>
      </c>
      <c r="BY27" s="257">
        <v>1</v>
      </c>
      <c r="BZ27" s="254">
        <v>7</v>
      </c>
      <c r="CA27" s="259">
        <v>8</v>
      </c>
      <c r="CB27" s="253">
        <v>0</v>
      </c>
      <c r="CC27" s="257">
        <v>0</v>
      </c>
      <c r="CD27" s="254">
        <v>0</v>
      </c>
      <c r="CE27" s="256">
        <v>0</v>
      </c>
      <c r="CF27" s="257">
        <v>1</v>
      </c>
      <c r="CG27" s="257">
        <v>0</v>
      </c>
      <c r="CH27" s="257">
        <v>1</v>
      </c>
      <c r="CI27" s="257">
        <v>1</v>
      </c>
      <c r="CJ27" s="257">
        <v>0</v>
      </c>
      <c r="CK27" s="254">
        <v>3</v>
      </c>
      <c r="CL27" s="259">
        <v>3</v>
      </c>
      <c r="CM27" s="253">
        <v>0</v>
      </c>
      <c r="CN27" s="257">
        <v>0</v>
      </c>
      <c r="CO27" s="254">
        <v>0</v>
      </c>
      <c r="CP27" s="256">
        <v>0</v>
      </c>
      <c r="CQ27" s="257">
        <v>0</v>
      </c>
      <c r="CR27" s="257">
        <v>0</v>
      </c>
      <c r="CS27" s="257">
        <v>0</v>
      </c>
      <c r="CT27" s="257">
        <v>0</v>
      </c>
      <c r="CU27" s="257">
        <v>0</v>
      </c>
      <c r="CV27" s="254">
        <v>0</v>
      </c>
      <c r="CW27" s="259">
        <v>0</v>
      </c>
      <c r="CX27" s="253">
        <v>0</v>
      </c>
      <c r="CY27" s="257">
        <v>0</v>
      </c>
      <c r="CZ27" s="254">
        <v>0</v>
      </c>
      <c r="DA27" s="256">
        <v>0</v>
      </c>
      <c r="DB27" s="257">
        <v>0</v>
      </c>
      <c r="DC27" s="257">
        <v>0</v>
      </c>
      <c r="DD27" s="257">
        <v>0</v>
      </c>
      <c r="DE27" s="257">
        <v>0</v>
      </c>
      <c r="DF27" s="257">
        <v>0</v>
      </c>
      <c r="DG27" s="254">
        <v>0</v>
      </c>
      <c r="DH27" s="259">
        <v>0</v>
      </c>
      <c r="DI27" s="253">
        <v>0</v>
      </c>
      <c r="DJ27" s="257">
        <v>0</v>
      </c>
      <c r="DK27" s="254">
        <v>0</v>
      </c>
      <c r="DL27" s="256">
        <v>0</v>
      </c>
      <c r="DM27" s="257">
        <v>0</v>
      </c>
      <c r="DN27" s="257">
        <v>0</v>
      </c>
      <c r="DO27" s="257">
        <v>0</v>
      </c>
      <c r="DP27" s="257">
        <v>0</v>
      </c>
      <c r="DQ27" s="257">
        <v>0</v>
      </c>
      <c r="DR27" s="254">
        <v>0</v>
      </c>
      <c r="DS27" s="259">
        <v>0</v>
      </c>
      <c r="DT27" s="253">
        <v>5</v>
      </c>
      <c r="DU27" s="257">
        <v>5</v>
      </c>
      <c r="DV27" s="254">
        <v>10</v>
      </c>
      <c r="DW27" s="256">
        <v>0</v>
      </c>
      <c r="DX27" s="257">
        <v>9</v>
      </c>
      <c r="DY27" s="257">
        <v>8</v>
      </c>
      <c r="DZ27" s="257">
        <v>3</v>
      </c>
      <c r="EA27" s="257">
        <v>3</v>
      </c>
      <c r="EB27" s="257">
        <v>4</v>
      </c>
      <c r="EC27" s="254">
        <v>27</v>
      </c>
      <c r="ED27" s="259">
        <v>37</v>
      </c>
      <c r="EE27" s="253">
        <v>0</v>
      </c>
      <c r="EF27" s="257">
        <v>0</v>
      </c>
      <c r="EG27" s="254">
        <v>0</v>
      </c>
      <c r="EH27" s="256">
        <v>0</v>
      </c>
      <c r="EI27" s="257">
        <v>0</v>
      </c>
      <c r="EJ27" s="257">
        <v>2</v>
      </c>
      <c r="EK27" s="257">
        <v>2</v>
      </c>
      <c r="EL27" s="257">
        <v>1</v>
      </c>
      <c r="EM27" s="257">
        <v>1</v>
      </c>
      <c r="EN27" s="254">
        <v>6</v>
      </c>
      <c r="EO27" s="259">
        <v>6</v>
      </c>
      <c r="EP27" s="253">
        <v>8</v>
      </c>
      <c r="EQ27" s="257">
        <v>8</v>
      </c>
      <c r="ER27" s="254">
        <v>16</v>
      </c>
      <c r="ES27" s="256">
        <v>0</v>
      </c>
      <c r="ET27" s="257">
        <v>14</v>
      </c>
      <c r="EU27" s="257">
        <v>11</v>
      </c>
      <c r="EV27" s="257">
        <v>4</v>
      </c>
      <c r="EW27" s="257">
        <v>3</v>
      </c>
      <c r="EX27" s="257">
        <v>4</v>
      </c>
      <c r="EY27" s="254">
        <v>36</v>
      </c>
      <c r="EZ27" s="259">
        <v>52</v>
      </c>
    </row>
    <row r="28" spans="2:156" ht="21" customHeight="1" x14ac:dyDescent="0.2">
      <c r="B28" s="437" t="s">
        <v>26</v>
      </c>
      <c r="C28" s="253">
        <v>0</v>
      </c>
      <c r="D28" s="257">
        <v>0</v>
      </c>
      <c r="E28" s="340">
        <v>0</v>
      </c>
      <c r="F28" s="256">
        <v>0</v>
      </c>
      <c r="G28" s="257">
        <v>5</v>
      </c>
      <c r="H28" s="257">
        <v>5</v>
      </c>
      <c r="I28" s="257">
        <v>1</v>
      </c>
      <c r="J28" s="257">
        <v>1</v>
      </c>
      <c r="K28" s="257">
        <v>5</v>
      </c>
      <c r="L28" s="258">
        <v>17</v>
      </c>
      <c r="M28" s="259">
        <v>17</v>
      </c>
      <c r="N28" s="253">
        <v>0</v>
      </c>
      <c r="O28" s="257">
        <v>0</v>
      </c>
      <c r="P28" s="254">
        <v>0</v>
      </c>
      <c r="Q28" s="256">
        <v>0</v>
      </c>
      <c r="R28" s="257">
        <v>0</v>
      </c>
      <c r="S28" s="257">
        <v>0</v>
      </c>
      <c r="T28" s="257">
        <v>0</v>
      </c>
      <c r="U28" s="257">
        <v>0</v>
      </c>
      <c r="V28" s="257">
        <v>2</v>
      </c>
      <c r="W28" s="254">
        <v>2</v>
      </c>
      <c r="X28" s="259">
        <v>2</v>
      </c>
      <c r="Y28" s="253">
        <v>0</v>
      </c>
      <c r="Z28" s="257">
        <v>0</v>
      </c>
      <c r="AA28" s="254">
        <v>0</v>
      </c>
      <c r="AB28" s="256">
        <v>0</v>
      </c>
      <c r="AC28" s="257">
        <v>4</v>
      </c>
      <c r="AD28" s="257">
        <v>6</v>
      </c>
      <c r="AE28" s="257">
        <v>0</v>
      </c>
      <c r="AF28" s="257">
        <v>2</v>
      </c>
      <c r="AG28" s="257">
        <v>6</v>
      </c>
      <c r="AH28" s="254">
        <v>18</v>
      </c>
      <c r="AI28" s="259">
        <v>18</v>
      </c>
      <c r="AJ28" s="253">
        <v>0</v>
      </c>
      <c r="AK28" s="257">
        <v>1</v>
      </c>
      <c r="AL28" s="254">
        <v>1</v>
      </c>
      <c r="AM28" s="256">
        <v>0</v>
      </c>
      <c r="AN28" s="257">
        <v>0</v>
      </c>
      <c r="AO28" s="257">
        <v>0</v>
      </c>
      <c r="AP28" s="257">
        <v>0</v>
      </c>
      <c r="AQ28" s="257">
        <v>0</v>
      </c>
      <c r="AR28" s="257">
        <v>0</v>
      </c>
      <c r="AS28" s="254">
        <v>0</v>
      </c>
      <c r="AT28" s="259">
        <v>1</v>
      </c>
      <c r="AU28" s="253">
        <v>3</v>
      </c>
      <c r="AV28" s="257">
        <v>0</v>
      </c>
      <c r="AW28" s="254">
        <v>3</v>
      </c>
      <c r="AX28" s="256">
        <v>0</v>
      </c>
      <c r="AY28" s="257">
        <v>4</v>
      </c>
      <c r="AZ28" s="257">
        <v>5</v>
      </c>
      <c r="BA28" s="257">
        <v>6</v>
      </c>
      <c r="BB28" s="257">
        <v>5</v>
      </c>
      <c r="BC28" s="257">
        <v>4</v>
      </c>
      <c r="BD28" s="258">
        <v>24</v>
      </c>
      <c r="BE28" s="259">
        <v>27</v>
      </c>
      <c r="BF28" s="253">
        <v>0</v>
      </c>
      <c r="BG28" s="257">
        <v>0</v>
      </c>
      <c r="BH28" s="254">
        <v>0</v>
      </c>
      <c r="BI28" s="256">
        <v>0</v>
      </c>
      <c r="BJ28" s="257">
        <v>9</v>
      </c>
      <c r="BK28" s="257">
        <v>3</v>
      </c>
      <c r="BL28" s="257">
        <v>1</v>
      </c>
      <c r="BM28" s="257">
        <v>1</v>
      </c>
      <c r="BN28" s="257">
        <v>0</v>
      </c>
      <c r="BO28" s="254">
        <v>14</v>
      </c>
      <c r="BP28" s="259">
        <v>14</v>
      </c>
      <c r="BQ28" s="253">
        <v>0</v>
      </c>
      <c r="BR28" s="257">
        <v>0</v>
      </c>
      <c r="BS28" s="254">
        <v>0</v>
      </c>
      <c r="BT28" s="256">
        <v>0</v>
      </c>
      <c r="BU28" s="257">
        <v>2</v>
      </c>
      <c r="BV28" s="257">
        <v>3</v>
      </c>
      <c r="BW28" s="257">
        <v>0</v>
      </c>
      <c r="BX28" s="257">
        <v>0</v>
      </c>
      <c r="BY28" s="257">
        <v>0</v>
      </c>
      <c r="BZ28" s="254">
        <v>5</v>
      </c>
      <c r="CA28" s="259">
        <v>5</v>
      </c>
      <c r="CB28" s="253">
        <v>0</v>
      </c>
      <c r="CC28" s="257">
        <v>0</v>
      </c>
      <c r="CD28" s="254">
        <v>0</v>
      </c>
      <c r="CE28" s="256">
        <v>0</v>
      </c>
      <c r="CF28" s="257">
        <v>2</v>
      </c>
      <c r="CG28" s="257">
        <v>1</v>
      </c>
      <c r="CH28" s="257">
        <v>1</v>
      </c>
      <c r="CI28" s="257">
        <v>0</v>
      </c>
      <c r="CJ28" s="257">
        <v>0</v>
      </c>
      <c r="CK28" s="254">
        <v>4</v>
      </c>
      <c r="CL28" s="259">
        <v>4</v>
      </c>
      <c r="CM28" s="253">
        <v>0</v>
      </c>
      <c r="CN28" s="257">
        <v>0</v>
      </c>
      <c r="CO28" s="254">
        <v>0</v>
      </c>
      <c r="CP28" s="256">
        <v>0</v>
      </c>
      <c r="CQ28" s="257">
        <v>0</v>
      </c>
      <c r="CR28" s="257">
        <v>0</v>
      </c>
      <c r="CS28" s="257">
        <v>0</v>
      </c>
      <c r="CT28" s="257">
        <v>1</v>
      </c>
      <c r="CU28" s="257">
        <v>0</v>
      </c>
      <c r="CV28" s="254">
        <v>1</v>
      </c>
      <c r="CW28" s="259">
        <v>1</v>
      </c>
      <c r="CX28" s="253">
        <v>0</v>
      </c>
      <c r="CY28" s="257">
        <v>0</v>
      </c>
      <c r="CZ28" s="254">
        <v>0</v>
      </c>
      <c r="DA28" s="256">
        <v>0</v>
      </c>
      <c r="DB28" s="257">
        <v>0</v>
      </c>
      <c r="DC28" s="257">
        <v>0</v>
      </c>
      <c r="DD28" s="257">
        <v>0</v>
      </c>
      <c r="DE28" s="257">
        <v>0</v>
      </c>
      <c r="DF28" s="257">
        <v>0</v>
      </c>
      <c r="DG28" s="254">
        <v>0</v>
      </c>
      <c r="DH28" s="259">
        <v>0</v>
      </c>
      <c r="DI28" s="253">
        <v>0</v>
      </c>
      <c r="DJ28" s="257">
        <v>0</v>
      </c>
      <c r="DK28" s="254">
        <v>0</v>
      </c>
      <c r="DL28" s="256">
        <v>0</v>
      </c>
      <c r="DM28" s="257">
        <v>0</v>
      </c>
      <c r="DN28" s="257">
        <v>0</v>
      </c>
      <c r="DO28" s="257">
        <v>0</v>
      </c>
      <c r="DP28" s="257">
        <v>0</v>
      </c>
      <c r="DQ28" s="257">
        <v>0</v>
      </c>
      <c r="DR28" s="254">
        <v>0</v>
      </c>
      <c r="DS28" s="259">
        <v>0</v>
      </c>
      <c r="DT28" s="253">
        <v>1</v>
      </c>
      <c r="DU28" s="257">
        <v>4</v>
      </c>
      <c r="DV28" s="254">
        <v>5</v>
      </c>
      <c r="DW28" s="256">
        <v>0</v>
      </c>
      <c r="DX28" s="257">
        <v>7</v>
      </c>
      <c r="DY28" s="257">
        <v>11</v>
      </c>
      <c r="DZ28" s="257">
        <v>3</v>
      </c>
      <c r="EA28" s="257">
        <v>1</v>
      </c>
      <c r="EB28" s="257">
        <v>7</v>
      </c>
      <c r="EC28" s="254">
        <v>29</v>
      </c>
      <c r="ED28" s="259">
        <v>34</v>
      </c>
      <c r="EE28" s="253">
        <v>2</v>
      </c>
      <c r="EF28" s="257">
        <v>1</v>
      </c>
      <c r="EG28" s="254">
        <v>3</v>
      </c>
      <c r="EH28" s="256">
        <v>0</v>
      </c>
      <c r="EI28" s="257">
        <v>3</v>
      </c>
      <c r="EJ28" s="257">
        <v>4</v>
      </c>
      <c r="EK28" s="257">
        <v>4</v>
      </c>
      <c r="EL28" s="257">
        <v>3</v>
      </c>
      <c r="EM28" s="257">
        <v>1</v>
      </c>
      <c r="EN28" s="254">
        <v>15</v>
      </c>
      <c r="EO28" s="259">
        <v>18</v>
      </c>
      <c r="EP28" s="253">
        <v>1</v>
      </c>
      <c r="EQ28" s="257">
        <v>4</v>
      </c>
      <c r="ER28" s="254">
        <v>5</v>
      </c>
      <c r="ES28" s="256">
        <v>0</v>
      </c>
      <c r="ET28" s="257">
        <v>20</v>
      </c>
      <c r="EU28" s="257">
        <v>12</v>
      </c>
      <c r="EV28" s="257">
        <v>4</v>
      </c>
      <c r="EW28" s="257">
        <v>2</v>
      </c>
      <c r="EX28" s="257">
        <v>7</v>
      </c>
      <c r="EY28" s="254">
        <v>45</v>
      </c>
      <c r="EZ28" s="259">
        <v>50</v>
      </c>
    </row>
    <row r="29" spans="2:156" ht="21" customHeight="1" x14ac:dyDescent="0.2">
      <c r="B29" s="437" t="s">
        <v>27</v>
      </c>
      <c r="C29" s="253">
        <v>0</v>
      </c>
      <c r="D29" s="257">
        <v>0</v>
      </c>
      <c r="E29" s="340">
        <v>0</v>
      </c>
      <c r="F29" s="256">
        <v>0</v>
      </c>
      <c r="G29" s="257">
        <v>2</v>
      </c>
      <c r="H29" s="257">
        <v>2</v>
      </c>
      <c r="I29" s="257">
        <v>4</v>
      </c>
      <c r="J29" s="257">
        <v>0</v>
      </c>
      <c r="K29" s="257">
        <v>0</v>
      </c>
      <c r="L29" s="258">
        <v>8</v>
      </c>
      <c r="M29" s="259">
        <v>8</v>
      </c>
      <c r="N29" s="253">
        <v>0</v>
      </c>
      <c r="O29" s="257">
        <v>0</v>
      </c>
      <c r="P29" s="254">
        <v>0</v>
      </c>
      <c r="Q29" s="256">
        <v>0</v>
      </c>
      <c r="R29" s="257">
        <v>0</v>
      </c>
      <c r="S29" s="257">
        <v>0</v>
      </c>
      <c r="T29" s="257">
        <v>1</v>
      </c>
      <c r="U29" s="257">
        <v>1</v>
      </c>
      <c r="V29" s="257">
        <v>0</v>
      </c>
      <c r="W29" s="254">
        <v>2</v>
      </c>
      <c r="X29" s="259">
        <v>2</v>
      </c>
      <c r="Y29" s="253">
        <v>0</v>
      </c>
      <c r="Z29" s="257">
        <v>3</v>
      </c>
      <c r="AA29" s="254">
        <v>3</v>
      </c>
      <c r="AB29" s="256">
        <v>0</v>
      </c>
      <c r="AC29" s="257">
        <v>0</v>
      </c>
      <c r="AD29" s="257">
        <v>5</v>
      </c>
      <c r="AE29" s="257">
        <v>4</v>
      </c>
      <c r="AF29" s="257">
        <v>2</v>
      </c>
      <c r="AG29" s="257">
        <v>0</v>
      </c>
      <c r="AH29" s="254">
        <v>11</v>
      </c>
      <c r="AI29" s="259">
        <v>14</v>
      </c>
      <c r="AJ29" s="253">
        <v>0</v>
      </c>
      <c r="AK29" s="257">
        <v>0</v>
      </c>
      <c r="AL29" s="254">
        <v>0</v>
      </c>
      <c r="AM29" s="256">
        <v>0</v>
      </c>
      <c r="AN29" s="257">
        <v>0</v>
      </c>
      <c r="AO29" s="257">
        <v>0</v>
      </c>
      <c r="AP29" s="257">
        <v>0</v>
      </c>
      <c r="AQ29" s="257">
        <v>0</v>
      </c>
      <c r="AR29" s="257">
        <v>0</v>
      </c>
      <c r="AS29" s="254">
        <v>0</v>
      </c>
      <c r="AT29" s="259">
        <v>0</v>
      </c>
      <c r="AU29" s="253">
        <v>0</v>
      </c>
      <c r="AV29" s="257">
        <v>1</v>
      </c>
      <c r="AW29" s="254">
        <v>1</v>
      </c>
      <c r="AX29" s="256">
        <v>0</v>
      </c>
      <c r="AY29" s="257">
        <v>3</v>
      </c>
      <c r="AZ29" s="257">
        <v>5</v>
      </c>
      <c r="BA29" s="257">
        <v>9</v>
      </c>
      <c r="BB29" s="257">
        <v>2</v>
      </c>
      <c r="BC29" s="257">
        <v>2</v>
      </c>
      <c r="BD29" s="258">
        <v>21</v>
      </c>
      <c r="BE29" s="259">
        <v>22</v>
      </c>
      <c r="BF29" s="253">
        <v>0</v>
      </c>
      <c r="BG29" s="257">
        <v>0</v>
      </c>
      <c r="BH29" s="254">
        <v>0</v>
      </c>
      <c r="BI29" s="256">
        <v>0</v>
      </c>
      <c r="BJ29" s="257">
        <v>5</v>
      </c>
      <c r="BK29" s="257">
        <v>3</v>
      </c>
      <c r="BL29" s="257">
        <v>2</v>
      </c>
      <c r="BM29" s="257">
        <v>2</v>
      </c>
      <c r="BN29" s="257">
        <v>0</v>
      </c>
      <c r="BO29" s="254">
        <v>12</v>
      </c>
      <c r="BP29" s="259">
        <v>12</v>
      </c>
      <c r="BQ29" s="253">
        <v>2</v>
      </c>
      <c r="BR29" s="257">
        <v>0</v>
      </c>
      <c r="BS29" s="254">
        <v>2</v>
      </c>
      <c r="BT29" s="256">
        <v>0</v>
      </c>
      <c r="BU29" s="257">
        <v>1</v>
      </c>
      <c r="BV29" s="257">
        <v>2</v>
      </c>
      <c r="BW29" s="257">
        <v>1</v>
      </c>
      <c r="BX29" s="257">
        <v>0</v>
      </c>
      <c r="BY29" s="257">
        <v>0</v>
      </c>
      <c r="BZ29" s="254">
        <v>4</v>
      </c>
      <c r="CA29" s="259">
        <v>6</v>
      </c>
      <c r="CB29" s="253">
        <v>0</v>
      </c>
      <c r="CC29" s="257">
        <v>0</v>
      </c>
      <c r="CD29" s="254">
        <v>0</v>
      </c>
      <c r="CE29" s="256">
        <v>0</v>
      </c>
      <c r="CF29" s="257">
        <v>1</v>
      </c>
      <c r="CG29" s="257">
        <v>1</v>
      </c>
      <c r="CH29" s="257">
        <v>0</v>
      </c>
      <c r="CI29" s="257">
        <v>1</v>
      </c>
      <c r="CJ29" s="257">
        <v>0</v>
      </c>
      <c r="CK29" s="254">
        <v>3</v>
      </c>
      <c r="CL29" s="259">
        <v>3</v>
      </c>
      <c r="CM29" s="253">
        <v>0</v>
      </c>
      <c r="CN29" s="257">
        <v>0</v>
      </c>
      <c r="CO29" s="254">
        <v>0</v>
      </c>
      <c r="CP29" s="256">
        <v>0</v>
      </c>
      <c r="CQ29" s="257">
        <v>0</v>
      </c>
      <c r="CR29" s="257">
        <v>0</v>
      </c>
      <c r="CS29" s="257">
        <v>0</v>
      </c>
      <c r="CT29" s="257">
        <v>0</v>
      </c>
      <c r="CU29" s="257">
        <v>0</v>
      </c>
      <c r="CV29" s="254">
        <v>0</v>
      </c>
      <c r="CW29" s="259">
        <v>0</v>
      </c>
      <c r="CX29" s="253">
        <v>0</v>
      </c>
      <c r="CY29" s="257">
        <v>0</v>
      </c>
      <c r="CZ29" s="254">
        <v>0</v>
      </c>
      <c r="DA29" s="256">
        <v>0</v>
      </c>
      <c r="DB29" s="257">
        <v>0</v>
      </c>
      <c r="DC29" s="257">
        <v>0</v>
      </c>
      <c r="DD29" s="257">
        <v>0</v>
      </c>
      <c r="DE29" s="257">
        <v>0</v>
      </c>
      <c r="DF29" s="257">
        <v>0</v>
      </c>
      <c r="DG29" s="254">
        <v>0</v>
      </c>
      <c r="DH29" s="259">
        <v>0</v>
      </c>
      <c r="DI29" s="253">
        <v>0</v>
      </c>
      <c r="DJ29" s="257">
        <v>0</v>
      </c>
      <c r="DK29" s="254">
        <v>0</v>
      </c>
      <c r="DL29" s="256">
        <v>0</v>
      </c>
      <c r="DM29" s="257">
        <v>0</v>
      </c>
      <c r="DN29" s="257">
        <v>0</v>
      </c>
      <c r="DO29" s="257">
        <v>0</v>
      </c>
      <c r="DP29" s="257">
        <v>0</v>
      </c>
      <c r="DQ29" s="257">
        <v>0</v>
      </c>
      <c r="DR29" s="254">
        <v>0</v>
      </c>
      <c r="DS29" s="259">
        <v>0</v>
      </c>
      <c r="DT29" s="253">
        <v>4</v>
      </c>
      <c r="DU29" s="257">
        <v>9</v>
      </c>
      <c r="DV29" s="254">
        <v>13</v>
      </c>
      <c r="DW29" s="256">
        <v>0</v>
      </c>
      <c r="DX29" s="257">
        <v>2</v>
      </c>
      <c r="DY29" s="257">
        <v>9</v>
      </c>
      <c r="DZ29" s="257">
        <v>10</v>
      </c>
      <c r="EA29" s="257">
        <v>2</v>
      </c>
      <c r="EB29" s="257">
        <v>0</v>
      </c>
      <c r="EC29" s="254">
        <v>23</v>
      </c>
      <c r="ED29" s="259">
        <v>36</v>
      </c>
      <c r="EE29" s="253">
        <v>0</v>
      </c>
      <c r="EF29" s="257">
        <v>0</v>
      </c>
      <c r="EG29" s="254">
        <v>0</v>
      </c>
      <c r="EH29" s="256">
        <v>0</v>
      </c>
      <c r="EI29" s="257">
        <v>3</v>
      </c>
      <c r="EJ29" s="257">
        <v>2</v>
      </c>
      <c r="EK29" s="257">
        <v>5</v>
      </c>
      <c r="EL29" s="257">
        <v>2</v>
      </c>
      <c r="EM29" s="257">
        <v>2</v>
      </c>
      <c r="EN29" s="254">
        <v>14</v>
      </c>
      <c r="EO29" s="259">
        <v>14</v>
      </c>
      <c r="EP29" s="253">
        <v>6</v>
      </c>
      <c r="EQ29" s="257">
        <v>11</v>
      </c>
      <c r="ER29" s="254">
        <v>17</v>
      </c>
      <c r="ES29" s="256">
        <v>0</v>
      </c>
      <c r="ET29" s="257">
        <v>9</v>
      </c>
      <c r="EU29" s="257">
        <v>15</v>
      </c>
      <c r="EV29" s="257">
        <v>10</v>
      </c>
      <c r="EW29" s="257">
        <v>3</v>
      </c>
      <c r="EX29" s="257">
        <v>0</v>
      </c>
      <c r="EY29" s="254">
        <v>37</v>
      </c>
      <c r="EZ29" s="259">
        <v>54</v>
      </c>
    </row>
    <row r="30" spans="2:156" ht="21" customHeight="1" x14ac:dyDescent="0.2">
      <c r="B30" s="437" t="s">
        <v>28</v>
      </c>
      <c r="C30" s="253">
        <v>0</v>
      </c>
      <c r="D30" s="257">
        <v>0</v>
      </c>
      <c r="E30" s="340">
        <v>0</v>
      </c>
      <c r="F30" s="256">
        <v>0</v>
      </c>
      <c r="G30" s="257">
        <v>1</v>
      </c>
      <c r="H30" s="257">
        <v>1</v>
      </c>
      <c r="I30" s="257">
        <v>0</v>
      </c>
      <c r="J30" s="257">
        <v>1</v>
      </c>
      <c r="K30" s="257">
        <v>0</v>
      </c>
      <c r="L30" s="258">
        <v>3</v>
      </c>
      <c r="M30" s="259">
        <v>3</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0</v>
      </c>
      <c r="AD30" s="257">
        <v>1</v>
      </c>
      <c r="AE30" s="257">
        <v>1</v>
      </c>
      <c r="AF30" s="257">
        <v>0</v>
      </c>
      <c r="AG30" s="257">
        <v>0</v>
      </c>
      <c r="AH30" s="254">
        <v>2</v>
      </c>
      <c r="AI30" s="259">
        <v>2</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1</v>
      </c>
      <c r="AZ30" s="257">
        <v>2</v>
      </c>
      <c r="BA30" s="257">
        <v>3</v>
      </c>
      <c r="BB30" s="257">
        <v>2</v>
      </c>
      <c r="BC30" s="257">
        <v>0</v>
      </c>
      <c r="BD30" s="258">
        <v>8</v>
      </c>
      <c r="BE30" s="259">
        <v>8</v>
      </c>
      <c r="BF30" s="253">
        <v>0</v>
      </c>
      <c r="BG30" s="257">
        <v>0</v>
      </c>
      <c r="BH30" s="254">
        <v>0</v>
      </c>
      <c r="BI30" s="256">
        <v>0</v>
      </c>
      <c r="BJ30" s="257">
        <v>0</v>
      </c>
      <c r="BK30" s="257">
        <v>2</v>
      </c>
      <c r="BL30" s="257">
        <v>2</v>
      </c>
      <c r="BM30" s="257">
        <v>1</v>
      </c>
      <c r="BN30" s="257">
        <v>0</v>
      </c>
      <c r="BO30" s="254">
        <v>5</v>
      </c>
      <c r="BP30" s="259">
        <v>5</v>
      </c>
      <c r="BQ30" s="253">
        <v>0</v>
      </c>
      <c r="BR30" s="257">
        <v>0</v>
      </c>
      <c r="BS30" s="254">
        <v>0</v>
      </c>
      <c r="BT30" s="256">
        <v>0</v>
      </c>
      <c r="BU30" s="257">
        <v>0</v>
      </c>
      <c r="BV30" s="257">
        <v>0</v>
      </c>
      <c r="BW30" s="257">
        <v>1</v>
      </c>
      <c r="BX30" s="257">
        <v>0</v>
      </c>
      <c r="BY30" s="257">
        <v>0</v>
      </c>
      <c r="BZ30" s="254">
        <v>1</v>
      </c>
      <c r="CA30" s="259">
        <v>1</v>
      </c>
      <c r="CB30" s="253">
        <v>0</v>
      </c>
      <c r="CC30" s="257">
        <v>0</v>
      </c>
      <c r="CD30" s="254">
        <v>0</v>
      </c>
      <c r="CE30" s="256">
        <v>0</v>
      </c>
      <c r="CF30" s="257">
        <v>0</v>
      </c>
      <c r="CG30" s="257">
        <v>0</v>
      </c>
      <c r="CH30" s="257">
        <v>1</v>
      </c>
      <c r="CI30" s="257">
        <v>0</v>
      </c>
      <c r="CJ30" s="257">
        <v>0</v>
      </c>
      <c r="CK30" s="254">
        <v>1</v>
      </c>
      <c r="CL30" s="259">
        <v>1</v>
      </c>
      <c r="CM30" s="253">
        <v>0</v>
      </c>
      <c r="CN30" s="257">
        <v>0</v>
      </c>
      <c r="CO30" s="254">
        <v>0</v>
      </c>
      <c r="CP30" s="256">
        <v>0</v>
      </c>
      <c r="CQ30" s="257">
        <v>0</v>
      </c>
      <c r="CR30" s="257">
        <v>0</v>
      </c>
      <c r="CS30" s="257">
        <v>0</v>
      </c>
      <c r="CT30" s="257">
        <v>0</v>
      </c>
      <c r="CU30" s="257">
        <v>0</v>
      </c>
      <c r="CV30" s="254">
        <v>0</v>
      </c>
      <c r="CW30" s="259">
        <v>0</v>
      </c>
      <c r="CX30" s="253">
        <v>0</v>
      </c>
      <c r="CY30" s="257">
        <v>0</v>
      </c>
      <c r="CZ30" s="254">
        <v>0</v>
      </c>
      <c r="DA30" s="256">
        <v>0</v>
      </c>
      <c r="DB30" s="257">
        <v>0</v>
      </c>
      <c r="DC30" s="257">
        <v>0</v>
      </c>
      <c r="DD30" s="257">
        <v>0</v>
      </c>
      <c r="DE30" s="257">
        <v>0</v>
      </c>
      <c r="DF30" s="257">
        <v>0</v>
      </c>
      <c r="DG30" s="254">
        <v>0</v>
      </c>
      <c r="DH30" s="259">
        <v>0</v>
      </c>
      <c r="DI30" s="253">
        <v>0</v>
      </c>
      <c r="DJ30" s="257">
        <v>0</v>
      </c>
      <c r="DK30" s="254">
        <v>0</v>
      </c>
      <c r="DL30" s="256">
        <v>0</v>
      </c>
      <c r="DM30" s="257">
        <v>0</v>
      </c>
      <c r="DN30" s="257">
        <v>0</v>
      </c>
      <c r="DO30" s="257">
        <v>0</v>
      </c>
      <c r="DP30" s="257">
        <v>0</v>
      </c>
      <c r="DQ30" s="257">
        <v>0</v>
      </c>
      <c r="DR30" s="254">
        <v>0</v>
      </c>
      <c r="DS30" s="259">
        <v>0</v>
      </c>
      <c r="DT30" s="253">
        <v>0</v>
      </c>
      <c r="DU30" s="257">
        <v>1</v>
      </c>
      <c r="DV30" s="254">
        <v>1</v>
      </c>
      <c r="DW30" s="256">
        <v>0</v>
      </c>
      <c r="DX30" s="257">
        <v>1</v>
      </c>
      <c r="DY30" s="257">
        <v>3</v>
      </c>
      <c r="DZ30" s="257">
        <v>2</v>
      </c>
      <c r="EA30" s="257">
        <v>1</v>
      </c>
      <c r="EB30" s="257">
        <v>0</v>
      </c>
      <c r="EC30" s="254">
        <v>7</v>
      </c>
      <c r="ED30" s="259">
        <v>8</v>
      </c>
      <c r="EE30" s="253">
        <v>0</v>
      </c>
      <c r="EF30" s="257">
        <v>0</v>
      </c>
      <c r="EG30" s="254">
        <v>0</v>
      </c>
      <c r="EH30" s="256">
        <v>0</v>
      </c>
      <c r="EI30" s="257">
        <v>0</v>
      </c>
      <c r="EJ30" s="257">
        <v>0</v>
      </c>
      <c r="EK30" s="257">
        <v>1</v>
      </c>
      <c r="EL30" s="257">
        <v>1</v>
      </c>
      <c r="EM30" s="257">
        <v>0</v>
      </c>
      <c r="EN30" s="254">
        <v>2</v>
      </c>
      <c r="EO30" s="259">
        <v>2</v>
      </c>
      <c r="EP30" s="253">
        <v>0</v>
      </c>
      <c r="EQ30" s="257">
        <v>1</v>
      </c>
      <c r="ER30" s="254">
        <v>1</v>
      </c>
      <c r="ES30" s="256">
        <v>0</v>
      </c>
      <c r="ET30" s="257">
        <v>7</v>
      </c>
      <c r="EU30" s="257">
        <v>3</v>
      </c>
      <c r="EV30" s="257">
        <v>4</v>
      </c>
      <c r="EW30" s="257">
        <v>2</v>
      </c>
      <c r="EX30" s="257">
        <v>0</v>
      </c>
      <c r="EY30" s="254">
        <v>16</v>
      </c>
      <c r="EZ30" s="259">
        <v>17</v>
      </c>
    </row>
    <row r="31" spans="2:156" ht="21" customHeight="1" x14ac:dyDescent="0.2">
      <c r="B31" s="437" t="s">
        <v>29</v>
      </c>
      <c r="C31" s="253">
        <v>0</v>
      </c>
      <c r="D31" s="257">
        <v>0</v>
      </c>
      <c r="E31" s="340">
        <v>0</v>
      </c>
      <c r="F31" s="256">
        <v>0</v>
      </c>
      <c r="G31" s="257">
        <v>3</v>
      </c>
      <c r="H31" s="257">
        <v>2</v>
      </c>
      <c r="I31" s="257">
        <v>0</v>
      </c>
      <c r="J31" s="257">
        <v>1</v>
      </c>
      <c r="K31" s="257">
        <v>0</v>
      </c>
      <c r="L31" s="258">
        <v>6</v>
      </c>
      <c r="M31" s="259">
        <v>6</v>
      </c>
      <c r="N31" s="253">
        <v>0</v>
      </c>
      <c r="O31" s="257">
        <v>0</v>
      </c>
      <c r="P31" s="254">
        <v>0</v>
      </c>
      <c r="Q31" s="256">
        <v>0</v>
      </c>
      <c r="R31" s="257">
        <v>0</v>
      </c>
      <c r="S31" s="257">
        <v>0</v>
      </c>
      <c r="T31" s="257">
        <v>0</v>
      </c>
      <c r="U31" s="257">
        <v>0</v>
      </c>
      <c r="V31" s="257">
        <v>0</v>
      </c>
      <c r="W31" s="254">
        <v>0</v>
      </c>
      <c r="X31" s="259">
        <v>0</v>
      </c>
      <c r="Y31" s="253">
        <v>0</v>
      </c>
      <c r="Z31" s="257">
        <v>2</v>
      </c>
      <c r="AA31" s="254">
        <v>2</v>
      </c>
      <c r="AB31" s="256">
        <v>0</v>
      </c>
      <c r="AC31" s="257">
        <v>2</v>
      </c>
      <c r="AD31" s="257">
        <v>2</v>
      </c>
      <c r="AE31" s="257">
        <v>2</v>
      </c>
      <c r="AF31" s="257">
        <v>0</v>
      </c>
      <c r="AG31" s="257">
        <v>0</v>
      </c>
      <c r="AH31" s="254">
        <v>6</v>
      </c>
      <c r="AI31" s="259">
        <v>8</v>
      </c>
      <c r="AJ31" s="253">
        <v>0</v>
      </c>
      <c r="AK31" s="257">
        <v>0</v>
      </c>
      <c r="AL31" s="254">
        <v>0</v>
      </c>
      <c r="AM31" s="256">
        <v>0</v>
      </c>
      <c r="AN31" s="257">
        <v>1</v>
      </c>
      <c r="AO31" s="257">
        <v>0</v>
      </c>
      <c r="AP31" s="257">
        <v>0</v>
      </c>
      <c r="AQ31" s="257">
        <v>1</v>
      </c>
      <c r="AR31" s="257">
        <v>0</v>
      </c>
      <c r="AS31" s="254">
        <v>2</v>
      </c>
      <c r="AT31" s="259">
        <v>2</v>
      </c>
      <c r="AU31" s="253">
        <v>0</v>
      </c>
      <c r="AV31" s="257">
        <v>0</v>
      </c>
      <c r="AW31" s="254">
        <v>0</v>
      </c>
      <c r="AX31" s="256">
        <v>0</v>
      </c>
      <c r="AY31" s="257">
        <v>2</v>
      </c>
      <c r="AZ31" s="257">
        <v>2</v>
      </c>
      <c r="BA31" s="257">
        <v>0</v>
      </c>
      <c r="BB31" s="257">
        <v>1</v>
      </c>
      <c r="BC31" s="257">
        <v>0</v>
      </c>
      <c r="BD31" s="258">
        <v>5</v>
      </c>
      <c r="BE31" s="259">
        <v>5</v>
      </c>
      <c r="BF31" s="253">
        <v>0</v>
      </c>
      <c r="BG31" s="257">
        <v>0</v>
      </c>
      <c r="BH31" s="254">
        <v>0</v>
      </c>
      <c r="BI31" s="256">
        <v>0</v>
      </c>
      <c r="BJ31" s="257">
        <v>2</v>
      </c>
      <c r="BK31" s="257">
        <v>2</v>
      </c>
      <c r="BL31" s="257">
        <v>0</v>
      </c>
      <c r="BM31" s="257">
        <v>0</v>
      </c>
      <c r="BN31" s="257">
        <v>0</v>
      </c>
      <c r="BO31" s="254">
        <v>4</v>
      </c>
      <c r="BP31" s="259">
        <v>4</v>
      </c>
      <c r="BQ31" s="253">
        <v>0</v>
      </c>
      <c r="BR31" s="257">
        <v>0</v>
      </c>
      <c r="BS31" s="254">
        <v>0</v>
      </c>
      <c r="BT31" s="256">
        <v>0</v>
      </c>
      <c r="BU31" s="257">
        <v>2</v>
      </c>
      <c r="BV31" s="257">
        <v>0</v>
      </c>
      <c r="BW31" s="257">
        <v>1</v>
      </c>
      <c r="BX31" s="257">
        <v>1</v>
      </c>
      <c r="BY31" s="257">
        <v>0</v>
      </c>
      <c r="BZ31" s="254">
        <v>4</v>
      </c>
      <c r="CA31" s="259">
        <v>4</v>
      </c>
      <c r="CB31" s="253">
        <v>0</v>
      </c>
      <c r="CC31" s="257">
        <v>0</v>
      </c>
      <c r="CD31" s="254">
        <v>0</v>
      </c>
      <c r="CE31" s="256">
        <v>0</v>
      </c>
      <c r="CF31" s="257">
        <v>0</v>
      </c>
      <c r="CG31" s="257">
        <v>0</v>
      </c>
      <c r="CH31" s="257">
        <v>0</v>
      </c>
      <c r="CI31" s="257">
        <v>0</v>
      </c>
      <c r="CJ31" s="257">
        <v>0</v>
      </c>
      <c r="CK31" s="254">
        <v>0</v>
      </c>
      <c r="CL31" s="259">
        <v>0</v>
      </c>
      <c r="CM31" s="253">
        <v>0</v>
      </c>
      <c r="CN31" s="257">
        <v>0</v>
      </c>
      <c r="CO31" s="254">
        <v>0</v>
      </c>
      <c r="CP31" s="256">
        <v>0</v>
      </c>
      <c r="CQ31" s="257">
        <v>1</v>
      </c>
      <c r="CR31" s="257">
        <v>0</v>
      </c>
      <c r="CS31" s="257">
        <v>0</v>
      </c>
      <c r="CT31" s="257">
        <v>0</v>
      </c>
      <c r="CU31" s="257">
        <v>0</v>
      </c>
      <c r="CV31" s="254">
        <v>1</v>
      </c>
      <c r="CW31" s="259">
        <v>1</v>
      </c>
      <c r="CX31" s="253">
        <v>0</v>
      </c>
      <c r="CY31" s="257">
        <v>0</v>
      </c>
      <c r="CZ31" s="254">
        <v>0</v>
      </c>
      <c r="DA31" s="256">
        <v>0</v>
      </c>
      <c r="DB31" s="257">
        <v>0</v>
      </c>
      <c r="DC31" s="257">
        <v>0</v>
      </c>
      <c r="DD31" s="257">
        <v>0</v>
      </c>
      <c r="DE31" s="257">
        <v>0</v>
      </c>
      <c r="DF31" s="257">
        <v>0</v>
      </c>
      <c r="DG31" s="254">
        <v>0</v>
      </c>
      <c r="DH31" s="259">
        <v>0</v>
      </c>
      <c r="DI31" s="253">
        <v>0</v>
      </c>
      <c r="DJ31" s="257">
        <v>0</v>
      </c>
      <c r="DK31" s="254">
        <v>0</v>
      </c>
      <c r="DL31" s="256">
        <v>0</v>
      </c>
      <c r="DM31" s="257">
        <v>0</v>
      </c>
      <c r="DN31" s="257">
        <v>0</v>
      </c>
      <c r="DO31" s="257">
        <v>0</v>
      </c>
      <c r="DP31" s="257">
        <v>0</v>
      </c>
      <c r="DQ31" s="257">
        <v>0</v>
      </c>
      <c r="DR31" s="254">
        <v>0</v>
      </c>
      <c r="DS31" s="259">
        <v>0</v>
      </c>
      <c r="DT31" s="253">
        <v>0</v>
      </c>
      <c r="DU31" s="257">
        <v>3</v>
      </c>
      <c r="DV31" s="254">
        <v>3</v>
      </c>
      <c r="DW31" s="256">
        <v>0</v>
      </c>
      <c r="DX31" s="257">
        <v>2</v>
      </c>
      <c r="DY31" s="257">
        <v>2</v>
      </c>
      <c r="DZ31" s="257">
        <v>2</v>
      </c>
      <c r="EA31" s="257">
        <v>2</v>
      </c>
      <c r="EB31" s="257">
        <v>0</v>
      </c>
      <c r="EC31" s="254">
        <v>8</v>
      </c>
      <c r="ED31" s="259">
        <v>11</v>
      </c>
      <c r="EE31" s="253">
        <v>0</v>
      </c>
      <c r="EF31" s="257">
        <v>0</v>
      </c>
      <c r="EG31" s="254">
        <v>0</v>
      </c>
      <c r="EH31" s="256">
        <v>0</v>
      </c>
      <c r="EI31" s="257">
        <v>1</v>
      </c>
      <c r="EJ31" s="257">
        <v>1</v>
      </c>
      <c r="EK31" s="257">
        <v>0</v>
      </c>
      <c r="EL31" s="257">
        <v>1</v>
      </c>
      <c r="EM31" s="257">
        <v>0</v>
      </c>
      <c r="EN31" s="254">
        <v>3</v>
      </c>
      <c r="EO31" s="259">
        <v>3</v>
      </c>
      <c r="EP31" s="253">
        <v>0</v>
      </c>
      <c r="EQ31" s="257">
        <v>4</v>
      </c>
      <c r="ER31" s="254">
        <v>4</v>
      </c>
      <c r="ES31" s="256">
        <v>0</v>
      </c>
      <c r="ET31" s="257">
        <v>7</v>
      </c>
      <c r="EU31" s="257">
        <v>3</v>
      </c>
      <c r="EV31" s="257">
        <v>2</v>
      </c>
      <c r="EW31" s="257">
        <v>2</v>
      </c>
      <c r="EX31" s="257">
        <v>0</v>
      </c>
      <c r="EY31" s="254">
        <v>14</v>
      </c>
      <c r="EZ31" s="259">
        <v>18</v>
      </c>
    </row>
    <row r="32" spans="2:156" ht="21" customHeight="1" x14ac:dyDescent="0.2">
      <c r="B32" s="437" t="s">
        <v>30</v>
      </c>
      <c r="C32" s="253">
        <v>0</v>
      </c>
      <c r="D32" s="257">
        <v>0</v>
      </c>
      <c r="E32" s="340">
        <v>0</v>
      </c>
      <c r="F32" s="256">
        <v>0</v>
      </c>
      <c r="G32" s="257">
        <v>3</v>
      </c>
      <c r="H32" s="257">
        <v>1</v>
      </c>
      <c r="I32" s="257">
        <v>0</v>
      </c>
      <c r="J32" s="257">
        <v>1</v>
      </c>
      <c r="K32" s="257">
        <v>0</v>
      </c>
      <c r="L32" s="258">
        <v>5</v>
      </c>
      <c r="M32" s="259">
        <v>5</v>
      </c>
      <c r="N32" s="253">
        <v>0</v>
      </c>
      <c r="O32" s="257">
        <v>0</v>
      </c>
      <c r="P32" s="254">
        <v>0</v>
      </c>
      <c r="Q32" s="256">
        <v>0</v>
      </c>
      <c r="R32" s="257">
        <v>1</v>
      </c>
      <c r="S32" s="257">
        <v>0</v>
      </c>
      <c r="T32" s="257">
        <v>1</v>
      </c>
      <c r="U32" s="257">
        <v>0</v>
      </c>
      <c r="V32" s="257">
        <v>0</v>
      </c>
      <c r="W32" s="254">
        <v>2</v>
      </c>
      <c r="X32" s="259">
        <v>2</v>
      </c>
      <c r="Y32" s="253">
        <v>0</v>
      </c>
      <c r="Z32" s="257">
        <v>0</v>
      </c>
      <c r="AA32" s="254">
        <v>0</v>
      </c>
      <c r="AB32" s="256">
        <v>0</v>
      </c>
      <c r="AC32" s="257">
        <v>2</v>
      </c>
      <c r="AD32" s="257">
        <v>0</v>
      </c>
      <c r="AE32" s="257">
        <v>1</v>
      </c>
      <c r="AF32" s="257">
        <v>0</v>
      </c>
      <c r="AG32" s="257">
        <v>0</v>
      </c>
      <c r="AH32" s="254">
        <v>3</v>
      </c>
      <c r="AI32" s="259">
        <v>3</v>
      </c>
      <c r="AJ32" s="253">
        <v>0</v>
      </c>
      <c r="AK32" s="257">
        <v>0</v>
      </c>
      <c r="AL32" s="254">
        <v>0</v>
      </c>
      <c r="AM32" s="256">
        <v>0</v>
      </c>
      <c r="AN32" s="257">
        <v>0</v>
      </c>
      <c r="AO32" s="257">
        <v>1</v>
      </c>
      <c r="AP32" s="257">
        <v>0</v>
      </c>
      <c r="AQ32" s="257">
        <v>0</v>
      </c>
      <c r="AR32" s="257">
        <v>0</v>
      </c>
      <c r="AS32" s="254">
        <v>1</v>
      </c>
      <c r="AT32" s="259">
        <v>1</v>
      </c>
      <c r="AU32" s="253">
        <v>0</v>
      </c>
      <c r="AV32" s="257">
        <v>0</v>
      </c>
      <c r="AW32" s="254">
        <v>0</v>
      </c>
      <c r="AX32" s="256">
        <v>0</v>
      </c>
      <c r="AY32" s="257">
        <v>3</v>
      </c>
      <c r="AZ32" s="257">
        <v>1</v>
      </c>
      <c r="BA32" s="257">
        <v>2</v>
      </c>
      <c r="BB32" s="257">
        <v>0</v>
      </c>
      <c r="BC32" s="257">
        <v>0</v>
      </c>
      <c r="BD32" s="258">
        <v>6</v>
      </c>
      <c r="BE32" s="259">
        <v>6</v>
      </c>
      <c r="BF32" s="253">
        <v>0</v>
      </c>
      <c r="BG32" s="257">
        <v>0</v>
      </c>
      <c r="BH32" s="254">
        <v>0</v>
      </c>
      <c r="BI32" s="256">
        <v>0</v>
      </c>
      <c r="BJ32" s="257">
        <v>2</v>
      </c>
      <c r="BK32" s="257">
        <v>1</v>
      </c>
      <c r="BL32" s="257">
        <v>1</v>
      </c>
      <c r="BM32" s="257">
        <v>0</v>
      </c>
      <c r="BN32" s="257">
        <v>0</v>
      </c>
      <c r="BO32" s="254">
        <v>4</v>
      </c>
      <c r="BP32" s="259">
        <v>4</v>
      </c>
      <c r="BQ32" s="253">
        <v>0</v>
      </c>
      <c r="BR32" s="257">
        <v>0</v>
      </c>
      <c r="BS32" s="254">
        <v>0</v>
      </c>
      <c r="BT32" s="256">
        <v>0</v>
      </c>
      <c r="BU32" s="257">
        <v>1</v>
      </c>
      <c r="BV32" s="257">
        <v>0</v>
      </c>
      <c r="BW32" s="257">
        <v>0</v>
      </c>
      <c r="BX32" s="257">
        <v>1</v>
      </c>
      <c r="BY32" s="257">
        <v>0</v>
      </c>
      <c r="BZ32" s="254">
        <v>2</v>
      </c>
      <c r="CA32" s="259">
        <v>2</v>
      </c>
      <c r="CB32" s="253">
        <v>0</v>
      </c>
      <c r="CC32" s="257">
        <v>0</v>
      </c>
      <c r="CD32" s="254">
        <v>0</v>
      </c>
      <c r="CE32" s="256">
        <v>0</v>
      </c>
      <c r="CF32" s="257">
        <v>0</v>
      </c>
      <c r="CG32" s="257">
        <v>1</v>
      </c>
      <c r="CH32" s="257">
        <v>1</v>
      </c>
      <c r="CI32" s="257">
        <v>1</v>
      </c>
      <c r="CJ32" s="257">
        <v>0</v>
      </c>
      <c r="CK32" s="254">
        <v>3</v>
      </c>
      <c r="CL32" s="259">
        <v>3</v>
      </c>
      <c r="CM32" s="253">
        <v>0</v>
      </c>
      <c r="CN32" s="257">
        <v>0</v>
      </c>
      <c r="CO32" s="254">
        <v>0</v>
      </c>
      <c r="CP32" s="256">
        <v>0</v>
      </c>
      <c r="CQ32" s="257">
        <v>0</v>
      </c>
      <c r="CR32" s="257">
        <v>0</v>
      </c>
      <c r="CS32" s="257">
        <v>0</v>
      </c>
      <c r="CT32" s="257">
        <v>0</v>
      </c>
      <c r="CU32" s="257">
        <v>0</v>
      </c>
      <c r="CV32" s="254">
        <v>0</v>
      </c>
      <c r="CW32" s="259">
        <v>0</v>
      </c>
      <c r="CX32" s="253">
        <v>0</v>
      </c>
      <c r="CY32" s="257">
        <v>0</v>
      </c>
      <c r="CZ32" s="254">
        <v>0</v>
      </c>
      <c r="DA32" s="256">
        <v>0</v>
      </c>
      <c r="DB32" s="257">
        <v>0</v>
      </c>
      <c r="DC32" s="257">
        <v>0</v>
      </c>
      <c r="DD32" s="257">
        <v>0</v>
      </c>
      <c r="DE32" s="257">
        <v>0</v>
      </c>
      <c r="DF32" s="257">
        <v>0</v>
      </c>
      <c r="DG32" s="254">
        <v>0</v>
      </c>
      <c r="DH32" s="259">
        <v>0</v>
      </c>
      <c r="DI32" s="253">
        <v>0</v>
      </c>
      <c r="DJ32" s="257">
        <v>0</v>
      </c>
      <c r="DK32" s="254">
        <v>0</v>
      </c>
      <c r="DL32" s="256">
        <v>0</v>
      </c>
      <c r="DM32" s="257">
        <v>0</v>
      </c>
      <c r="DN32" s="257">
        <v>0</v>
      </c>
      <c r="DO32" s="257">
        <v>0</v>
      </c>
      <c r="DP32" s="257">
        <v>0</v>
      </c>
      <c r="DQ32" s="257">
        <v>0</v>
      </c>
      <c r="DR32" s="254">
        <v>0</v>
      </c>
      <c r="DS32" s="259">
        <v>0</v>
      </c>
      <c r="DT32" s="253">
        <v>1</v>
      </c>
      <c r="DU32" s="257">
        <v>0</v>
      </c>
      <c r="DV32" s="254">
        <v>1</v>
      </c>
      <c r="DW32" s="256">
        <v>0</v>
      </c>
      <c r="DX32" s="257">
        <v>1</v>
      </c>
      <c r="DY32" s="257">
        <v>2</v>
      </c>
      <c r="DZ32" s="257">
        <v>2</v>
      </c>
      <c r="EA32" s="257">
        <v>1</v>
      </c>
      <c r="EB32" s="257">
        <v>0</v>
      </c>
      <c r="EC32" s="254">
        <v>6</v>
      </c>
      <c r="ED32" s="259">
        <v>7</v>
      </c>
      <c r="EE32" s="253">
        <v>0</v>
      </c>
      <c r="EF32" s="257">
        <v>0</v>
      </c>
      <c r="EG32" s="254">
        <v>0</v>
      </c>
      <c r="EH32" s="256">
        <v>0</v>
      </c>
      <c r="EI32" s="257">
        <v>2</v>
      </c>
      <c r="EJ32" s="257">
        <v>1</v>
      </c>
      <c r="EK32" s="257">
        <v>3</v>
      </c>
      <c r="EL32" s="257">
        <v>0</v>
      </c>
      <c r="EM32" s="257">
        <v>0</v>
      </c>
      <c r="EN32" s="254">
        <v>6</v>
      </c>
      <c r="EO32" s="259">
        <v>6</v>
      </c>
      <c r="EP32" s="253">
        <v>1</v>
      </c>
      <c r="EQ32" s="257">
        <v>0</v>
      </c>
      <c r="ER32" s="254">
        <v>1</v>
      </c>
      <c r="ES32" s="256">
        <v>0</v>
      </c>
      <c r="ET32" s="257">
        <v>6</v>
      </c>
      <c r="EU32" s="257">
        <v>2</v>
      </c>
      <c r="EV32" s="257">
        <v>2</v>
      </c>
      <c r="EW32" s="257">
        <v>1</v>
      </c>
      <c r="EX32" s="257">
        <v>0</v>
      </c>
      <c r="EY32" s="254">
        <v>11</v>
      </c>
      <c r="EZ32" s="259">
        <v>12</v>
      </c>
    </row>
    <row r="33" spans="2:156" ht="21" customHeight="1" x14ac:dyDescent="0.2">
      <c r="B33" s="437" t="s">
        <v>31</v>
      </c>
      <c r="C33" s="253">
        <v>0</v>
      </c>
      <c r="D33" s="257">
        <v>0</v>
      </c>
      <c r="E33" s="340">
        <v>0</v>
      </c>
      <c r="F33" s="256">
        <v>0</v>
      </c>
      <c r="G33" s="257">
        <v>2</v>
      </c>
      <c r="H33" s="257">
        <v>0</v>
      </c>
      <c r="I33" s="257">
        <v>0</v>
      </c>
      <c r="J33" s="257">
        <v>0</v>
      </c>
      <c r="K33" s="257">
        <v>0</v>
      </c>
      <c r="L33" s="258">
        <v>2</v>
      </c>
      <c r="M33" s="259">
        <v>2</v>
      </c>
      <c r="N33" s="253">
        <v>0</v>
      </c>
      <c r="O33" s="257">
        <v>0</v>
      </c>
      <c r="P33" s="254">
        <v>0</v>
      </c>
      <c r="Q33" s="256">
        <v>0</v>
      </c>
      <c r="R33" s="257">
        <v>0</v>
      </c>
      <c r="S33" s="257">
        <v>0</v>
      </c>
      <c r="T33" s="257">
        <v>0</v>
      </c>
      <c r="U33" s="257">
        <v>0</v>
      </c>
      <c r="V33" s="257">
        <v>0</v>
      </c>
      <c r="W33" s="254">
        <v>0</v>
      </c>
      <c r="X33" s="259">
        <v>0</v>
      </c>
      <c r="Y33" s="253">
        <v>0</v>
      </c>
      <c r="Z33" s="257">
        <v>0</v>
      </c>
      <c r="AA33" s="254">
        <v>0</v>
      </c>
      <c r="AB33" s="256">
        <v>0</v>
      </c>
      <c r="AC33" s="257">
        <v>3</v>
      </c>
      <c r="AD33" s="257">
        <v>2</v>
      </c>
      <c r="AE33" s="257">
        <v>2</v>
      </c>
      <c r="AF33" s="257">
        <v>0</v>
      </c>
      <c r="AG33" s="257">
        <v>0</v>
      </c>
      <c r="AH33" s="254">
        <v>7</v>
      </c>
      <c r="AI33" s="259">
        <v>7</v>
      </c>
      <c r="AJ33" s="253">
        <v>0</v>
      </c>
      <c r="AK33" s="257">
        <v>0</v>
      </c>
      <c r="AL33" s="254">
        <v>0</v>
      </c>
      <c r="AM33" s="256">
        <v>0</v>
      </c>
      <c r="AN33" s="257">
        <v>0</v>
      </c>
      <c r="AO33" s="257">
        <v>0</v>
      </c>
      <c r="AP33" s="257">
        <v>0</v>
      </c>
      <c r="AQ33" s="257">
        <v>0</v>
      </c>
      <c r="AR33" s="257">
        <v>0</v>
      </c>
      <c r="AS33" s="254">
        <v>0</v>
      </c>
      <c r="AT33" s="259">
        <v>0</v>
      </c>
      <c r="AU33" s="253">
        <v>0</v>
      </c>
      <c r="AV33" s="257">
        <v>0</v>
      </c>
      <c r="AW33" s="254">
        <v>0</v>
      </c>
      <c r="AX33" s="256">
        <v>0</v>
      </c>
      <c r="AY33" s="257">
        <v>0</v>
      </c>
      <c r="AZ33" s="257">
        <v>1</v>
      </c>
      <c r="BA33" s="257">
        <v>0</v>
      </c>
      <c r="BB33" s="257">
        <v>1</v>
      </c>
      <c r="BC33" s="257">
        <v>0</v>
      </c>
      <c r="BD33" s="258">
        <v>2</v>
      </c>
      <c r="BE33" s="259">
        <v>2</v>
      </c>
      <c r="BF33" s="253">
        <v>0</v>
      </c>
      <c r="BG33" s="257">
        <v>0</v>
      </c>
      <c r="BH33" s="254">
        <v>0</v>
      </c>
      <c r="BI33" s="256">
        <v>0</v>
      </c>
      <c r="BJ33" s="257">
        <v>2</v>
      </c>
      <c r="BK33" s="257">
        <v>3</v>
      </c>
      <c r="BL33" s="257">
        <v>2</v>
      </c>
      <c r="BM33" s="257">
        <v>0</v>
      </c>
      <c r="BN33" s="257">
        <v>0</v>
      </c>
      <c r="BO33" s="254">
        <v>7</v>
      </c>
      <c r="BP33" s="259">
        <v>7</v>
      </c>
      <c r="BQ33" s="253">
        <v>0</v>
      </c>
      <c r="BR33" s="257">
        <v>0</v>
      </c>
      <c r="BS33" s="254">
        <v>0</v>
      </c>
      <c r="BT33" s="256">
        <v>0</v>
      </c>
      <c r="BU33" s="257">
        <v>2</v>
      </c>
      <c r="BV33" s="257">
        <v>1</v>
      </c>
      <c r="BW33" s="257">
        <v>0</v>
      </c>
      <c r="BX33" s="257">
        <v>0</v>
      </c>
      <c r="BY33" s="257">
        <v>0</v>
      </c>
      <c r="BZ33" s="254">
        <v>3</v>
      </c>
      <c r="CA33" s="259">
        <v>3</v>
      </c>
      <c r="CB33" s="253">
        <v>0</v>
      </c>
      <c r="CC33" s="257">
        <v>0</v>
      </c>
      <c r="CD33" s="254">
        <v>0</v>
      </c>
      <c r="CE33" s="256">
        <v>0</v>
      </c>
      <c r="CF33" s="257">
        <v>1</v>
      </c>
      <c r="CG33" s="257">
        <v>0</v>
      </c>
      <c r="CH33" s="257">
        <v>0</v>
      </c>
      <c r="CI33" s="257">
        <v>0</v>
      </c>
      <c r="CJ33" s="257">
        <v>0</v>
      </c>
      <c r="CK33" s="254">
        <v>1</v>
      </c>
      <c r="CL33" s="259">
        <v>1</v>
      </c>
      <c r="CM33" s="253">
        <v>0</v>
      </c>
      <c r="CN33" s="257">
        <v>0</v>
      </c>
      <c r="CO33" s="254">
        <v>0</v>
      </c>
      <c r="CP33" s="256">
        <v>0</v>
      </c>
      <c r="CQ33" s="257">
        <v>0</v>
      </c>
      <c r="CR33" s="257">
        <v>0</v>
      </c>
      <c r="CS33" s="257">
        <v>1</v>
      </c>
      <c r="CT33" s="257">
        <v>0</v>
      </c>
      <c r="CU33" s="257">
        <v>0</v>
      </c>
      <c r="CV33" s="254">
        <v>1</v>
      </c>
      <c r="CW33" s="259">
        <v>1</v>
      </c>
      <c r="CX33" s="253">
        <v>0</v>
      </c>
      <c r="CY33" s="257">
        <v>0</v>
      </c>
      <c r="CZ33" s="254">
        <v>0</v>
      </c>
      <c r="DA33" s="256">
        <v>0</v>
      </c>
      <c r="DB33" s="257">
        <v>0</v>
      </c>
      <c r="DC33" s="257">
        <v>0</v>
      </c>
      <c r="DD33" s="257">
        <v>0</v>
      </c>
      <c r="DE33" s="257">
        <v>0</v>
      </c>
      <c r="DF33" s="257">
        <v>0</v>
      </c>
      <c r="DG33" s="254">
        <v>0</v>
      </c>
      <c r="DH33" s="259">
        <v>0</v>
      </c>
      <c r="DI33" s="253">
        <v>0</v>
      </c>
      <c r="DJ33" s="257">
        <v>0</v>
      </c>
      <c r="DK33" s="254">
        <v>0</v>
      </c>
      <c r="DL33" s="256">
        <v>0</v>
      </c>
      <c r="DM33" s="257">
        <v>0</v>
      </c>
      <c r="DN33" s="257">
        <v>0</v>
      </c>
      <c r="DO33" s="257">
        <v>0</v>
      </c>
      <c r="DP33" s="257">
        <v>0</v>
      </c>
      <c r="DQ33" s="257">
        <v>0</v>
      </c>
      <c r="DR33" s="254">
        <v>0</v>
      </c>
      <c r="DS33" s="259">
        <v>0</v>
      </c>
      <c r="DT33" s="253">
        <v>1</v>
      </c>
      <c r="DU33" s="257">
        <v>1</v>
      </c>
      <c r="DV33" s="254">
        <v>2</v>
      </c>
      <c r="DW33" s="256">
        <v>0</v>
      </c>
      <c r="DX33" s="257">
        <v>4</v>
      </c>
      <c r="DY33" s="257">
        <v>5</v>
      </c>
      <c r="DZ33" s="257">
        <v>3</v>
      </c>
      <c r="EA33" s="257">
        <v>1</v>
      </c>
      <c r="EB33" s="257">
        <v>0</v>
      </c>
      <c r="EC33" s="254">
        <v>13</v>
      </c>
      <c r="ED33" s="259">
        <v>15</v>
      </c>
      <c r="EE33" s="253">
        <v>0</v>
      </c>
      <c r="EF33" s="257">
        <v>0</v>
      </c>
      <c r="EG33" s="254">
        <v>0</v>
      </c>
      <c r="EH33" s="256">
        <v>0</v>
      </c>
      <c r="EI33" s="257">
        <v>0</v>
      </c>
      <c r="EJ33" s="257">
        <v>0</v>
      </c>
      <c r="EK33" s="257">
        <v>0</v>
      </c>
      <c r="EL33" s="257">
        <v>0</v>
      </c>
      <c r="EM33" s="257">
        <v>0</v>
      </c>
      <c r="EN33" s="254">
        <v>0</v>
      </c>
      <c r="EO33" s="259">
        <v>0</v>
      </c>
      <c r="EP33" s="253">
        <v>1</v>
      </c>
      <c r="EQ33" s="257">
        <v>1</v>
      </c>
      <c r="ER33" s="254">
        <v>2</v>
      </c>
      <c r="ES33" s="256">
        <v>0</v>
      </c>
      <c r="ET33" s="257">
        <v>9</v>
      </c>
      <c r="EU33" s="257">
        <v>6</v>
      </c>
      <c r="EV33" s="257">
        <v>4</v>
      </c>
      <c r="EW33" s="257">
        <v>1</v>
      </c>
      <c r="EX33" s="257">
        <v>0</v>
      </c>
      <c r="EY33" s="254">
        <v>20</v>
      </c>
      <c r="EZ33" s="259">
        <v>22</v>
      </c>
    </row>
    <row r="34" spans="2:156" ht="21" customHeight="1" x14ac:dyDescent="0.2">
      <c r="B34" s="437" t="s">
        <v>32</v>
      </c>
      <c r="C34" s="253">
        <v>0</v>
      </c>
      <c r="D34" s="257">
        <v>0</v>
      </c>
      <c r="E34" s="340">
        <v>0</v>
      </c>
      <c r="F34" s="256">
        <v>0</v>
      </c>
      <c r="G34" s="257">
        <v>1</v>
      </c>
      <c r="H34" s="257">
        <v>1</v>
      </c>
      <c r="I34" s="257">
        <v>0</v>
      </c>
      <c r="J34" s="257">
        <v>0</v>
      </c>
      <c r="K34" s="257">
        <v>0</v>
      </c>
      <c r="L34" s="258">
        <v>2</v>
      </c>
      <c r="M34" s="259">
        <v>2</v>
      </c>
      <c r="N34" s="253">
        <v>0</v>
      </c>
      <c r="O34" s="257">
        <v>0</v>
      </c>
      <c r="P34" s="254">
        <v>0</v>
      </c>
      <c r="Q34" s="256">
        <v>0</v>
      </c>
      <c r="R34" s="257">
        <v>0</v>
      </c>
      <c r="S34" s="257">
        <v>0</v>
      </c>
      <c r="T34" s="257">
        <v>0</v>
      </c>
      <c r="U34" s="257">
        <v>0</v>
      </c>
      <c r="V34" s="257">
        <v>0</v>
      </c>
      <c r="W34" s="254">
        <v>0</v>
      </c>
      <c r="X34" s="259">
        <v>0</v>
      </c>
      <c r="Y34" s="253">
        <v>0</v>
      </c>
      <c r="Z34" s="257">
        <v>0</v>
      </c>
      <c r="AA34" s="254">
        <v>0</v>
      </c>
      <c r="AB34" s="256">
        <v>0</v>
      </c>
      <c r="AC34" s="257">
        <v>3</v>
      </c>
      <c r="AD34" s="257">
        <v>1</v>
      </c>
      <c r="AE34" s="257">
        <v>0</v>
      </c>
      <c r="AF34" s="257">
        <v>0</v>
      </c>
      <c r="AG34" s="257">
        <v>1</v>
      </c>
      <c r="AH34" s="254">
        <v>5</v>
      </c>
      <c r="AI34" s="259">
        <v>5</v>
      </c>
      <c r="AJ34" s="253">
        <v>0</v>
      </c>
      <c r="AK34" s="257">
        <v>0</v>
      </c>
      <c r="AL34" s="254">
        <v>0</v>
      </c>
      <c r="AM34" s="256">
        <v>0</v>
      </c>
      <c r="AN34" s="257">
        <v>0</v>
      </c>
      <c r="AO34" s="257">
        <v>1</v>
      </c>
      <c r="AP34" s="257">
        <v>0</v>
      </c>
      <c r="AQ34" s="257">
        <v>1</v>
      </c>
      <c r="AR34" s="257">
        <v>0</v>
      </c>
      <c r="AS34" s="254">
        <v>2</v>
      </c>
      <c r="AT34" s="259">
        <v>2</v>
      </c>
      <c r="AU34" s="253">
        <v>0</v>
      </c>
      <c r="AV34" s="257">
        <v>0</v>
      </c>
      <c r="AW34" s="254">
        <v>0</v>
      </c>
      <c r="AX34" s="256">
        <v>0</v>
      </c>
      <c r="AY34" s="257">
        <v>0</v>
      </c>
      <c r="AZ34" s="257">
        <v>2</v>
      </c>
      <c r="BA34" s="257">
        <v>2</v>
      </c>
      <c r="BB34" s="257">
        <v>3</v>
      </c>
      <c r="BC34" s="257">
        <v>2</v>
      </c>
      <c r="BD34" s="258">
        <v>9</v>
      </c>
      <c r="BE34" s="259">
        <v>9</v>
      </c>
      <c r="BF34" s="253">
        <v>0</v>
      </c>
      <c r="BG34" s="257">
        <v>0</v>
      </c>
      <c r="BH34" s="254">
        <v>0</v>
      </c>
      <c r="BI34" s="256">
        <v>0</v>
      </c>
      <c r="BJ34" s="257">
        <v>3</v>
      </c>
      <c r="BK34" s="257">
        <v>3</v>
      </c>
      <c r="BL34" s="257">
        <v>0</v>
      </c>
      <c r="BM34" s="257">
        <v>1</v>
      </c>
      <c r="BN34" s="257">
        <v>1</v>
      </c>
      <c r="BO34" s="254">
        <v>8</v>
      </c>
      <c r="BP34" s="259">
        <v>8</v>
      </c>
      <c r="BQ34" s="253">
        <v>0</v>
      </c>
      <c r="BR34" s="257">
        <v>0</v>
      </c>
      <c r="BS34" s="254">
        <v>0</v>
      </c>
      <c r="BT34" s="256">
        <v>0</v>
      </c>
      <c r="BU34" s="257">
        <v>0</v>
      </c>
      <c r="BV34" s="257">
        <v>1</v>
      </c>
      <c r="BW34" s="257">
        <v>0</v>
      </c>
      <c r="BX34" s="257">
        <v>1</v>
      </c>
      <c r="BY34" s="257">
        <v>1</v>
      </c>
      <c r="BZ34" s="254">
        <v>3</v>
      </c>
      <c r="CA34" s="259">
        <v>3</v>
      </c>
      <c r="CB34" s="253">
        <v>0</v>
      </c>
      <c r="CC34" s="257">
        <v>0</v>
      </c>
      <c r="CD34" s="254">
        <v>0</v>
      </c>
      <c r="CE34" s="256">
        <v>0</v>
      </c>
      <c r="CF34" s="257">
        <v>0</v>
      </c>
      <c r="CG34" s="257">
        <v>2</v>
      </c>
      <c r="CH34" s="257">
        <v>0</v>
      </c>
      <c r="CI34" s="257">
        <v>0</v>
      </c>
      <c r="CJ34" s="257">
        <v>1</v>
      </c>
      <c r="CK34" s="254">
        <v>3</v>
      </c>
      <c r="CL34" s="259">
        <v>3</v>
      </c>
      <c r="CM34" s="253">
        <v>0</v>
      </c>
      <c r="CN34" s="257">
        <v>0</v>
      </c>
      <c r="CO34" s="254">
        <v>0</v>
      </c>
      <c r="CP34" s="256">
        <v>0</v>
      </c>
      <c r="CQ34" s="257">
        <v>0</v>
      </c>
      <c r="CR34" s="257">
        <v>0</v>
      </c>
      <c r="CS34" s="257">
        <v>0</v>
      </c>
      <c r="CT34" s="257">
        <v>0</v>
      </c>
      <c r="CU34" s="257">
        <v>2</v>
      </c>
      <c r="CV34" s="254">
        <v>2</v>
      </c>
      <c r="CW34" s="259">
        <v>2</v>
      </c>
      <c r="CX34" s="253">
        <v>0</v>
      </c>
      <c r="CY34" s="257">
        <v>0</v>
      </c>
      <c r="CZ34" s="254">
        <v>0</v>
      </c>
      <c r="DA34" s="256">
        <v>0</v>
      </c>
      <c r="DB34" s="257">
        <v>0</v>
      </c>
      <c r="DC34" s="257">
        <v>0</v>
      </c>
      <c r="DD34" s="257">
        <v>0</v>
      </c>
      <c r="DE34" s="257">
        <v>0</v>
      </c>
      <c r="DF34" s="257">
        <v>0</v>
      </c>
      <c r="DG34" s="254">
        <v>0</v>
      </c>
      <c r="DH34" s="259">
        <v>0</v>
      </c>
      <c r="DI34" s="253">
        <v>0</v>
      </c>
      <c r="DJ34" s="257">
        <v>0</v>
      </c>
      <c r="DK34" s="254">
        <v>0</v>
      </c>
      <c r="DL34" s="256">
        <v>0</v>
      </c>
      <c r="DM34" s="257">
        <v>0</v>
      </c>
      <c r="DN34" s="257">
        <v>0</v>
      </c>
      <c r="DO34" s="257">
        <v>0</v>
      </c>
      <c r="DP34" s="257">
        <v>0</v>
      </c>
      <c r="DQ34" s="257">
        <v>0</v>
      </c>
      <c r="DR34" s="254">
        <v>0</v>
      </c>
      <c r="DS34" s="259">
        <v>0</v>
      </c>
      <c r="DT34" s="253">
        <v>2</v>
      </c>
      <c r="DU34" s="257">
        <v>1</v>
      </c>
      <c r="DV34" s="254">
        <v>3</v>
      </c>
      <c r="DW34" s="256">
        <v>0</v>
      </c>
      <c r="DX34" s="257">
        <v>4</v>
      </c>
      <c r="DY34" s="257">
        <v>4</v>
      </c>
      <c r="DZ34" s="257">
        <v>2</v>
      </c>
      <c r="EA34" s="257">
        <v>1</v>
      </c>
      <c r="EB34" s="257">
        <v>2</v>
      </c>
      <c r="EC34" s="254">
        <v>13</v>
      </c>
      <c r="ED34" s="259">
        <v>16</v>
      </c>
      <c r="EE34" s="253">
        <v>0</v>
      </c>
      <c r="EF34" s="257">
        <v>0</v>
      </c>
      <c r="EG34" s="254">
        <v>0</v>
      </c>
      <c r="EH34" s="256">
        <v>0</v>
      </c>
      <c r="EI34" s="257">
        <v>1</v>
      </c>
      <c r="EJ34" s="257">
        <v>0</v>
      </c>
      <c r="EK34" s="257">
        <v>1</v>
      </c>
      <c r="EL34" s="257">
        <v>2</v>
      </c>
      <c r="EM34" s="257">
        <v>1</v>
      </c>
      <c r="EN34" s="254">
        <v>5</v>
      </c>
      <c r="EO34" s="259">
        <v>5</v>
      </c>
      <c r="EP34" s="253">
        <v>2</v>
      </c>
      <c r="EQ34" s="257">
        <v>1</v>
      </c>
      <c r="ER34" s="254">
        <v>3</v>
      </c>
      <c r="ES34" s="256">
        <v>0</v>
      </c>
      <c r="ET34" s="257">
        <v>10</v>
      </c>
      <c r="EU34" s="257">
        <v>5</v>
      </c>
      <c r="EV34" s="257">
        <v>1</v>
      </c>
      <c r="EW34" s="257">
        <v>1</v>
      </c>
      <c r="EX34" s="257">
        <v>3</v>
      </c>
      <c r="EY34" s="254">
        <v>20</v>
      </c>
      <c r="EZ34" s="259">
        <v>23</v>
      </c>
    </row>
    <row r="35" spans="2:156" ht="21" customHeight="1" x14ac:dyDescent="0.2">
      <c r="B35" s="437" t="s">
        <v>33</v>
      </c>
      <c r="C35" s="253">
        <v>0</v>
      </c>
      <c r="D35" s="257">
        <v>0</v>
      </c>
      <c r="E35" s="340">
        <v>0</v>
      </c>
      <c r="F35" s="256">
        <v>0</v>
      </c>
      <c r="G35" s="257">
        <v>1</v>
      </c>
      <c r="H35" s="257">
        <v>0</v>
      </c>
      <c r="I35" s="257">
        <v>0</v>
      </c>
      <c r="J35" s="257">
        <v>0</v>
      </c>
      <c r="K35" s="257">
        <v>1</v>
      </c>
      <c r="L35" s="258">
        <v>2</v>
      </c>
      <c r="M35" s="259">
        <v>2</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0</v>
      </c>
      <c r="AD35" s="257">
        <v>0</v>
      </c>
      <c r="AE35" s="257">
        <v>0</v>
      </c>
      <c r="AF35" s="257">
        <v>0</v>
      </c>
      <c r="AG35" s="257">
        <v>1</v>
      </c>
      <c r="AH35" s="254">
        <v>1</v>
      </c>
      <c r="AI35" s="259">
        <v>1</v>
      </c>
      <c r="AJ35" s="253">
        <v>0</v>
      </c>
      <c r="AK35" s="257">
        <v>1</v>
      </c>
      <c r="AL35" s="254">
        <v>1</v>
      </c>
      <c r="AM35" s="256">
        <v>0</v>
      </c>
      <c r="AN35" s="257">
        <v>0</v>
      </c>
      <c r="AO35" s="257">
        <v>0</v>
      </c>
      <c r="AP35" s="257">
        <v>1</v>
      </c>
      <c r="AQ35" s="257">
        <v>0</v>
      </c>
      <c r="AR35" s="257">
        <v>0</v>
      </c>
      <c r="AS35" s="254">
        <v>1</v>
      </c>
      <c r="AT35" s="259">
        <v>2</v>
      </c>
      <c r="AU35" s="253">
        <v>0</v>
      </c>
      <c r="AV35" s="257">
        <v>1</v>
      </c>
      <c r="AW35" s="254">
        <v>1</v>
      </c>
      <c r="AX35" s="256">
        <v>0</v>
      </c>
      <c r="AY35" s="257">
        <v>2</v>
      </c>
      <c r="AZ35" s="257">
        <v>0</v>
      </c>
      <c r="BA35" s="257">
        <v>5</v>
      </c>
      <c r="BB35" s="257">
        <v>2</v>
      </c>
      <c r="BC35" s="257">
        <v>2</v>
      </c>
      <c r="BD35" s="258">
        <v>11</v>
      </c>
      <c r="BE35" s="259">
        <v>12</v>
      </c>
      <c r="BF35" s="253">
        <v>0</v>
      </c>
      <c r="BG35" s="257">
        <v>0</v>
      </c>
      <c r="BH35" s="254">
        <v>0</v>
      </c>
      <c r="BI35" s="256">
        <v>0</v>
      </c>
      <c r="BJ35" s="257">
        <v>2</v>
      </c>
      <c r="BK35" s="257">
        <v>0</v>
      </c>
      <c r="BL35" s="257">
        <v>0</v>
      </c>
      <c r="BM35" s="257">
        <v>0</v>
      </c>
      <c r="BN35" s="257">
        <v>1</v>
      </c>
      <c r="BO35" s="254">
        <v>3</v>
      </c>
      <c r="BP35" s="259">
        <v>3</v>
      </c>
      <c r="BQ35" s="253">
        <v>1</v>
      </c>
      <c r="BR35" s="257">
        <v>0</v>
      </c>
      <c r="BS35" s="254">
        <v>1</v>
      </c>
      <c r="BT35" s="256">
        <v>0</v>
      </c>
      <c r="BU35" s="257">
        <v>1</v>
      </c>
      <c r="BV35" s="257">
        <v>0</v>
      </c>
      <c r="BW35" s="257">
        <v>0</v>
      </c>
      <c r="BX35" s="257">
        <v>0</v>
      </c>
      <c r="BY35" s="257">
        <v>0</v>
      </c>
      <c r="BZ35" s="254">
        <v>1</v>
      </c>
      <c r="CA35" s="259">
        <v>2</v>
      </c>
      <c r="CB35" s="253">
        <v>0</v>
      </c>
      <c r="CC35" s="257">
        <v>0</v>
      </c>
      <c r="CD35" s="254">
        <v>0</v>
      </c>
      <c r="CE35" s="256">
        <v>0</v>
      </c>
      <c r="CF35" s="257">
        <v>0</v>
      </c>
      <c r="CG35" s="257">
        <v>0</v>
      </c>
      <c r="CH35" s="257">
        <v>1</v>
      </c>
      <c r="CI35" s="257">
        <v>1</v>
      </c>
      <c r="CJ35" s="257">
        <v>0</v>
      </c>
      <c r="CK35" s="254">
        <v>2</v>
      </c>
      <c r="CL35" s="259">
        <v>2</v>
      </c>
      <c r="CM35" s="253">
        <v>0</v>
      </c>
      <c r="CN35" s="257">
        <v>0</v>
      </c>
      <c r="CO35" s="254">
        <v>0</v>
      </c>
      <c r="CP35" s="256">
        <v>0</v>
      </c>
      <c r="CQ35" s="257">
        <v>0</v>
      </c>
      <c r="CR35" s="257">
        <v>0</v>
      </c>
      <c r="CS35" s="257">
        <v>0</v>
      </c>
      <c r="CT35" s="257">
        <v>0</v>
      </c>
      <c r="CU35" s="257">
        <v>0</v>
      </c>
      <c r="CV35" s="254">
        <v>0</v>
      </c>
      <c r="CW35" s="259">
        <v>0</v>
      </c>
      <c r="CX35" s="253">
        <v>0</v>
      </c>
      <c r="CY35" s="257">
        <v>0</v>
      </c>
      <c r="CZ35" s="254">
        <v>0</v>
      </c>
      <c r="DA35" s="256">
        <v>0</v>
      </c>
      <c r="DB35" s="257">
        <v>0</v>
      </c>
      <c r="DC35" s="257">
        <v>0</v>
      </c>
      <c r="DD35" s="257">
        <v>0</v>
      </c>
      <c r="DE35" s="257">
        <v>0</v>
      </c>
      <c r="DF35" s="257">
        <v>0</v>
      </c>
      <c r="DG35" s="254">
        <v>0</v>
      </c>
      <c r="DH35" s="259">
        <v>0</v>
      </c>
      <c r="DI35" s="253">
        <v>0</v>
      </c>
      <c r="DJ35" s="257">
        <v>0</v>
      </c>
      <c r="DK35" s="254">
        <v>0</v>
      </c>
      <c r="DL35" s="256">
        <v>0</v>
      </c>
      <c r="DM35" s="257">
        <v>0</v>
      </c>
      <c r="DN35" s="257">
        <v>0</v>
      </c>
      <c r="DO35" s="257">
        <v>0</v>
      </c>
      <c r="DP35" s="257">
        <v>0</v>
      </c>
      <c r="DQ35" s="257">
        <v>0</v>
      </c>
      <c r="DR35" s="254">
        <v>0</v>
      </c>
      <c r="DS35" s="259">
        <v>0</v>
      </c>
      <c r="DT35" s="253">
        <v>1</v>
      </c>
      <c r="DU35" s="257">
        <v>2</v>
      </c>
      <c r="DV35" s="254">
        <v>3</v>
      </c>
      <c r="DW35" s="256">
        <v>0</v>
      </c>
      <c r="DX35" s="257">
        <v>2</v>
      </c>
      <c r="DY35" s="257">
        <v>0</v>
      </c>
      <c r="DZ35" s="257">
        <v>2</v>
      </c>
      <c r="EA35" s="257">
        <v>1</v>
      </c>
      <c r="EB35" s="257">
        <v>2</v>
      </c>
      <c r="EC35" s="254">
        <v>7</v>
      </c>
      <c r="ED35" s="259">
        <v>10</v>
      </c>
      <c r="EE35" s="253">
        <v>0</v>
      </c>
      <c r="EF35" s="257">
        <v>2</v>
      </c>
      <c r="EG35" s="254">
        <v>2</v>
      </c>
      <c r="EH35" s="256">
        <v>0</v>
      </c>
      <c r="EI35" s="257">
        <v>1</v>
      </c>
      <c r="EJ35" s="257">
        <v>0</v>
      </c>
      <c r="EK35" s="257">
        <v>4</v>
      </c>
      <c r="EL35" s="257">
        <v>2</v>
      </c>
      <c r="EM35" s="257">
        <v>1</v>
      </c>
      <c r="EN35" s="254">
        <v>8</v>
      </c>
      <c r="EO35" s="259">
        <v>10</v>
      </c>
      <c r="EP35" s="253">
        <v>2</v>
      </c>
      <c r="EQ35" s="257">
        <v>2</v>
      </c>
      <c r="ER35" s="254">
        <v>4</v>
      </c>
      <c r="ES35" s="256">
        <v>0</v>
      </c>
      <c r="ET35" s="257">
        <v>4</v>
      </c>
      <c r="EU35" s="257">
        <v>0</v>
      </c>
      <c r="EV35" s="257">
        <v>1</v>
      </c>
      <c r="EW35" s="257">
        <v>1</v>
      </c>
      <c r="EX35" s="257">
        <v>1</v>
      </c>
      <c r="EY35" s="254">
        <v>7</v>
      </c>
      <c r="EZ35" s="259">
        <v>11</v>
      </c>
    </row>
    <row r="36" spans="2:156" ht="21" customHeight="1" x14ac:dyDescent="0.2">
      <c r="B36" s="437" t="s">
        <v>34</v>
      </c>
      <c r="C36" s="253">
        <v>0</v>
      </c>
      <c r="D36" s="257">
        <v>0</v>
      </c>
      <c r="E36" s="340">
        <v>0</v>
      </c>
      <c r="F36" s="256">
        <v>0</v>
      </c>
      <c r="G36" s="257">
        <v>1</v>
      </c>
      <c r="H36" s="257">
        <v>0</v>
      </c>
      <c r="I36" s="257">
        <v>0</v>
      </c>
      <c r="J36" s="257">
        <v>0</v>
      </c>
      <c r="K36" s="257">
        <v>0</v>
      </c>
      <c r="L36" s="258">
        <v>1</v>
      </c>
      <c r="M36" s="259">
        <v>1</v>
      </c>
      <c r="N36" s="253">
        <v>0</v>
      </c>
      <c r="O36" s="257">
        <v>0</v>
      </c>
      <c r="P36" s="254">
        <v>0</v>
      </c>
      <c r="Q36" s="256">
        <v>0</v>
      </c>
      <c r="R36" s="257">
        <v>0</v>
      </c>
      <c r="S36" s="257">
        <v>0</v>
      </c>
      <c r="T36" s="257">
        <v>1</v>
      </c>
      <c r="U36" s="257">
        <v>0</v>
      </c>
      <c r="V36" s="257">
        <v>0</v>
      </c>
      <c r="W36" s="254">
        <v>1</v>
      </c>
      <c r="X36" s="259">
        <v>1</v>
      </c>
      <c r="Y36" s="253">
        <v>0</v>
      </c>
      <c r="Z36" s="257">
        <v>1</v>
      </c>
      <c r="AA36" s="254">
        <v>1</v>
      </c>
      <c r="AB36" s="256">
        <v>0</v>
      </c>
      <c r="AC36" s="257">
        <v>0</v>
      </c>
      <c r="AD36" s="257">
        <v>0</v>
      </c>
      <c r="AE36" s="257">
        <v>0</v>
      </c>
      <c r="AF36" s="257">
        <v>0</v>
      </c>
      <c r="AG36" s="257">
        <v>0</v>
      </c>
      <c r="AH36" s="254">
        <v>0</v>
      </c>
      <c r="AI36" s="259">
        <v>1</v>
      </c>
      <c r="AJ36" s="253">
        <v>0</v>
      </c>
      <c r="AK36" s="257">
        <v>0</v>
      </c>
      <c r="AL36" s="254">
        <v>0</v>
      </c>
      <c r="AM36" s="256">
        <v>0</v>
      </c>
      <c r="AN36" s="257">
        <v>0</v>
      </c>
      <c r="AO36" s="257">
        <v>1</v>
      </c>
      <c r="AP36" s="257">
        <v>1</v>
      </c>
      <c r="AQ36" s="257">
        <v>0</v>
      </c>
      <c r="AR36" s="257">
        <v>0</v>
      </c>
      <c r="AS36" s="254">
        <v>2</v>
      </c>
      <c r="AT36" s="259">
        <v>2</v>
      </c>
      <c r="AU36" s="253">
        <v>0</v>
      </c>
      <c r="AV36" s="257">
        <v>0</v>
      </c>
      <c r="AW36" s="254">
        <v>0</v>
      </c>
      <c r="AX36" s="256">
        <v>0</v>
      </c>
      <c r="AY36" s="257">
        <v>2</v>
      </c>
      <c r="AZ36" s="257">
        <v>0</v>
      </c>
      <c r="BA36" s="257">
        <v>1</v>
      </c>
      <c r="BB36" s="257">
        <v>0</v>
      </c>
      <c r="BC36" s="257">
        <v>0</v>
      </c>
      <c r="BD36" s="258">
        <v>3</v>
      </c>
      <c r="BE36" s="259">
        <v>3</v>
      </c>
      <c r="BF36" s="253">
        <v>0</v>
      </c>
      <c r="BG36" s="257">
        <v>0</v>
      </c>
      <c r="BH36" s="254">
        <v>0</v>
      </c>
      <c r="BI36" s="256">
        <v>0</v>
      </c>
      <c r="BJ36" s="257">
        <v>0</v>
      </c>
      <c r="BK36" s="257">
        <v>2</v>
      </c>
      <c r="BL36" s="257">
        <v>1</v>
      </c>
      <c r="BM36" s="257">
        <v>0</v>
      </c>
      <c r="BN36" s="257">
        <v>0</v>
      </c>
      <c r="BO36" s="254">
        <v>3</v>
      </c>
      <c r="BP36" s="259">
        <v>3</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0</v>
      </c>
      <c r="CR36" s="257">
        <v>0</v>
      </c>
      <c r="CS36" s="257">
        <v>0</v>
      </c>
      <c r="CT36" s="257">
        <v>0</v>
      </c>
      <c r="CU36" s="257">
        <v>0</v>
      </c>
      <c r="CV36" s="254">
        <v>0</v>
      </c>
      <c r="CW36" s="259">
        <v>0</v>
      </c>
      <c r="CX36" s="253">
        <v>0</v>
      </c>
      <c r="CY36" s="257">
        <v>0</v>
      </c>
      <c r="CZ36" s="254">
        <v>0</v>
      </c>
      <c r="DA36" s="256">
        <v>0</v>
      </c>
      <c r="DB36" s="257">
        <v>0</v>
      </c>
      <c r="DC36" s="257">
        <v>0</v>
      </c>
      <c r="DD36" s="257">
        <v>0</v>
      </c>
      <c r="DE36" s="257">
        <v>0</v>
      </c>
      <c r="DF36" s="257">
        <v>0</v>
      </c>
      <c r="DG36" s="254">
        <v>0</v>
      </c>
      <c r="DH36" s="259">
        <v>0</v>
      </c>
      <c r="DI36" s="253">
        <v>0</v>
      </c>
      <c r="DJ36" s="257">
        <v>0</v>
      </c>
      <c r="DK36" s="254">
        <v>0</v>
      </c>
      <c r="DL36" s="256">
        <v>0</v>
      </c>
      <c r="DM36" s="257">
        <v>0</v>
      </c>
      <c r="DN36" s="257">
        <v>0</v>
      </c>
      <c r="DO36" s="257">
        <v>0</v>
      </c>
      <c r="DP36" s="257">
        <v>0</v>
      </c>
      <c r="DQ36" s="257">
        <v>0</v>
      </c>
      <c r="DR36" s="254">
        <v>0</v>
      </c>
      <c r="DS36" s="259">
        <v>0</v>
      </c>
      <c r="DT36" s="253">
        <v>0</v>
      </c>
      <c r="DU36" s="257">
        <v>1</v>
      </c>
      <c r="DV36" s="254">
        <v>1</v>
      </c>
      <c r="DW36" s="256">
        <v>0</v>
      </c>
      <c r="DX36" s="257">
        <v>1</v>
      </c>
      <c r="DY36" s="257">
        <v>2</v>
      </c>
      <c r="DZ36" s="257">
        <v>1</v>
      </c>
      <c r="EA36" s="257">
        <v>0</v>
      </c>
      <c r="EB36" s="257">
        <v>0</v>
      </c>
      <c r="EC36" s="254">
        <v>4</v>
      </c>
      <c r="ED36" s="259">
        <v>5</v>
      </c>
      <c r="EE36" s="253">
        <v>0</v>
      </c>
      <c r="EF36" s="257">
        <v>0</v>
      </c>
      <c r="EG36" s="254">
        <v>0</v>
      </c>
      <c r="EH36" s="256">
        <v>0</v>
      </c>
      <c r="EI36" s="257">
        <v>0</v>
      </c>
      <c r="EJ36" s="257">
        <v>0</v>
      </c>
      <c r="EK36" s="257">
        <v>2</v>
      </c>
      <c r="EL36" s="257">
        <v>0</v>
      </c>
      <c r="EM36" s="257">
        <v>0</v>
      </c>
      <c r="EN36" s="254">
        <v>2</v>
      </c>
      <c r="EO36" s="259">
        <v>2</v>
      </c>
      <c r="EP36" s="253">
        <v>0</v>
      </c>
      <c r="EQ36" s="257">
        <v>1</v>
      </c>
      <c r="ER36" s="254">
        <v>1</v>
      </c>
      <c r="ES36" s="256">
        <v>0</v>
      </c>
      <c r="ET36" s="257">
        <v>1</v>
      </c>
      <c r="EU36" s="257">
        <v>2</v>
      </c>
      <c r="EV36" s="257">
        <v>2</v>
      </c>
      <c r="EW36" s="257">
        <v>0</v>
      </c>
      <c r="EX36" s="257">
        <v>0</v>
      </c>
      <c r="EY36" s="254">
        <v>5</v>
      </c>
      <c r="EZ36" s="259">
        <v>6</v>
      </c>
    </row>
    <row r="37" spans="2:156" ht="21" customHeight="1" x14ac:dyDescent="0.2">
      <c r="B37" s="437" t="s">
        <v>35</v>
      </c>
      <c r="C37" s="253">
        <v>0</v>
      </c>
      <c r="D37" s="257">
        <v>0</v>
      </c>
      <c r="E37" s="340">
        <v>0</v>
      </c>
      <c r="F37" s="256">
        <v>0</v>
      </c>
      <c r="G37" s="257">
        <v>3</v>
      </c>
      <c r="H37" s="257">
        <v>3</v>
      </c>
      <c r="I37" s="257">
        <v>1</v>
      </c>
      <c r="J37" s="257">
        <v>1</v>
      </c>
      <c r="K37" s="257">
        <v>0</v>
      </c>
      <c r="L37" s="258">
        <v>8</v>
      </c>
      <c r="M37" s="259">
        <v>8</v>
      </c>
      <c r="N37" s="253">
        <v>0</v>
      </c>
      <c r="O37" s="257">
        <v>0</v>
      </c>
      <c r="P37" s="254">
        <v>0</v>
      </c>
      <c r="Q37" s="256">
        <v>0</v>
      </c>
      <c r="R37" s="257">
        <v>0</v>
      </c>
      <c r="S37" s="257">
        <v>0</v>
      </c>
      <c r="T37" s="257">
        <v>0</v>
      </c>
      <c r="U37" s="257">
        <v>0</v>
      </c>
      <c r="V37" s="257">
        <v>0</v>
      </c>
      <c r="W37" s="254">
        <v>0</v>
      </c>
      <c r="X37" s="259">
        <v>0</v>
      </c>
      <c r="Y37" s="253">
        <v>0</v>
      </c>
      <c r="Z37" s="257">
        <v>2</v>
      </c>
      <c r="AA37" s="254">
        <v>2</v>
      </c>
      <c r="AB37" s="256">
        <v>0</v>
      </c>
      <c r="AC37" s="257">
        <v>1</v>
      </c>
      <c r="AD37" s="257">
        <v>3</v>
      </c>
      <c r="AE37" s="257">
        <v>1</v>
      </c>
      <c r="AF37" s="257">
        <v>2</v>
      </c>
      <c r="AG37" s="257">
        <v>1</v>
      </c>
      <c r="AH37" s="254">
        <v>8</v>
      </c>
      <c r="AI37" s="259">
        <v>10</v>
      </c>
      <c r="AJ37" s="253">
        <v>1</v>
      </c>
      <c r="AK37" s="257">
        <v>0</v>
      </c>
      <c r="AL37" s="254">
        <v>1</v>
      </c>
      <c r="AM37" s="256">
        <v>0</v>
      </c>
      <c r="AN37" s="257">
        <v>2</v>
      </c>
      <c r="AO37" s="257">
        <v>0</v>
      </c>
      <c r="AP37" s="257">
        <v>0</v>
      </c>
      <c r="AQ37" s="257">
        <v>1</v>
      </c>
      <c r="AR37" s="257">
        <v>0</v>
      </c>
      <c r="AS37" s="254">
        <v>3</v>
      </c>
      <c r="AT37" s="259">
        <v>4</v>
      </c>
      <c r="AU37" s="253">
        <v>3</v>
      </c>
      <c r="AV37" s="257">
        <v>4</v>
      </c>
      <c r="AW37" s="254">
        <v>7</v>
      </c>
      <c r="AX37" s="256">
        <v>0</v>
      </c>
      <c r="AY37" s="257">
        <v>4</v>
      </c>
      <c r="AZ37" s="257">
        <v>1</v>
      </c>
      <c r="BA37" s="257">
        <v>3</v>
      </c>
      <c r="BB37" s="257">
        <v>4</v>
      </c>
      <c r="BC37" s="257">
        <v>2</v>
      </c>
      <c r="BD37" s="258">
        <v>14</v>
      </c>
      <c r="BE37" s="259">
        <v>21</v>
      </c>
      <c r="BF37" s="253">
        <v>0</v>
      </c>
      <c r="BG37" s="257">
        <v>0</v>
      </c>
      <c r="BH37" s="254">
        <v>0</v>
      </c>
      <c r="BI37" s="256">
        <v>0</v>
      </c>
      <c r="BJ37" s="257">
        <v>1</v>
      </c>
      <c r="BK37" s="257">
        <v>1</v>
      </c>
      <c r="BL37" s="257">
        <v>1</v>
      </c>
      <c r="BM37" s="257">
        <v>1</v>
      </c>
      <c r="BN37" s="257">
        <v>1</v>
      </c>
      <c r="BO37" s="254">
        <v>5</v>
      </c>
      <c r="BP37" s="259">
        <v>5</v>
      </c>
      <c r="BQ37" s="253">
        <v>0</v>
      </c>
      <c r="BR37" s="257">
        <v>2</v>
      </c>
      <c r="BS37" s="254">
        <v>2</v>
      </c>
      <c r="BT37" s="256">
        <v>0</v>
      </c>
      <c r="BU37" s="257">
        <v>3</v>
      </c>
      <c r="BV37" s="257">
        <v>2</v>
      </c>
      <c r="BW37" s="257">
        <v>0</v>
      </c>
      <c r="BX37" s="257">
        <v>1</v>
      </c>
      <c r="BY37" s="257">
        <v>0</v>
      </c>
      <c r="BZ37" s="254">
        <v>6</v>
      </c>
      <c r="CA37" s="259">
        <v>8</v>
      </c>
      <c r="CB37" s="253">
        <v>0</v>
      </c>
      <c r="CC37" s="257">
        <v>0</v>
      </c>
      <c r="CD37" s="254">
        <v>0</v>
      </c>
      <c r="CE37" s="256">
        <v>0</v>
      </c>
      <c r="CF37" s="257">
        <v>0</v>
      </c>
      <c r="CG37" s="257">
        <v>0</v>
      </c>
      <c r="CH37" s="257">
        <v>0</v>
      </c>
      <c r="CI37" s="257">
        <v>0</v>
      </c>
      <c r="CJ37" s="257">
        <v>1</v>
      </c>
      <c r="CK37" s="254">
        <v>1</v>
      </c>
      <c r="CL37" s="259">
        <v>1</v>
      </c>
      <c r="CM37" s="253">
        <v>0</v>
      </c>
      <c r="CN37" s="257">
        <v>0</v>
      </c>
      <c r="CO37" s="254">
        <v>0</v>
      </c>
      <c r="CP37" s="256">
        <v>0</v>
      </c>
      <c r="CQ37" s="257">
        <v>0</v>
      </c>
      <c r="CR37" s="257">
        <v>0</v>
      </c>
      <c r="CS37" s="257">
        <v>0</v>
      </c>
      <c r="CT37" s="257">
        <v>0</v>
      </c>
      <c r="CU37" s="257">
        <v>0</v>
      </c>
      <c r="CV37" s="254">
        <v>0</v>
      </c>
      <c r="CW37" s="259">
        <v>0</v>
      </c>
      <c r="CX37" s="253">
        <v>0</v>
      </c>
      <c r="CY37" s="257">
        <v>0</v>
      </c>
      <c r="CZ37" s="254">
        <v>0</v>
      </c>
      <c r="DA37" s="256">
        <v>0</v>
      </c>
      <c r="DB37" s="257">
        <v>0</v>
      </c>
      <c r="DC37" s="257">
        <v>0</v>
      </c>
      <c r="DD37" s="257">
        <v>0</v>
      </c>
      <c r="DE37" s="257">
        <v>0</v>
      </c>
      <c r="DF37" s="257">
        <v>0</v>
      </c>
      <c r="DG37" s="254">
        <v>0</v>
      </c>
      <c r="DH37" s="259">
        <v>0</v>
      </c>
      <c r="DI37" s="253">
        <v>0</v>
      </c>
      <c r="DJ37" s="257">
        <v>0</v>
      </c>
      <c r="DK37" s="254">
        <v>0</v>
      </c>
      <c r="DL37" s="256">
        <v>0</v>
      </c>
      <c r="DM37" s="257">
        <v>0</v>
      </c>
      <c r="DN37" s="257">
        <v>0</v>
      </c>
      <c r="DO37" s="257">
        <v>0</v>
      </c>
      <c r="DP37" s="257">
        <v>0</v>
      </c>
      <c r="DQ37" s="257">
        <v>0</v>
      </c>
      <c r="DR37" s="254">
        <v>0</v>
      </c>
      <c r="DS37" s="259">
        <v>0</v>
      </c>
      <c r="DT37" s="253">
        <v>3</v>
      </c>
      <c r="DU37" s="257">
        <v>6</v>
      </c>
      <c r="DV37" s="254">
        <v>9</v>
      </c>
      <c r="DW37" s="256">
        <v>0</v>
      </c>
      <c r="DX37" s="257">
        <v>7</v>
      </c>
      <c r="DY37" s="257">
        <v>5</v>
      </c>
      <c r="DZ37" s="257">
        <v>2</v>
      </c>
      <c r="EA37" s="257">
        <v>2</v>
      </c>
      <c r="EB37" s="257">
        <v>1</v>
      </c>
      <c r="EC37" s="254">
        <v>17</v>
      </c>
      <c r="ED37" s="259">
        <v>26</v>
      </c>
      <c r="EE37" s="253">
        <v>4</v>
      </c>
      <c r="EF37" s="257">
        <v>1</v>
      </c>
      <c r="EG37" s="254">
        <v>5</v>
      </c>
      <c r="EH37" s="256">
        <v>0</v>
      </c>
      <c r="EI37" s="257">
        <v>2</v>
      </c>
      <c r="EJ37" s="257">
        <v>0</v>
      </c>
      <c r="EK37" s="257">
        <v>2</v>
      </c>
      <c r="EL37" s="257">
        <v>3</v>
      </c>
      <c r="EM37" s="257">
        <v>1</v>
      </c>
      <c r="EN37" s="254">
        <v>8</v>
      </c>
      <c r="EO37" s="259">
        <v>13</v>
      </c>
      <c r="EP37" s="253">
        <v>4</v>
      </c>
      <c r="EQ37" s="257">
        <v>8</v>
      </c>
      <c r="ER37" s="254">
        <v>12</v>
      </c>
      <c r="ES37" s="256">
        <v>0</v>
      </c>
      <c r="ET37" s="257">
        <v>11</v>
      </c>
      <c r="EU37" s="257">
        <v>5</v>
      </c>
      <c r="EV37" s="257">
        <v>2</v>
      </c>
      <c r="EW37" s="257">
        <v>2</v>
      </c>
      <c r="EX37" s="257">
        <v>1</v>
      </c>
      <c r="EY37" s="254">
        <v>21</v>
      </c>
      <c r="EZ37" s="259">
        <v>33</v>
      </c>
    </row>
    <row r="38" spans="2:156" ht="21" customHeight="1" x14ac:dyDescent="0.2">
      <c r="B38" s="437" t="s">
        <v>36</v>
      </c>
      <c r="C38" s="253">
        <v>0</v>
      </c>
      <c r="D38" s="257">
        <v>0</v>
      </c>
      <c r="E38" s="340">
        <v>0</v>
      </c>
      <c r="F38" s="256">
        <v>0</v>
      </c>
      <c r="G38" s="257">
        <v>1</v>
      </c>
      <c r="H38" s="257">
        <v>1</v>
      </c>
      <c r="I38" s="257">
        <v>1</v>
      </c>
      <c r="J38" s="257">
        <v>1</v>
      </c>
      <c r="K38" s="257">
        <v>1</v>
      </c>
      <c r="L38" s="258">
        <v>5</v>
      </c>
      <c r="M38" s="259">
        <v>5</v>
      </c>
      <c r="N38" s="253">
        <v>0</v>
      </c>
      <c r="O38" s="257">
        <v>0</v>
      </c>
      <c r="P38" s="254">
        <v>0</v>
      </c>
      <c r="Q38" s="256">
        <v>0</v>
      </c>
      <c r="R38" s="257">
        <v>0</v>
      </c>
      <c r="S38" s="257">
        <v>0</v>
      </c>
      <c r="T38" s="257">
        <v>0</v>
      </c>
      <c r="U38" s="257">
        <v>0</v>
      </c>
      <c r="V38" s="257">
        <v>0</v>
      </c>
      <c r="W38" s="254">
        <v>0</v>
      </c>
      <c r="X38" s="259">
        <v>0</v>
      </c>
      <c r="Y38" s="253">
        <v>1</v>
      </c>
      <c r="Z38" s="257">
        <v>2</v>
      </c>
      <c r="AA38" s="254">
        <v>3</v>
      </c>
      <c r="AB38" s="256">
        <v>0</v>
      </c>
      <c r="AC38" s="257">
        <v>1</v>
      </c>
      <c r="AD38" s="257">
        <v>1</v>
      </c>
      <c r="AE38" s="257">
        <v>0</v>
      </c>
      <c r="AF38" s="257">
        <v>1</v>
      </c>
      <c r="AG38" s="257">
        <v>1</v>
      </c>
      <c r="AH38" s="254">
        <v>4</v>
      </c>
      <c r="AI38" s="259">
        <v>7</v>
      </c>
      <c r="AJ38" s="253">
        <v>0</v>
      </c>
      <c r="AK38" s="257">
        <v>0</v>
      </c>
      <c r="AL38" s="254">
        <v>0</v>
      </c>
      <c r="AM38" s="256">
        <v>0</v>
      </c>
      <c r="AN38" s="257">
        <v>1</v>
      </c>
      <c r="AO38" s="257">
        <v>0</v>
      </c>
      <c r="AP38" s="257">
        <v>0</v>
      </c>
      <c r="AQ38" s="257">
        <v>0</v>
      </c>
      <c r="AR38" s="257">
        <v>0</v>
      </c>
      <c r="AS38" s="254">
        <v>1</v>
      </c>
      <c r="AT38" s="259">
        <v>1</v>
      </c>
      <c r="AU38" s="253">
        <v>0</v>
      </c>
      <c r="AV38" s="257">
        <v>0</v>
      </c>
      <c r="AW38" s="254">
        <v>0</v>
      </c>
      <c r="AX38" s="256">
        <v>0</v>
      </c>
      <c r="AY38" s="257">
        <v>1</v>
      </c>
      <c r="AZ38" s="257">
        <v>3</v>
      </c>
      <c r="BA38" s="257">
        <v>2</v>
      </c>
      <c r="BB38" s="257">
        <v>4</v>
      </c>
      <c r="BC38" s="257">
        <v>2</v>
      </c>
      <c r="BD38" s="258">
        <v>12</v>
      </c>
      <c r="BE38" s="259">
        <v>12</v>
      </c>
      <c r="BF38" s="253">
        <v>0</v>
      </c>
      <c r="BG38" s="257">
        <v>0</v>
      </c>
      <c r="BH38" s="254">
        <v>0</v>
      </c>
      <c r="BI38" s="256">
        <v>0</v>
      </c>
      <c r="BJ38" s="257">
        <v>1</v>
      </c>
      <c r="BK38" s="257">
        <v>4</v>
      </c>
      <c r="BL38" s="257">
        <v>0</v>
      </c>
      <c r="BM38" s="257">
        <v>1</v>
      </c>
      <c r="BN38" s="257">
        <v>0</v>
      </c>
      <c r="BO38" s="254">
        <v>6</v>
      </c>
      <c r="BP38" s="259">
        <v>6</v>
      </c>
      <c r="BQ38" s="253">
        <v>0</v>
      </c>
      <c r="BR38" s="257">
        <v>0</v>
      </c>
      <c r="BS38" s="254">
        <v>0</v>
      </c>
      <c r="BT38" s="256">
        <v>0</v>
      </c>
      <c r="BU38" s="257">
        <v>1</v>
      </c>
      <c r="BV38" s="257">
        <v>0</v>
      </c>
      <c r="BW38" s="257">
        <v>0</v>
      </c>
      <c r="BX38" s="257">
        <v>0</v>
      </c>
      <c r="BY38" s="257">
        <v>0</v>
      </c>
      <c r="BZ38" s="254">
        <v>1</v>
      </c>
      <c r="CA38" s="259">
        <v>1</v>
      </c>
      <c r="CB38" s="253">
        <v>0</v>
      </c>
      <c r="CC38" s="257">
        <v>0</v>
      </c>
      <c r="CD38" s="254">
        <v>0</v>
      </c>
      <c r="CE38" s="256">
        <v>0</v>
      </c>
      <c r="CF38" s="257">
        <v>0</v>
      </c>
      <c r="CG38" s="257">
        <v>2</v>
      </c>
      <c r="CH38" s="257">
        <v>0</v>
      </c>
      <c r="CI38" s="257">
        <v>1</v>
      </c>
      <c r="CJ38" s="257">
        <v>0</v>
      </c>
      <c r="CK38" s="254">
        <v>3</v>
      </c>
      <c r="CL38" s="259">
        <v>3</v>
      </c>
      <c r="CM38" s="253">
        <v>0</v>
      </c>
      <c r="CN38" s="257">
        <v>0</v>
      </c>
      <c r="CO38" s="254">
        <v>0</v>
      </c>
      <c r="CP38" s="256">
        <v>0</v>
      </c>
      <c r="CQ38" s="257">
        <v>0</v>
      </c>
      <c r="CR38" s="257">
        <v>0</v>
      </c>
      <c r="CS38" s="257">
        <v>0</v>
      </c>
      <c r="CT38" s="257">
        <v>0</v>
      </c>
      <c r="CU38" s="257">
        <v>0</v>
      </c>
      <c r="CV38" s="254">
        <v>0</v>
      </c>
      <c r="CW38" s="259">
        <v>0</v>
      </c>
      <c r="CX38" s="253">
        <v>0</v>
      </c>
      <c r="CY38" s="257">
        <v>0</v>
      </c>
      <c r="CZ38" s="254">
        <v>0</v>
      </c>
      <c r="DA38" s="256">
        <v>0</v>
      </c>
      <c r="DB38" s="257">
        <v>0</v>
      </c>
      <c r="DC38" s="257">
        <v>0</v>
      </c>
      <c r="DD38" s="257">
        <v>0</v>
      </c>
      <c r="DE38" s="257">
        <v>0</v>
      </c>
      <c r="DF38" s="257">
        <v>0</v>
      </c>
      <c r="DG38" s="254">
        <v>0</v>
      </c>
      <c r="DH38" s="259">
        <v>0</v>
      </c>
      <c r="DI38" s="253">
        <v>0</v>
      </c>
      <c r="DJ38" s="257">
        <v>0</v>
      </c>
      <c r="DK38" s="254">
        <v>0</v>
      </c>
      <c r="DL38" s="256">
        <v>0</v>
      </c>
      <c r="DM38" s="257">
        <v>0</v>
      </c>
      <c r="DN38" s="257">
        <v>0</v>
      </c>
      <c r="DO38" s="257">
        <v>0</v>
      </c>
      <c r="DP38" s="257">
        <v>0</v>
      </c>
      <c r="DQ38" s="257">
        <v>0</v>
      </c>
      <c r="DR38" s="254">
        <v>0</v>
      </c>
      <c r="DS38" s="259">
        <v>0</v>
      </c>
      <c r="DT38" s="253">
        <v>0</v>
      </c>
      <c r="DU38" s="257">
        <v>4</v>
      </c>
      <c r="DV38" s="254">
        <v>4</v>
      </c>
      <c r="DW38" s="256">
        <v>0</v>
      </c>
      <c r="DX38" s="257">
        <v>4</v>
      </c>
      <c r="DY38" s="257">
        <v>7</v>
      </c>
      <c r="DZ38" s="257">
        <v>1</v>
      </c>
      <c r="EA38" s="257">
        <v>2</v>
      </c>
      <c r="EB38" s="257">
        <v>1</v>
      </c>
      <c r="EC38" s="254">
        <v>15</v>
      </c>
      <c r="ED38" s="259">
        <v>19</v>
      </c>
      <c r="EE38" s="253">
        <v>0</v>
      </c>
      <c r="EF38" s="257">
        <v>0</v>
      </c>
      <c r="EG38" s="254">
        <v>0</v>
      </c>
      <c r="EH38" s="256">
        <v>0</v>
      </c>
      <c r="EI38" s="257">
        <v>0</v>
      </c>
      <c r="EJ38" s="257">
        <v>3</v>
      </c>
      <c r="EK38" s="257">
        <v>1</v>
      </c>
      <c r="EL38" s="257">
        <v>2</v>
      </c>
      <c r="EM38" s="257">
        <v>0</v>
      </c>
      <c r="EN38" s="254">
        <v>6</v>
      </c>
      <c r="EO38" s="259">
        <v>6</v>
      </c>
      <c r="EP38" s="253">
        <v>1</v>
      </c>
      <c r="EQ38" s="257">
        <v>6</v>
      </c>
      <c r="ER38" s="254">
        <v>7</v>
      </c>
      <c r="ES38" s="256">
        <v>0</v>
      </c>
      <c r="ET38" s="257">
        <v>5</v>
      </c>
      <c r="EU38" s="257">
        <v>8</v>
      </c>
      <c r="EV38" s="257">
        <v>2</v>
      </c>
      <c r="EW38" s="257">
        <v>2</v>
      </c>
      <c r="EX38" s="257">
        <v>1</v>
      </c>
      <c r="EY38" s="254">
        <v>18</v>
      </c>
      <c r="EZ38" s="259">
        <v>25</v>
      </c>
    </row>
    <row r="39" spans="2:156" ht="21" customHeight="1" thickBot="1" x14ac:dyDescent="0.25">
      <c r="B39" s="438" t="s">
        <v>37</v>
      </c>
      <c r="C39" s="260">
        <v>0</v>
      </c>
      <c r="D39" s="264">
        <v>0</v>
      </c>
      <c r="E39" s="341">
        <v>0</v>
      </c>
      <c r="F39" s="263">
        <v>0</v>
      </c>
      <c r="G39" s="264">
        <v>0</v>
      </c>
      <c r="H39" s="264">
        <v>0</v>
      </c>
      <c r="I39" s="264">
        <v>0</v>
      </c>
      <c r="J39" s="264">
        <v>0</v>
      </c>
      <c r="K39" s="264">
        <v>1</v>
      </c>
      <c r="L39" s="265">
        <v>1</v>
      </c>
      <c r="M39" s="266">
        <v>1</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1</v>
      </c>
      <c r="AG39" s="264">
        <v>1</v>
      </c>
      <c r="AH39" s="261">
        <v>2</v>
      </c>
      <c r="AI39" s="266">
        <v>2</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0</v>
      </c>
      <c r="BA39" s="264">
        <v>0</v>
      </c>
      <c r="BB39" s="264">
        <v>1</v>
      </c>
      <c r="BC39" s="264">
        <v>1</v>
      </c>
      <c r="BD39" s="265">
        <v>2</v>
      </c>
      <c r="BE39" s="266">
        <v>2</v>
      </c>
      <c r="BF39" s="260">
        <v>0</v>
      </c>
      <c r="BG39" s="264">
        <v>0</v>
      </c>
      <c r="BH39" s="261">
        <v>0</v>
      </c>
      <c r="BI39" s="263">
        <v>0</v>
      </c>
      <c r="BJ39" s="264">
        <v>0</v>
      </c>
      <c r="BK39" s="264">
        <v>0</v>
      </c>
      <c r="BL39" s="264">
        <v>0</v>
      </c>
      <c r="BM39" s="264">
        <v>1</v>
      </c>
      <c r="BN39" s="264">
        <v>0</v>
      </c>
      <c r="BO39" s="261">
        <v>1</v>
      </c>
      <c r="BP39" s="266">
        <v>1</v>
      </c>
      <c r="BQ39" s="260">
        <v>1</v>
      </c>
      <c r="BR39" s="264">
        <v>0</v>
      </c>
      <c r="BS39" s="261">
        <v>1</v>
      </c>
      <c r="BT39" s="263">
        <v>0</v>
      </c>
      <c r="BU39" s="264">
        <v>0</v>
      </c>
      <c r="BV39" s="264">
        <v>0</v>
      </c>
      <c r="BW39" s="264">
        <v>0</v>
      </c>
      <c r="BX39" s="264">
        <v>0</v>
      </c>
      <c r="BY39" s="264">
        <v>0</v>
      </c>
      <c r="BZ39" s="261">
        <v>0</v>
      </c>
      <c r="CA39" s="266">
        <v>1</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1</v>
      </c>
      <c r="CV39" s="261">
        <v>1</v>
      </c>
      <c r="CW39" s="266">
        <v>1</v>
      </c>
      <c r="CX39" s="260">
        <v>0</v>
      </c>
      <c r="CY39" s="264">
        <v>0</v>
      </c>
      <c r="CZ39" s="261">
        <v>0</v>
      </c>
      <c r="DA39" s="263">
        <v>0</v>
      </c>
      <c r="DB39" s="264">
        <v>0</v>
      </c>
      <c r="DC39" s="264">
        <v>0</v>
      </c>
      <c r="DD39" s="264">
        <v>0</v>
      </c>
      <c r="DE39" s="264">
        <v>0</v>
      </c>
      <c r="DF39" s="264">
        <v>0</v>
      </c>
      <c r="DG39" s="261">
        <v>0</v>
      </c>
      <c r="DH39" s="266">
        <v>0</v>
      </c>
      <c r="DI39" s="260">
        <v>0</v>
      </c>
      <c r="DJ39" s="264">
        <v>0</v>
      </c>
      <c r="DK39" s="261">
        <v>0</v>
      </c>
      <c r="DL39" s="263">
        <v>0</v>
      </c>
      <c r="DM39" s="264">
        <v>0</v>
      </c>
      <c r="DN39" s="264">
        <v>0</v>
      </c>
      <c r="DO39" s="264">
        <v>0</v>
      </c>
      <c r="DP39" s="264">
        <v>0</v>
      </c>
      <c r="DQ39" s="264">
        <v>0</v>
      </c>
      <c r="DR39" s="261">
        <v>0</v>
      </c>
      <c r="DS39" s="266">
        <v>0</v>
      </c>
      <c r="DT39" s="260">
        <v>0</v>
      </c>
      <c r="DU39" s="264">
        <v>0</v>
      </c>
      <c r="DV39" s="261">
        <v>0</v>
      </c>
      <c r="DW39" s="263">
        <v>0</v>
      </c>
      <c r="DX39" s="264">
        <v>0</v>
      </c>
      <c r="DY39" s="264">
        <v>0</v>
      </c>
      <c r="DZ39" s="264">
        <v>0</v>
      </c>
      <c r="EA39" s="264">
        <v>1</v>
      </c>
      <c r="EB39" s="264">
        <v>1</v>
      </c>
      <c r="EC39" s="261">
        <v>2</v>
      </c>
      <c r="ED39" s="266">
        <v>2</v>
      </c>
      <c r="EE39" s="260">
        <v>0</v>
      </c>
      <c r="EF39" s="264">
        <v>0</v>
      </c>
      <c r="EG39" s="261">
        <v>0</v>
      </c>
      <c r="EH39" s="263">
        <v>0</v>
      </c>
      <c r="EI39" s="264">
        <v>0</v>
      </c>
      <c r="EJ39" s="264">
        <v>0</v>
      </c>
      <c r="EK39" s="264">
        <v>0</v>
      </c>
      <c r="EL39" s="264">
        <v>1</v>
      </c>
      <c r="EM39" s="264">
        <v>0</v>
      </c>
      <c r="EN39" s="261">
        <v>1</v>
      </c>
      <c r="EO39" s="266">
        <v>1</v>
      </c>
      <c r="EP39" s="260">
        <v>1</v>
      </c>
      <c r="EQ39" s="264">
        <v>0</v>
      </c>
      <c r="ER39" s="261">
        <v>1</v>
      </c>
      <c r="ES39" s="263">
        <v>0</v>
      </c>
      <c r="ET39" s="264">
        <v>0</v>
      </c>
      <c r="EU39" s="264">
        <v>0</v>
      </c>
      <c r="EV39" s="264">
        <v>0</v>
      </c>
      <c r="EW39" s="264">
        <v>1</v>
      </c>
      <c r="EX39" s="264">
        <v>1</v>
      </c>
      <c r="EY39" s="261">
        <v>2</v>
      </c>
      <c r="EZ39" s="266">
        <v>3</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5" width="9" style="238"/>
    <col min="6" max="6" width="7.77734375" style="238" customWidth="1"/>
    <col min="7" max="7" width="9" style="238"/>
    <col min="8" max="8" width="10.6640625" style="238" customWidth="1"/>
    <col min="9" max="16" width="9" style="238"/>
    <col min="17" max="17" width="7.77734375" style="238" customWidth="1"/>
    <col min="18" max="27" width="9" style="238"/>
    <col min="28" max="28" width="6.88671875" style="238" customWidth="1"/>
    <col min="29" max="38" width="9" style="238"/>
    <col min="39" max="39" width="7.21875" style="238" customWidth="1"/>
    <col min="40" max="49" width="9" style="238"/>
    <col min="50" max="50" width="7.44140625" style="238" customWidth="1"/>
    <col min="51" max="60" width="9" style="238"/>
    <col min="61" max="61" width="7.6640625" style="238" customWidth="1"/>
    <col min="62" max="71" width="9" style="238"/>
    <col min="72" max="72" width="7.88671875" style="238" customWidth="1"/>
    <col min="73" max="82" width="9" style="238"/>
    <col min="83" max="83" width="7" style="238" customWidth="1"/>
    <col min="84" max="93" width="9" style="238"/>
    <col min="94" max="94" width="7.6640625" style="238" customWidth="1"/>
    <col min="95" max="16384" width="9" style="238"/>
  </cols>
  <sheetData>
    <row r="1" spans="2:112" ht="24" customHeight="1" x14ac:dyDescent="0.2">
      <c r="B1" s="267" t="s">
        <v>122</v>
      </c>
      <c r="J1" s="495">
        <f>第１表!F2</f>
        <v>6</v>
      </c>
      <c r="K1" s="495"/>
      <c r="L1" s="231">
        <f>第１表!G2</f>
        <v>2</v>
      </c>
      <c r="M1" s="499">
        <f>IF(L1&lt;3,L1+12-2,L1-2)</f>
        <v>12</v>
      </c>
      <c r="N1" s="499"/>
    </row>
    <row r="2" spans="2:112" ht="24" customHeight="1" thickBot="1" x14ac:dyDescent="0.25">
      <c r="B2" s="267" t="s">
        <v>137</v>
      </c>
    </row>
    <row r="3" spans="2:112" ht="21" customHeight="1" thickBot="1" x14ac:dyDescent="0.25">
      <c r="B3" s="519"/>
      <c r="C3" s="522" t="s">
        <v>112</v>
      </c>
      <c r="D3" s="522"/>
      <c r="E3" s="522"/>
      <c r="F3" s="522"/>
      <c r="G3" s="522"/>
      <c r="H3" s="522"/>
      <c r="I3" s="522"/>
      <c r="J3" s="522"/>
      <c r="K3" s="522"/>
      <c r="L3" s="522"/>
      <c r="M3" s="523"/>
      <c r="N3" s="517" t="s">
        <v>111</v>
      </c>
      <c r="O3" s="517"/>
      <c r="P3" s="517"/>
      <c r="Q3" s="517"/>
      <c r="R3" s="517"/>
      <c r="S3" s="517"/>
      <c r="T3" s="517"/>
      <c r="U3" s="517"/>
      <c r="V3" s="517"/>
      <c r="W3" s="517"/>
      <c r="X3" s="518"/>
      <c r="Y3" s="516" t="s">
        <v>110</v>
      </c>
      <c r="Z3" s="517"/>
      <c r="AA3" s="517"/>
      <c r="AB3" s="517"/>
      <c r="AC3" s="517"/>
      <c r="AD3" s="517"/>
      <c r="AE3" s="517"/>
      <c r="AF3" s="517"/>
      <c r="AG3" s="517"/>
      <c r="AH3" s="517"/>
      <c r="AI3" s="518"/>
      <c r="AJ3" s="516" t="s">
        <v>109</v>
      </c>
      <c r="AK3" s="517"/>
      <c r="AL3" s="517"/>
      <c r="AM3" s="517"/>
      <c r="AN3" s="517"/>
      <c r="AO3" s="517"/>
      <c r="AP3" s="517"/>
      <c r="AQ3" s="517"/>
      <c r="AR3" s="517"/>
      <c r="AS3" s="517"/>
      <c r="AT3" s="518"/>
      <c r="AU3" s="516" t="s">
        <v>108</v>
      </c>
      <c r="AV3" s="517"/>
      <c r="AW3" s="517"/>
      <c r="AX3" s="517"/>
      <c r="AY3" s="517"/>
      <c r="AZ3" s="517"/>
      <c r="BA3" s="517"/>
      <c r="BB3" s="517"/>
      <c r="BC3" s="517"/>
      <c r="BD3" s="517"/>
      <c r="BE3" s="518"/>
      <c r="BF3" s="516" t="s">
        <v>107</v>
      </c>
      <c r="BG3" s="517"/>
      <c r="BH3" s="517"/>
      <c r="BI3" s="517"/>
      <c r="BJ3" s="517"/>
      <c r="BK3" s="517"/>
      <c r="BL3" s="517"/>
      <c r="BM3" s="517"/>
      <c r="BN3" s="517"/>
      <c r="BO3" s="517"/>
      <c r="BP3" s="518"/>
      <c r="BQ3" s="516" t="s">
        <v>106</v>
      </c>
      <c r="BR3" s="517"/>
      <c r="BS3" s="517"/>
      <c r="BT3" s="517"/>
      <c r="BU3" s="517"/>
      <c r="BV3" s="517"/>
      <c r="BW3" s="517"/>
      <c r="BX3" s="517"/>
      <c r="BY3" s="517"/>
      <c r="BZ3" s="517"/>
      <c r="CA3" s="518"/>
      <c r="CB3" s="516" t="s">
        <v>126</v>
      </c>
      <c r="CC3" s="517"/>
      <c r="CD3" s="517"/>
      <c r="CE3" s="517"/>
      <c r="CF3" s="517"/>
      <c r="CG3" s="517"/>
      <c r="CH3" s="517"/>
      <c r="CI3" s="517"/>
      <c r="CJ3" s="517"/>
      <c r="CK3" s="517"/>
      <c r="CL3" s="518"/>
      <c r="CM3" s="516" t="s">
        <v>105</v>
      </c>
      <c r="CN3" s="517"/>
      <c r="CO3" s="517"/>
      <c r="CP3" s="517"/>
      <c r="CQ3" s="517"/>
      <c r="CR3" s="517"/>
      <c r="CS3" s="517"/>
      <c r="CT3" s="517"/>
      <c r="CU3" s="517"/>
      <c r="CV3" s="517"/>
      <c r="CW3" s="518"/>
      <c r="CX3" s="516" t="s">
        <v>158</v>
      </c>
      <c r="CY3" s="517"/>
      <c r="CZ3" s="517"/>
      <c r="DA3" s="517"/>
      <c r="DB3" s="517"/>
      <c r="DC3" s="517"/>
      <c r="DD3" s="517"/>
      <c r="DE3" s="517"/>
      <c r="DF3" s="517"/>
      <c r="DG3" s="517"/>
      <c r="DH3" s="518"/>
    </row>
    <row r="4" spans="2:112" ht="21" customHeight="1" x14ac:dyDescent="0.2">
      <c r="B4" s="520"/>
      <c r="C4" s="524" t="s">
        <v>61</v>
      </c>
      <c r="D4" s="507"/>
      <c r="E4" s="508"/>
      <c r="F4" s="506" t="s">
        <v>62</v>
      </c>
      <c r="G4" s="507"/>
      <c r="H4" s="507"/>
      <c r="I4" s="507"/>
      <c r="J4" s="507"/>
      <c r="K4" s="507"/>
      <c r="L4" s="515"/>
      <c r="M4" s="509" t="s">
        <v>52</v>
      </c>
      <c r="N4" s="524" t="s">
        <v>61</v>
      </c>
      <c r="O4" s="507"/>
      <c r="P4" s="508"/>
      <c r="Q4" s="506" t="s">
        <v>62</v>
      </c>
      <c r="R4" s="507"/>
      <c r="S4" s="507"/>
      <c r="T4" s="507"/>
      <c r="U4" s="507"/>
      <c r="V4" s="507"/>
      <c r="W4" s="508"/>
      <c r="X4" s="509" t="s">
        <v>52</v>
      </c>
      <c r="Y4" s="511" t="s">
        <v>61</v>
      </c>
      <c r="Z4" s="507"/>
      <c r="AA4" s="515"/>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15"/>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row>
    <row r="5" spans="2:112" ht="30" customHeight="1" thickBot="1" x14ac:dyDescent="0.25">
      <c r="B5" s="521"/>
      <c r="C5" s="241" t="s">
        <v>43</v>
      </c>
      <c r="D5" s="239" t="s">
        <v>44</v>
      </c>
      <c r="E5" s="338" t="s">
        <v>45</v>
      </c>
      <c r="F5" s="244" t="s">
        <v>83</v>
      </c>
      <c r="G5" s="239" t="s">
        <v>47</v>
      </c>
      <c r="H5" s="239" t="s">
        <v>48</v>
      </c>
      <c r="I5" s="239" t="s">
        <v>49</v>
      </c>
      <c r="J5" s="239" t="s">
        <v>50</v>
      </c>
      <c r="K5" s="239" t="s">
        <v>51</v>
      </c>
      <c r="L5" s="245" t="s">
        <v>45</v>
      </c>
      <c r="M5" s="510"/>
      <c r="N5" s="241" t="s">
        <v>43</v>
      </c>
      <c r="O5" s="239" t="s">
        <v>44</v>
      </c>
      <c r="P5" s="242" t="s">
        <v>45</v>
      </c>
      <c r="Q5" s="244" t="s">
        <v>83</v>
      </c>
      <c r="R5" s="239" t="s">
        <v>47</v>
      </c>
      <c r="S5" s="239" t="s">
        <v>48</v>
      </c>
      <c r="T5" s="239" t="s">
        <v>49</v>
      </c>
      <c r="U5" s="239" t="s">
        <v>50</v>
      </c>
      <c r="V5" s="239" t="s">
        <v>51</v>
      </c>
      <c r="W5" s="242" t="s">
        <v>45</v>
      </c>
      <c r="X5" s="510"/>
      <c r="Y5" s="284" t="s">
        <v>43</v>
      </c>
      <c r="Z5" s="239" t="s">
        <v>44</v>
      </c>
      <c r="AA5" s="245" t="s">
        <v>45</v>
      </c>
      <c r="AB5" s="244" t="s">
        <v>83</v>
      </c>
      <c r="AC5" s="239" t="s">
        <v>47</v>
      </c>
      <c r="AD5" s="239" t="s">
        <v>48</v>
      </c>
      <c r="AE5" s="239" t="s">
        <v>49</v>
      </c>
      <c r="AF5" s="239" t="s">
        <v>50</v>
      </c>
      <c r="AG5" s="239" t="s">
        <v>51</v>
      </c>
      <c r="AH5" s="242" t="s">
        <v>45</v>
      </c>
      <c r="AI5" s="510"/>
      <c r="AJ5" s="240" t="s">
        <v>43</v>
      </c>
      <c r="AK5" s="239" t="s">
        <v>44</v>
      </c>
      <c r="AL5" s="242" t="s">
        <v>45</v>
      </c>
      <c r="AM5" s="244" t="s">
        <v>83</v>
      </c>
      <c r="AN5" s="239" t="s">
        <v>47</v>
      </c>
      <c r="AO5" s="239" t="s">
        <v>48</v>
      </c>
      <c r="AP5" s="239" t="s">
        <v>49</v>
      </c>
      <c r="AQ5" s="239" t="s">
        <v>50</v>
      </c>
      <c r="AR5" s="239" t="s">
        <v>51</v>
      </c>
      <c r="AS5" s="242" t="s">
        <v>45</v>
      </c>
      <c r="AT5" s="510"/>
      <c r="AU5" s="284" t="s">
        <v>43</v>
      </c>
      <c r="AV5" s="239" t="s">
        <v>44</v>
      </c>
      <c r="AW5" s="245" t="s">
        <v>45</v>
      </c>
      <c r="AX5" s="244" t="s">
        <v>83</v>
      </c>
      <c r="AY5" s="239" t="s">
        <v>47</v>
      </c>
      <c r="AZ5" s="239" t="s">
        <v>48</v>
      </c>
      <c r="BA5" s="239" t="s">
        <v>49</v>
      </c>
      <c r="BB5" s="239" t="s">
        <v>50</v>
      </c>
      <c r="BC5" s="239" t="s">
        <v>51</v>
      </c>
      <c r="BD5" s="245" t="s">
        <v>45</v>
      </c>
      <c r="BE5" s="510"/>
      <c r="BF5" s="284" t="s">
        <v>43</v>
      </c>
      <c r="BG5" s="239" t="s">
        <v>44</v>
      </c>
      <c r="BH5" s="242" t="s">
        <v>45</v>
      </c>
      <c r="BI5" s="244" t="s">
        <v>83</v>
      </c>
      <c r="BJ5" s="239" t="s">
        <v>47</v>
      </c>
      <c r="BK5" s="239" t="s">
        <v>48</v>
      </c>
      <c r="BL5" s="239" t="s">
        <v>49</v>
      </c>
      <c r="BM5" s="239" t="s">
        <v>50</v>
      </c>
      <c r="BN5" s="239" t="s">
        <v>51</v>
      </c>
      <c r="BO5" s="242" t="s">
        <v>45</v>
      </c>
      <c r="BP5" s="510"/>
      <c r="BQ5" s="284" t="s">
        <v>43</v>
      </c>
      <c r="BR5" s="239" t="s">
        <v>44</v>
      </c>
      <c r="BS5" s="242" t="s">
        <v>45</v>
      </c>
      <c r="BT5" s="244" t="s">
        <v>83</v>
      </c>
      <c r="BU5" s="239" t="s">
        <v>47</v>
      </c>
      <c r="BV5" s="239" t="s">
        <v>48</v>
      </c>
      <c r="BW5" s="239" t="s">
        <v>49</v>
      </c>
      <c r="BX5" s="239" t="s">
        <v>50</v>
      </c>
      <c r="BY5" s="239" t="s">
        <v>51</v>
      </c>
      <c r="BZ5" s="242" t="s">
        <v>45</v>
      </c>
      <c r="CA5" s="510"/>
      <c r="CB5" s="284" t="s">
        <v>43</v>
      </c>
      <c r="CC5" s="239" t="s">
        <v>44</v>
      </c>
      <c r="CD5" s="242" t="s">
        <v>45</v>
      </c>
      <c r="CE5" s="244" t="s">
        <v>83</v>
      </c>
      <c r="CF5" s="239" t="s">
        <v>47</v>
      </c>
      <c r="CG5" s="239" t="s">
        <v>48</v>
      </c>
      <c r="CH5" s="239" t="s">
        <v>49</v>
      </c>
      <c r="CI5" s="239" t="s">
        <v>50</v>
      </c>
      <c r="CJ5" s="239" t="s">
        <v>51</v>
      </c>
      <c r="CK5" s="242" t="s">
        <v>45</v>
      </c>
      <c r="CL5" s="510"/>
      <c r="CM5" s="284" t="s">
        <v>43</v>
      </c>
      <c r="CN5" s="239" t="s">
        <v>44</v>
      </c>
      <c r="CO5" s="242" t="s">
        <v>45</v>
      </c>
      <c r="CP5" s="244" t="s">
        <v>83</v>
      </c>
      <c r="CQ5" s="239" t="s">
        <v>47</v>
      </c>
      <c r="CR5" s="239" t="s">
        <v>48</v>
      </c>
      <c r="CS5" s="239" t="s">
        <v>49</v>
      </c>
      <c r="CT5" s="239" t="s">
        <v>50</v>
      </c>
      <c r="CU5" s="239" t="s">
        <v>51</v>
      </c>
      <c r="CV5" s="242" t="s">
        <v>45</v>
      </c>
      <c r="CW5" s="510"/>
      <c r="CX5" s="321" t="s">
        <v>43</v>
      </c>
      <c r="CY5" s="239" t="s">
        <v>44</v>
      </c>
      <c r="CZ5" s="242" t="s">
        <v>45</v>
      </c>
      <c r="DA5" s="244" t="s">
        <v>83</v>
      </c>
      <c r="DB5" s="239" t="s">
        <v>47</v>
      </c>
      <c r="DC5" s="239" t="s">
        <v>48</v>
      </c>
      <c r="DD5" s="239" t="s">
        <v>49</v>
      </c>
      <c r="DE5" s="239" t="s">
        <v>50</v>
      </c>
      <c r="DF5" s="239" t="s">
        <v>51</v>
      </c>
      <c r="DG5" s="242" t="s">
        <v>45</v>
      </c>
      <c r="DH5" s="510"/>
    </row>
    <row r="6" spans="2:112" ht="21" customHeight="1" x14ac:dyDescent="0.2">
      <c r="B6" s="435" t="s">
        <v>4</v>
      </c>
      <c r="C6" s="246">
        <v>0</v>
      </c>
      <c r="D6" s="250">
        <v>7</v>
      </c>
      <c r="E6" s="339">
        <v>7</v>
      </c>
      <c r="F6" s="249">
        <v>0</v>
      </c>
      <c r="G6" s="250">
        <v>212358</v>
      </c>
      <c r="H6" s="250">
        <v>351413</v>
      </c>
      <c r="I6" s="250">
        <v>375307</v>
      </c>
      <c r="J6" s="250">
        <v>454722</v>
      </c>
      <c r="K6" s="250">
        <v>432571</v>
      </c>
      <c r="L6" s="251">
        <v>1826371</v>
      </c>
      <c r="M6" s="252">
        <v>1826378</v>
      </c>
      <c r="N6" s="246">
        <v>9</v>
      </c>
      <c r="O6" s="250">
        <v>69</v>
      </c>
      <c r="P6" s="247">
        <v>78</v>
      </c>
      <c r="Q6" s="249">
        <v>0</v>
      </c>
      <c r="R6" s="250">
        <v>371</v>
      </c>
      <c r="S6" s="250">
        <v>1788</v>
      </c>
      <c r="T6" s="250">
        <v>3665</v>
      </c>
      <c r="U6" s="250">
        <v>9596</v>
      </c>
      <c r="V6" s="250">
        <v>18805</v>
      </c>
      <c r="W6" s="247">
        <v>34225</v>
      </c>
      <c r="X6" s="252">
        <v>34303</v>
      </c>
      <c r="Y6" s="246">
        <v>13741</v>
      </c>
      <c r="Z6" s="250">
        <v>45721</v>
      </c>
      <c r="AA6" s="247">
        <v>59462</v>
      </c>
      <c r="AB6" s="249">
        <v>0</v>
      </c>
      <c r="AC6" s="250">
        <v>109648</v>
      </c>
      <c r="AD6" s="250">
        <v>179390</v>
      </c>
      <c r="AE6" s="250">
        <v>111826</v>
      </c>
      <c r="AF6" s="250">
        <v>94973</v>
      </c>
      <c r="AG6" s="250">
        <v>79506</v>
      </c>
      <c r="AH6" s="247">
        <v>575343</v>
      </c>
      <c r="AI6" s="252">
        <v>634805</v>
      </c>
      <c r="AJ6" s="246">
        <v>2288</v>
      </c>
      <c r="AK6" s="250">
        <v>9804</v>
      </c>
      <c r="AL6" s="247">
        <v>12092</v>
      </c>
      <c r="AM6" s="249">
        <v>0</v>
      </c>
      <c r="AN6" s="250">
        <v>12816</v>
      </c>
      <c r="AO6" s="250">
        <v>22001</v>
      </c>
      <c r="AP6" s="250">
        <v>14174</v>
      </c>
      <c r="AQ6" s="250">
        <v>12209</v>
      </c>
      <c r="AR6" s="250">
        <v>7609</v>
      </c>
      <c r="AS6" s="247">
        <v>68809</v>
      </c>
      <c r="AT6" s="252">
        <v>80901</v>
      </c>
      <c r="AU6" s="246">
        <v>0</v>
      </c>
      <c r="AV6" s="250">
        <v>3</v>
      </c>
      <c r="AW6" s="247">
        <v>3</v>
      </c>
      <c r="AX6" s="249">
        <v>0</v>
      </c>
      <c r="AY6" s="250">
        <v>185108</v>
      </c>
      <c r="AZ6" s="250">
        <v>198437</v>
      </c>
      <c r="BA6" s="250">
        <v>119719</v>
      </c>
      <c r="BB6" s="250">
        <v>69522</v>
      </c>
      <c r="BC6" s="250">
        <v>33270</v>
      </c>
      <c r="BD6" s="251">
        <v>606056</v>
      </c>
      <c r="BE6" s="252">
        <v>606059</v>
      </c>
      <c r="BF6" s="246">
        <v>0</v>
      </c>
      <c r="BG6" s="250">
        <v>0</v>
      </c>
      <c r="BH6" s="247">
        <v>0</v>
      </c>
      <c r="BI6" s="249">
        <v>0</v>
      </c>
      <c r="BJ6" s="250">
        <v>32095</v>
      </c>
      <c r="BK6" s="250">
        <v>48711</v>
      </c>
      <c r="BL6" s="250">
        <v>29677</v>
      </c>
      <c r="BM6" s="250">
        <v>18189</v>
      </c>
      <c r="BN6" s="250">
        <v>6635</v>
      </c>
      <c r="BO6" s="247">
        <v>135307</v>
      </c>
      <c r="BP6" s="252">
        <v>135307</v>
      </c>
      <c r="BQ6" s="246">
        <v>218</v>
      </c>
      <c r="BR6" s="250">
        <v>1223</v>
      </c>
      <c r="BS6" s="247">
        <v>1441</v>
      </c>
      <c r="BT6" s="249">
        <v>0</v>
      </c>
      <c r="BU6" s="250">
        <v>16647</v>
      </c>
      <c r="BV6" s="250">
        <v>31121</v>
      </c>
      <c r="BW6" s="250">
        <v>54485</v>
      </c>
      <c r="BX6" s="250">
        <v>42260</v>
      </c>
      <c r="BY6" s="250">
        <v>21684</v>
      </c>
      <c r="BZ6" s="247">
        <v>166197</v>
      </c>
      <c r="CA6" s="252">
        <v>167638</v>
      </c>
      <c r="CB6" s="246">
        <v>13</v>
      </c>
      <c r="CC6" s="250">
        <v>120</v>
      </c>
      <c r="CD6" s="247">
        <v>133</v>
      </c>
      <c r="CE6" s="249">
        <v>0</v>
      </c>
      <c r="CF6" s="250">
        <v>1368</v>
      </c>
      <c r="CG6" s="250">
        <v>3713</v>
      </c>
      <c r="CH6" s="250">
        <v>4363</v>
      </c>
      <c r="CI6" s="250">
        <v>4925</v>
      </c>
      <c r="CJ6" s="250">
        <v>2840</v>
      </c>
      <c r="CK6" s="247">
        <v>17209</v>
      </c>
      <c r="CL6" s="252">
        <v>17342</v>
      </c>
      <c r="CM6" s="246">
        <v>0</v>
      </c>
      <c r="CN6" s="250">
        <v>0</v>
      </c>
      <c r="CO6" s="247">
        <v>0</v>
      </c>
      <c r="CP6" s="249">
        <v>0</v>
      </c>
      <c r="CQ6" s="250">
        <v>0</v>
      </c>
      <c r="CR6" s="250">
        <v>0</v>
      </c>
      <c r="CS6" s="250">
        <v>0</v>
      </c>
      <c r="CT6" s="250">
        <v>0</v>
      </c>
      <c r="CU6" s="250">
        <v>0</v>
      </c>
      <c r="CV6" s="247">
        <v>0</v>
      </c>
      <c r="CW6" s="252">
        <v>0</v>
      </c>
      <c r="CX6" s="246">
        <v>0</v>
      </c>
      <c r="CY6" s="250">
        <v>0</v>
      </c>
      <c r="CZ6" s="247">
        <v>0</v>
      </c>
      <c r="DA6" s="249">
        <v>0</v>
      </c>
      <c r="DB6" s="250">
        <v>0</v>
      </c>
      <c r="DC6" s="250">
        <v>0</v>
      </c>
      <c r="DD6" s="250">
        <v>0</v>
      </c>
      <c r="DE6" s="250">
        <v>0</v>
      </c>
      <c r="DF6" s="250">
        <v>0</v>
      </c>
      <c r="DG6" s="247">
        <v>0</v>
      </c>
      <c r="DH6" s="252">
        <v>0</v>
      </c>
    </row>
    <row r="7" spans="2:112" ht="21" customHeight="1" x14ac:dyDescent="0.2">
      <c r="B7" s="436" t="s">
        <v>5</v>
      </c>
      <c r="C7" s="253">
        <v>0</v>
      </c>
      <c r="D7" s="257">
        <v>3</v>
      </c>
      <c r="E7" s="340">
        <v>3</v>
      </c>
      <c r="F7" s="256">
        <v>0</v>
      </c>
      <c r="G7" s="257">
        <v>67892</v>
      </c>
      <c r="H7" s="257">
        <v>150110</v>
      </c>
      <c r="I7" s="257">
        <v>136448</v>
      </c>
      <c r="J7" s="257">
        <v>155756</v>
      </c>
      <c r="K7" s="257">
        <v>155325</v>
      </c>
      <c r="L7" s="258">
        <v>665531</v>
      </c>
      <c r="M7" s="259">
        <v>665534</v>
      </c>
      <c r="N7" s="253">
        <v>6</v>
      </c>
      <c r="O7" s="257">
        <v>29</v>
      </c>
      <c r="P7" s="254">
        <v>35</v>
      </c>
      <c r="Q7" s="256">
        <v>0</v>
      </c>
      <c r="R7" s="257">
        <v>86</v>
      </c>
      <c r="S7" s="257">
        <v>611</v>
      </c>
      <c r="T7" s="257">
        <v>1457</v>
      </c>
      <c r="U7" s="257">
        <v>3722</v>
      </c>
      <c r="V7" s="257">
        <v>8332</v>
      </c>
      <c r="W7" s="254">
        <v>14208</v>
      </c>
      <c r="X7" s="259">
        <v>14243</v>
      </c>
      <c r="Y7" s="253">
        <v>5683</v>
      </c>
      <c r="Z7" s="257">
        <v>23717</v>
      </c>
      <c r="AA7" s="254">
        <v>29400</v>
      </c>
      <c r="AB7" s="256">
        <v>0</v>
      </c>
      <c r="AC7" s="257">
        <v>37810</v>
      </c>
      <c r="AD7" s="257">
        <v>93299</v>
      </c>
      <c r="AE7" s="257">
        <v>55500</v>
      </c>
      <c r="AF7" s="257">
        <v>44751</v>
      </c>
      <c r="AG7" s="257">
        <v>36277</v>
      </c>
      <c r="AH7" s="254">
        <v>267637</v>
      </c>
      <c r="AI7" s="259">
        <v>297037</v>
      </c>
      <c r="AJ7" s="253">
        <v>810</v>
      </c>
      <c r="AK7" s="257">
        <v>5432</v>
      </c>
      <c r="AL7" s="254">
        <v>6242</v>
      </c>
      <c r="AM7" s="256">
        <v>0</v>
      </c>
      <c r="AN7" s="257">
        <v>3147</v>
      </c>
      <c r="AO7" s="257">
        <v>9007</v>
      </c>
      <c r="AP7" s="257">
        <v>5975</v>
      </c>
      <c r="AQ7" s="257">
        <v>5076</v>
      </c>
      <c r="AR7" s="257">
        <v>3053</v>
      </c>
      <c r="AS7" s="254">
        <v>26258</v>
      </c>
      <c r="AT7" s="259">
        <v>32500</v>
      </c>
      <c r="AU7" s="253">
        <v>0</v>
      </c>
      <c r="AV7" s="257">
        <v>0</v>
      </c>
      <c r="AW7" s="254">
        <v>0</v>
      </c>
      <c r="AX7" s="256">
        <v>0</v>
      </c>
      <c r="AY7" s="257">
        <v>56253</v>
      </c>
      <c r="AZ7" s="257">
        <v>78656</v>
      </c>
      <c r="BA7" s="257">
        <v>41454</v>
      </c>
      <c r="BB7" s="257">
        <v>22655</v>
      </c>
      <c r="BC7" s="257">
        <v>11159</v>
      </c>
      <c r="BD7" s="258">
        <v>210177</v>
      </c>
      <c r="BE7" s="259">
        <v>210177</v>
      </c>
      <c r="BF7" s="253">
        <v>0</v>
      </c>
      <c r="BG7" s="257">
        <v>0</v>
      </c>
      <c r="BH7" s="254">
        <v>0</v>
      </c>
      <c r="BI7" s="256">
        <v>0</v>
      </c>
      <c r="BJ7" s="257">
        <v>9351</v>
      </c>
      <c r="BK7" s="257">
        <v>21917</v>
      </c>
      <c r="BL7" s="257">
        <v>13076</v>
      </c>
      <c r="BM7" s="257">
        <v>8086</v>
      </c>
      <c r="BN7" s="257">
        <v>2959</v>
      </c>
      <c r="BO7" s="254">
        <v>55389</v>
      </c>
      <c r="BP7" s="259">
        <v>55389</v>
      </c>
      <c r="BQ7" s="253">
        <v>60</v>
      </c>
      <c r="BR7" s="257">
        <v>457</v>
      </c>
      <c r="BS7" s="254">
        <v>517</v>
      </c>
      <c r="BT7" s="256">
        <v>0</v>
      </c>
      <c r="BU7" s="257">
        <v>4581</v>
      </c>
      <c r="BV7" s="257">
        <v>11658</v>
      </c>
      <c r="BW7" s="257">
        <v>20379</v>
      </c>
      <c r="BX7" s="257">
        <v>14631</v>
      </c>
      <c r="BY7" s="257">
        <v>8367</v>
      </c>
      <c r="BZ7" s="254">
        <v>59616</v>
      </c>
      <c r="CA7" s="259">
        <v>60133</v>
      </c>
      <c r="CB7" s="253">
        <v>3</v>
      </c>
      <c r="CC7" s="257">
        <v>84</v>
      </c>
      <c r="CD7" s="254">
        <v>87</v>
      </c>
      <c r="CE7" s="256">
        <v>0</v>
      </c>
      <c r="CF7" s="257">
        <v>610</v>
      </c>
      <c r="CG7" s="257">
        <v>2164</v>
      </c>
      <c r="CH7" s="257">
        <v>2480</v>
      </c>
      <c r="CI7" s="257">
        <v>2857</v>
      </c>
      <c r="CJ7" s="257">
        <v>1671</v>
      </c>
      <c r="CK7" s="254">
        <v>9782</v>
      </c>
      <c r="CL7" s="259">
        <v>9869</v>
      </c>
      <c r="CM7" s="253">
        <v>0</v>
      </c>
      <c r="CN7" s="257">
        <v>0</v>
      </c>
      <c r="CO7" s="254">
        <v>0</v>
      </c>
      <c r="CP7" s="256">
        <v>0</v>
      </c>
      <c r="CQ7" s="257">
        <v>0</v>
      </c>
      <c r="CR7" s="257">
        <v>0</v>
      </c>
      <c r="CS7" s="257">
        <v>0</v>
      </c>
      <c r="CT7" s="257">
        <v>0</v>
      </c>
      <c r="CU7" s="257">
        <v>0</v>
      </c>
      <c r="CV7" s="254">
        <v>0</v>
      </c>
      <c r="CW7" s="259">
        <v>0</v>
      </c>
      <c r="CX7" s="253">
        <v>0</v>
      </c>
      <c r="CY7" s="257">
        <v>0</v>
      </c>
      <c r="CZ7" s="254">
        <v>0</v>
      </c>
      <c r="DA7" s="256">
        <v>0</v>
      </c>
      <c r="DB7" s="257">
        <v>0</v>
      </c>
      <c r="DC7" s="257">
        <v>0</v>
      </c>
      <c r="DD7" s="257">
        <v>0</v>
      </c>
      <c r="DE7" s="257">
        <v>0</v>
      </c>
      <c r="DF7" s="257">
        <v>0</v>
      </c>
      <c r="DG7" s="254">
        <v>0</v>
      </c>
      <c r="DH7" s="259">
        <v>0</v>
      </c>
    </row>
    <row r="8" spans="2:112" ht="21" customHeight="1" x14ac:dyDescent="0.2">
      <c r="B8" s="437" t="s">
        <v>6</v>
      </c>
      <c r="C8" s="253">
        <v>0</v>
      </c>
      <c r="D8" s="257">
        <v>4</v>
      </c>
      <c r="E8" s="340">
        <v>4</v>
      </c>
      <c r="F8" s="256">
        <v>0</v>
      </c>
      <c r="G8" s="257">
        <v>38752</v>
      </c>
      <c r="H8" s="257">
        <v>50316</v>
      </c>
      <c r="I8" s="257">
        <v>54759</v>
      </c>
      <c r="J8" s="257">
        <v>71446</v>
      </c>
      <c r="K8" s="257">
        <v>74677</v>
      </c>
      <c r="L8" s="258">
        <v>289950</v>
      </c>
      <c r="M8" s="259">
        <v>289954</v>
      </c>
      <c r="N8" s="253">
        <v>3</v>
      </c>
      <c r="O8" s="257">
        <v>9</v>
      </c>
      <c r="P8" s="254">
        <v>12</v>
      </c>
      <c r="Q8" s="256">
        <v>0</v>
      </c>
      <c r="R8" s="257">
        <v>61</v>
      </c>
      <c r="S8" s="257">
        <v>231</v>
      </c>
      <c r="T8" s="257">
        <v>468</v>
      </c>
      <c r="U8" s="257">
        <v>1166</v>
      </c>
      <c r="V8" s="257">
        <v>2733</v>
      </c>
      <c r="W8" s="254">
        <v>4659</v>
      </c>
      <c r="X8" s="259">
        <v>4671</v>
      </c>
      <c r="Y8" s="253">
        <v>2351</v>
      </c>
      <c r="Z8" s="257">
        <v>6773</v>
      </c>
      <c r="AA8" s="254">
        <v>9124</v>
      </c>
      <c r="AB8" s="256">
        <v>0</v>
      </c>
      <c r="AC8" s="257">
        <v>24965</v>
      </c>
      <c r="AD8" s="257">
        <v>27073</v>
      </c>
      <c r="AE8" s="257">
        <v>16811</v>
      </c>
      <c r="AF8" s="257">
        <v>14204</v>
      </c>
      <c r="AG8" s="257">
        <v>12245</v>
      </c>
      <c r="AH8" s="254">
        <v>95298</v>
      </c>
      <c r="AI8" s="259">
        <v>104422</v>
      </c>
      <c r="AJ8" s="253">
        <v>200</v>
      </c>
      <c r="AK8" s="257">
        <v>620</v>
      </c>
      <c r="AL8" s="254">
        <v>820</v>
      </c>
      <c r="AM8" s="256">
        <v>0</v>
      </c>
      <c r="AN8" s="257">
        <v>2211</v>
      </c>
      <c r="AO8" s="257">
        <v>2444</v>
      </c>
      <c r="AP8" s="257">
        <v>1401</v>
      </c>
      <c r="AQ8" s="257">
        <v>1419</v>
      </c>
      <c r="AR8" s="257">
        <v>1055</v>
      </c>
      <c r="AS8" s="254">
        <v>8530</v>
      </c>
      <c r="AT8" s="259">
        <v>9350</v>
      </c>
      <c r="AU8" s="253">
        <v>0</v>
      </c>
      <c r="AV8" s="257">
        <v>3</v>
      </c>
      <c r="AW8" s="254">
        <v>3</v>
      </c>
      <c r="AX8" s="256">
        <v>0</v>
      </c>
      <c r="AY8" s="257">
        <v>30334</v>
      </c>
      <c r="AZ8" s="257">
        <v>27543</v>
      </c>
      <c r="BA8" s="257">
        <v>16529</v>
      </c>
      <c r="BB8" s="257">
        <v>10111</v>
      </c>
      <c r="BC8" s="257">
        <v>4836</v>
      </c>
      <c r="BD8" s="258">
        <v>89353</v>
      </c>
      <c r="BE8" s="259">
        <v>89356</v>
      </c>
      <c r="BF8" s="253">
        <v>0</v>
      </c>
      <c r="BG8" s="257">
        <v>0</v>
      </c>
      <c r="BH8" s="254">
        <v>0</v>
      </c>
      <c r="BI8" s="256">
        <v>0</v>
      </c>
      <c r="BJ8" s="257">
        <v>4683</v>
      </c>
      <c r="BK8" s="257">
        <v>5442</v>
      </c>
      <c r="BL8" s="257">
        <v>3745</v>
      </c>
      <c r="BM8" s="257">
        <v>2240</v>
      </c>
      <c r="BN8" s="257">
        <v>933</v>
      </c>
      <c r="BO8" s="254">
        <v>17043</v>
      </c>
      <c r="BP8" s="259">
        <v>17043</v>
      </c>
      <c r="BQ8" s="253">
        <v>19</v>
      </c>
      <c r="BR8" s="257">
        <v>102</v>
      </c>
      <c r="BS8" s="254">
        <v>121</v>
      </c>
      <c r="BT8" s="256">
        <v>0</v>
      </c>
      <c r="BU8" s="257">
        <v>2019</v>
      </c>
      <c r="BV8" s="257">
        <v>3526</v>
      </c>
      <c r="BW8" s="257">
        <v>5933</v>
      </c>
      <c r="BX8" s="257">
        <v>4949</v>
      </c>
      <c r="BY8" s="257">
        <v>2555</v>
      </c>
      <c r="BZ8" s="254">
        <v>18982</v>
      </c>
      <c r="CA8" s="259">
        <v>19103</v>
      </c>
      <c r="CB8" s="253">
        <v>0</v>
      </c>
      <c r="CC8" s="257">
        <v>0</v>
      </c>
      <c r="CD8" s="254">
        <v>0</v>
      </c>
      <c r="CE8" s="256">
        <v>0</v>
      </c>
      <c r="CF8" s="257">
        <v>181</v>
      </c>
      <c r="CG8" s="257">
        <v>420</v>
      </c>
      <c r="CH8" s="257">
        <v>535</v>
      </c>
      <c r="CI8" s="257">
        <v>606</v>
      </c>
      <c r="CJ8" s="257">
        <v>419</v>
      </c>
      <c r="CK8" s="254">
        <v>2161</v>
      </c>
      <c r="CL8" s="259">
        <v>2161</v>
      </c>
      <c r="CM8" s="253">
        <v>0</v>
      </c>
      <c r="CN8" s="257">
        <v>0</v>
      </c>
      <c r="CO8" s="254">
        <v>0</v>
      </c>
      <c r="CP8" s="256">
        <v>0</v>
      </c>
      <c r="CQ8" s="257">
        <v>0</v>
      </c>
      <c r="CR8" s="257">
        <v>0</v>
      </c>
      <c r="CS8" s="257">
        <v>0</v>
      </c>
      <c r="CT8" s="257">
        <v>0</v>
      </c>
      <c r="CU8" s="257">
        <v>0</v>
      </c>
      <c r="CV8" s="254">
        <v>0</v>
      </c>
      <c r="CW8" s="259">
        <v>0</v>
      </c>
      <c r="CX8" s="253">
        <v>0</v>
      </c>
      <c r="CY8" s="257">
        <v>0</v>
      </c>
      <c r="CZ8" s="254">
        <v>0</v>
      </c>
      <c r="DA8" s="256">
        <v>0</v>
      </c>
      <c r="DB8" s="257">
        <v>0</v>
      </c>
      <c r="DC8" s="257">
        <v>0</v>
      </c>
      <c r="DD8" s="257">
        <v>0</v>
      </c>
      <c r="DE8" s="257">
        <v>0</v>
      </c>
      <c r="DF8" s="257">
        <v>0</v>
      </c>
      <c r="DG8" s="254">
        <v>0</v>
      </c>
      <c r="DH8" s="259">
        <v>0</v>
      </c>
    </row>
    <row r="9" spans="2:112" ht="21" customHeight="1" x14ac:dyDescent="0.2">
      <c r="B9" s="437" t="s">
        <v>14</v>
      </c>
      <c r="C9" s="253">
        <v>0</v>
      </c>
      <c r="D9" s="257">
        <v>0</v>
      </c>
      <c r="E9" s="340">
        <v>0</v>
      </c>
      <c r="F9" s="256">
        <v>0</v>
      </c>
      <c r="G9" s="257">
        <v>13943</v>
      </c>
      <c r="H9" s="257">
        <v>26706</v>
      </c>
      <c r="I9" s="257">
        <v>31182</v>
      </c>
      <c r="J9" s="257">
        <v>37083</v>
      </c>
      <c r="K9" s="257">
        <v>28462</v>
      </c>
      <c r="L9" s="258">
        <v>137376</v>
      </c>
      <c r="M9" s="259">
        <v>137376</v>
      </c>
      <c r="N9" s="253">
        <v>0</v>
      </c>
      <c r="O9" s="257">
        <v>5</v>
      </c>
      <c r="P9" s="254">
        <v>5</v>
      </c>
      <c r="Q9" s="256">
        <v>0</v>
      </c>
      <c r="R9" s="257">
        <v>0</v>
      </c>
      <c r="S9" s="257">
        <v>75</v>
      </c>
      <c r="T9" s="257">
        <v>229</v>
      </c>
      <c r="U9" s="257">
        <v>734</v>
      </c>
      <c r="V9" s="257">
        <v>1124</v>
      </c>
      <c r="W9" s="254">
        <v>2162</v>
      </c>
      <c r="X9" s="259">
        <v>2167</v>
      </c>
      <c r="Y9" s="253">
        <v>856</v>
      </c>
      <c r="Z9" s="257">
        <v>3611</v>
      </c>
      <c r="AA9" s="254">
        <v>4467</v>
      </c>
      <c r="AB9" s="256">
        <v>0</v>
      </c>
      <c r="AC9" s="257">
        <v>5669</v>
      </c>
      <c r="AD9" s="257">
        <v>11949</v>
      </c>
      <c r="AE9" s="257">
        <v>8764</v>
      </c>
      <c r="AF9" s="257">
        <v>7164</v>
      </c>
      <c r="AG9" s="257">
        <v>5433</v>
      </c>
      <c r="AH9" s="254">
        <v>38979</v>
      </c>
      <c r="AI9" s="259">
        <v>43446</v>
      </c>
      <c r="AJ9" s="253">
        <v>48</v>
      </c>
      <c r="AK9" s="257">
        <v>419</v>
      </c>
      <c r="AL9" s="254">
        <v>467</v>
      </c>
      <c r="AM9" s="256">
        <v>0</v>
      </c>
      <c r="AN9" s="257">
        <v>357</v>
      </c>
      <c r="AO9" s="257">
        <v>996</v>
      </c>
      <c r="AP9" s="257">
        <v>638</v>
      </c>
      <c r="AQ9" s="257">
        <v>512</v>
      </c>
      <c r="AR9" s="257">
        <v>302</v>
      </c>
      <c r="AS9" s="254">
        <v>2805</v>
      </c>
      <c r="AT9" s="259">
        <v>3272</v>
      </c>
      <c r="AU9" s="253">
        <v>0</v>
      </c>
      <c r="AV9" s="257">
        <v>0</v>
      </c>
      <c r="AW9" s="254">
        <v>0</v>
      </c>
      <c r="AX9" s="256">
        <v>0</v>
      </c>
      <c r="AY9" s="257">
        <v>13966</v>
      </c>
      <c r="AZ9" s="257">
        <v>17166</v>
      </c>
      <c r="BA9" s="257">
        <v>12251</v>
      </c>
      <c r="BB9" s="257">
        <v>6914</v>
      </c>
      <c r="BC9" s="257">
        <v>3505</v>
      </c>
      <c r="BD9" s="258">
        <v>53802</v>
      </c>
      <c r="BE9" s="259">
        <v>53802</v>
      </c>
      <c r="BF9" s="253">
        <v>0</v>
      </c>
      <c r="BG9" s="257">
        <v>0</v>
      </c>
      <c r="BH9" s="254">
        <v>0</v>
      </c>
      <c r="BI9" s="256">
        <v>0</v>
      </c>
      <c r="BJ9" s="257">
        <v>1025</v>
      </c>
      <c r="BK9" s="257">
        <v>2980</v>
      </c>
      <c r="BL9" s="257">
        <v>1887</v>
      </c>
      <c r="BM9" s="257">
        <v>1138</v>
      </c>
      <c r="BN9" s="257">
        <v>374</v>
      </c>
      <c r="BO9" s="254">
        <v>7404</v>
      </c>
      <c r="BP9" s="259">
        <v>7404</v>
      </c>
      <c r="BQ9" s="253">
        <v>15</v>
      </c>
      <c r="BR9" s="257">
        <v>103</v>
      </c>
      <c r="BS9" s="254">
        <v>118</v>
      </c>
      <c r="BT9" s="256">
        <v>0</v>
      </c>
      <c r="BU9" s="257">
        <v>980</v>
      </c>
      <c r="BV9" s="257">
        <v>2398</v>
      </c>
      <c r="BW9" s="257">
        <v>4821</v>
      </c>
      <c r="BX9" s="257">
        <v>4207</v>
      </c>
      <c r="BY9" s="257">
        <v>2035</v>
      </c>
      <c r="BZ9" s="254">
        <v>14441</v>
      </c>
      <c r="CA9" s="259">
        <v>14559</v>
      </c>
      <c r="CB9" s="253">
        <v>0</v>
      </c>
      <c r="CC9" s="257">
        <v>0</v>
      </c>
      <c r="CD9" s="254">
        <v>0</v>
      </c>
      <c r="CE9" s="256">
        <v>0</v>
      </c>
      <c r="CF9" s="257">
        <v>3</v>
      </c>
      <c r="CG9" s="257">
        <v>66</v>
      </c>
      <c r="CH9" s="257">
        <v>114</v>
      </c>
      <c r="CI9" s="257">
        <v>86</v>
      </c>
      <c r="CJ9" s="257">
        <v>48</v>
      </c>
      <c r="CK9" s="254">
        <v>317</v>
      </c>
      <c r="CL9" s="259">
        <v>317</v>
      </c>
      <c r="CM9" s="253">
        <v>0</v>
      </c>
      <c r="CN9" s="257">
        <v>0</v>
      </c>
      <c r="CO9" s="254">
        <v>0</v>
      </c>
      <c r="CP9" s="256">
        <v>0</v>
      </c>
      <c r="CQ9" s="257">
        <v>0</v>
      </c>
      <c r="CR9" s="257">
        <v>0</v>
      </c>
      <c r="CS9" s="257">
        <v>0</v>
      </c>
      <c r="CT9" s="257">
        <v>0</v>
      </c>
      <c r="CU9" s="257">
        <v>0</v>
      </c>
      <c r="CV9" s="254">
        <v>0</v>
      </c>
      <c r="CW9" s="259">
        <v>0</v>
      </c>
      <c r="CX9" s="253">
        <v>0</v>
      </c>
      <c r="CY9" s="257">
        <v>0</v>
      </c>
      <c r="CZ9" s="254">
        <v>0</v>
      </c>
      <c r="DA9" s="256">
        <v>0</v>
      </c>
      <c r="DB9" s="257">
        <v>0</v>
      </c>
      <c r="DC9" s="257">
        <v>0</v>
      </c>
      <c r="DD9" s="257">
        <v>0</v>
      </c>
      <c r="DE9" s="257">
        <v>0</v>
      </c>
      <c r="DF9" s="257">
        <v>0</v>
      </c>
      <c r="DG9" s="254">
        <v>0</v>
      </c>
      <c r="DH9" s="259">
        <v>0</v>
      </c>
    </row>
    <row r="10" spans="2:112" ht="21" customHeight="1" x14ac:dyDescent="0.2">
      <c r="B10" s="437" t="s">
        <v>7</v>
      </c>
      <c r="C10" s="253">
        <v>0</v>
      </c>
      <c r="D10" s="257">
        <v>0</v>
      </c>
      <c r="E10" s="340">
        <v>0</v>
      </c>
      <c r="F10" s="256">
        <v>0</v>
      </c>
      <c r="G10" s="257">
        <v>17235</v>
      </c>
      <c r="H10" s="257">
        <v>19704</v>
      </c>
      <c r="I10" s="257">
        <v>20910</v>
      </c>
      <c r="J10" s="257">
        <v>27378</v>
      </c>
      <c r="K10" s="257">
        <v>22403</v>
      </c>
      <c r="L10" s="258">
        <v>107630</v>
      </c>
      <c r="M10" s="259">
        <v>107630</v>
      </c>
      <c r="N10" s="253">
        <v>0</v>
      </c>
      <c r="O10" s="257">
        <v>0</v>
      </c>
      <c r="P10" s="254">
        <v>0</v>
      </c>
      <c r="Q10" s="256">
        <v>0</v>
      </c>
      <c r="R10" s="257">
        <v>27</v>
      </c>
      <c r="S10" s="257">
        <v>210</v>
      </c>
      <c r="T10" s="257">
        <v>276</v>
      </c>
      <c r="U10" s="257">
        <v>657</v>
      </c>
      <c r="V10" s="257">
        <v>1010</v>
      </c>
      <c r="W10" s="254">
        <v>2180</v>
      </c>
      <c r="X10" s="259">
        <v>2180</v>
      </c>
      <c r="Y10" s="253">
        <v>120</v>
      </c>
      <c r="Z10" s="257">
        <v>249</v>
      </c>
      <c r="AA10" s="254">
        <v>369</v>
      </c>
      <c r="AB10" s="256">
        <v>0</v>
      </c>
      <c r="AC10" s="257">
        <v>4449</v>
      </c>
      <c r="AD10" s="257">
        <v>4928</v>
      </c>
      <c r="AE10" s="257">
        <v>3027</v>
      </c>
      <c r="AF10" s="257">
        <v>3168</v>
      </c>
      <c r="AG10" s="257">
        <v>3482</v>
      </c>
      <c r="AH10" s="254">
        <v>19054</v>
      </c>
      <c r="AI10" s="259">
        <v>19423</v>
      </c>
      <c r="AJ10" s="253">
        <v>55</v>
      </c>
      <c r="AK10" s="257">
        <v>100</v>
      </c>
      <c r="AL10" s="254">
        <v>155</v>
      </c>
      <c r="AM10" s="256">
        <v>0</v>
      </c>
      <c r="AN10" s="257">
        <v>805</v>
      </c>
      <c r="AO10" s="257">
        <v>1099</v>
      </c>
      <c r="AP10" s="257">
        <v>683</v>
      </c>
      <c r="AQ10" s="257">
        <v>654</v>
      </c>
      <c r="AR10" s="257">
        <v>328</v>
      </c>
      <c r="AS10" s="254">
        <v>3569</v>
      </c>
      <c r="AT10" s="259">
        <v>3724</v>
      </c>
      <c r="AU10" s="253">
        <v>0</v>
      </c>
      <c r="AV10" s="257">
        <v>0</v>
      </c>
      <c r="AW10" s="254">
        <v>0</v>
      </c>
      <c r="AX10" s="256">
        <v>0</v>
      </c>
      <c r="AY10" s="257">
        <v>14314</v>
      </c>
      <c r="AZ10" s="257">
        <v>9580</v>
      </c>
      <c r="BA10" s="257">
        <v>4965</v>
      </c>
      <c r="BB10" s="257">
        <v>2979</v>
      </c>
      <c r="BC10" s="257">
        <v>1531</v>
      </c>
      <c r="BD10" s="258">
        <v>33369</v>
      </c>
      <c r="BE10" s="259">
        <v>33369</v>
      </c>
      <c r="BF10" s="253">
        <v>0</v>
      </c>
      <c r="BG10" s="257">
        <v>0</v>
      </c>
      <c r="BH10" s="254">
        <v>0</v>
      </c>
      <c r="BI10" s="256">
        <v>0</v>
      </c>
      <c r="BJ10" s="257">
        <v>2041</v>
      </c>
      <c r="BK10" s="257">
        <v>1655</v>
      </c>
      <c r="BL10" s="257">
        <v>1114</v>
      </c>
      <c r="BM10" s="257">
        <v>487</v>
      </c>
      <c r="BN10" s="257">
        <v>165</v>
      </c>
      <c r="BO10" s="254">
        <v>5462</v>
      </c>
      <c r="BP10" s="259">
        <v>5462</v>
      </c>
      <c r="BQ10" s="253">
        <v>2</v>
      </c>
      <c r="BR10" s="257">
        <v>7</v>
      </c>
      <c r="BS10" s="254">
        <v>9</v>
      </c>
      <c r="BT10" s="256">
        <v>0</v>
      </c>
      <c r="BU10" s="257">
        <v>1693</v>
      </c>
      <c r="BV10" s="257">
        <v>2419</v>
      </c>
      <c r="BW10" s="257">
        <v>2952</v>
      </c>
      <c r="BX10" s="257">
        <v>2176</v>
      </c>
      <c r="BY10" s="257">
        <v>1191</v>
      </c>
      <c r="BZ10" s="254">
        <v>10431</v>
      </c>
      <c r="CA10" s="259">
        <v>10440</v>
      </c>
      <c r="CB10" s="253">
        <v>0</v>
      </c>
      <c r="CC10" s="257">
        <v>0</v>
      </c>
      <c r="CD10" s="254">
        <v>0</v>
      </c>
      <c r="CE10" s="256">
        <v>0</v>
      </c>
      <c r="CF10" s="257">
        <v>113</v>
      </c>
      <c r="CG10" s="257">
        <v>130</v>
      </c>
      <c r="CH10" s="257">
        <v>149</v>
      </c>
      <c r="CI10" s="257">
        <v>129</v>
      </c>
      <c r="CJ10" s="257">
        <v>84</v>
      </c>
      <c r="CK10" s="254">
        <v>605</v>
      </c>
      <c r="CL10" s="259">
        <v>605</v>
      </c>
      <c r="CM10" s="253">
        <v>0</v>
      </c>
      <c r="CN10" s="257">
        <v>0</v>
      </c>
      <c r="CO10" s="254">
        <v>0</v>
      </c>
      <c r="CP10" s="256">
        <v>0</v>
      </c>
      <c r="CQ10" s="257">
        <v>0</v>
      </c>
      <c r="CR10" s="257">
        <v>0</v>
      </c>
      <c r="CS10" s="257">
        <v>0</v>
      </c>
      <c r="CT10" s="257">
        <v>0</v>
      </c>
      <c r="CU10" s="257">
        <v>0</v>
      </c>
      <c r="CV10" s="254">
        <v>0</v>
      </c>
      <c r="CW10" s="259">
        <v>0</v>
      </c>
      <c r="CX10" s="253">
        <v>0</v>
      </c>
      <c r="CY10" s="257">
        <v>0</v>
      </c>
      <c r="CZ10" s="254">
        <v>0</v>
      </c>
      <c r="DA10" s="256">
        <v>0</v>
      </c>
      <c r="DB10" s="257">
        <v>0</v>
      </c>
      <c r="DC10" s="257">
        <v>0</v>
      </c>
      <c r="DD10" s="257">
        <v>0</v>
      </c>
      <c r="DE10" s="257">
        <v>0</v>
      </c>
      <c r="DF10" s="257">
        <v>0</v>
      </c>
      <c r="DG10" s="254">
        <v>0</v>
      </c>
      <c r="DH10" s="259">
        <v>0</v>
      </c>
    </row>
    <row r="11" spans="2:112" ht="21" customHeight="1" x14ac:dyDescent="0.2">
      <c r="B11" s="437" t="s">
        <v>8</v>
      </c>
      <c r="C11" s="253">
        <v>0</v>
      </c>
      <c r="D11" s="257">
        <v>0</v>
      </c>
      <c r="E11" s="340">
        <v>0</v>
      </c>
      <c r="F11" s="256">
        <v>0</v>
      </c>
      <c r="G11" s="257">
        <v>6014</v>
      </c>
      <c r="H11" s="257">
        <v>11495</v>
      </c>
      <c r="I11" s="257">
        <v>14220</v>
      </c>
      <c r="J11" s="257">
        <v>17113</v>
      </c>
      <c r="K11" s="257">
        <v>17457</v>
      </c>
      <c r="L11" s="258">
        <v>66299</v>
      </c>
      <c r="M11" s="259">
        <v>66299</v>
      </c>
      <c r="N11" s="253">
        <v>0</v>
      </c>
      <c r="O11" s="257">
        <v>0</v>
      </c>
      <c r="P11" s="254">
        <v>0</v>
      </c>
      <c r="Q11" s="256">
        <v>0</v>
      </c>
      <c r="R11" s="257">
        <v>22</v>
      </c>
      <c r="S11" s="257">
        <v>74</v>
      </c>
      <c r="T11" s="257">
        <v>112</v>
      </c>
      <c r="U11" s="257">
        <v>252</v>
      </c>
      <c r="V11" s="257">
        <v>485</v>
      </c>
      <c r="W11" s="254">
        <v>945</v>
      </c>
      <c r="X11" s="259">
        <v>945</v>
      </c>
      <c r="Y11" s="253">
        <v>244</v>
      </c>
      <c r="Z11" s="257">
        <v>387</v>
      </c>
      <c r="AA11" s="254">
        <v>631</v>
      </c>
      <c r="AB11" s="256">
        <v>0</v>
      </c>
      <c r="AC11" s="257">
        <v>1897</v>
      </c>
      <c r="AD11" s="257">
        <v>2807</v>
      </c>
      <c r="AE11" s="257">
        <v>1902</v>
      </c>
      <c r="AF11" s="257">
        <v>1704</v>
      </c>
      <c r="AG11" s="257">
        <v>1799</v>
      </c>
      <c r="AH11" s="254">
        <v>10109</v>
      </c>
      <c r="AI11" s="259">
        <v>10740</v>
      </c>
      <c r="AJ11" s="253">
        <v>112</v>
      </c>
      <c r="AK11" s="257">
        <v>250</v>
      </c>
      <c r="AL11" s="254">
        <v>362</v>
      </c>
      <c r="AM11" s="256">
        <v>0</v>
      </c>
      <c r="AN11" s="257">
        <v>878</v>
      </c>
      <c r="AO11" s="257">
        <v>1191</v>
      </c>
      <c r="AP11" s="257">
        <v>593</v>
      </c>
      <c r="AQ11" s="257">
        <v>672</v>
      </c>
      <c r="AR11" s="257">
        <v>362</v>
      </c>
      <c r="AS11" s="254">
        <v>3696</v>
      </c>
      <c r="AT11" s="259">
        <v>4058</v>
      </c>
      <c r="AU11" s="253">
        <v>0</v>
      </c>
      <c r="AV11" s="257">
        <v>0</v>
      </c>
      <c r="AW11" s="254">
        <v>0</v>
      </c>
      <c r="AX11" s="256">
        <v>0</v>
      </c>
      <c r="AY11" s="257">
        <v>5209</v>
      </c>
      <c r="AZ11" s="257">
        <v>6347</v>
      </c>
      <c r="BA11" s="257">
        <v>4108</v>
      </c>
      <c r="BB11" s="257">
        <v>2819</v>
      </c>
      <c r="BC11" s="257">
        <v>1314</v>
      </c>
      <c r="BD11" s="258">
        <v>19797</v>
      </c>
      <c r="BE11" s="259">
        <v>19797</v>
      </c>
      <c r="BF11" s="253">
        <v>0</v>
      </c>
      <c r="BG11" s="257">
        <v>0</v>
      </c>
      <c r="BH11" s="254">
        <v>0</v>
      </c>
      <c r="BI11" s="256">
        <v>0</v>
      </c>
      <c r="BJ11" s="257">
        <v>1058</v>
      </c>
      <c r="BK11" s="257">
        <v>1251</v>
      </c>
      <c r="BL11" s="257">
        <v>724</v>
      </c>
      <c r="BM11" s="257">
        <v>475</v>
      </c>
      <c r="BN11" s="257">
        <v>158</v>
      </c>
      <c r="BO11" s="254">
        <v>3666</v>
      </c>
      <c r="BP11" s="259">
        <v>3666</v>
      </c>
      <c r="BQ11" s="253">
        <v>0</v>
      </c>
      <c r="BR11" s="257">
        <v>52</v>
      </c>
      <c r="BS11" s="254">
        <v>52</v>
      </c>
      <c r="BT11" s="256">
        <v>0</v>
      </c>
      <c r="BU11" s="257">
        <v>597</v>
      </c>
      <c r="BV11" s="257">
        <v>1382</v>
      </c>
      <c r="BW11" s="257">
        <v>2939</v>
      </c>
      <c r="BX11" s="257">
        <v>1759</v>
      </c>
      <c r="BY11" s="257">
        <v>694</v>
      </c>
      <c r="BZ11" s="254">
        <v>7371</v>
      </c>
      <c r="CA11" s="259">
        <v>7423</v>
      </c>
      <c r="CB11" s="253">
        <v>0</v>
      </c>
      <c r="CC11" s="257">
        <v>0</v>
      </c>
      <c r="CD11" s="254">
        <v>0</v>
      </c>
      <c r="CE11" s="256">
        <v>0</v>
      </c>
      <c r="CF11" s="257">
        <v>2</v>
      </c>
      <c r="CG11" s="257">
        <v>71</v>
      </c>
      <c r="CH11" s="257">
        <v>25</v>
      </c>
      <c r="CI11" s="257">
        <v>46</v>
      </c>
      <c r="CJ11" s="257">
        <v>10</v>
      </c>
      <c r="CK11" s="254">
        <v>154</v>
      </c>
      <c r="CL11" s="259">
        <v>154</v>
      </c>
      <c r="CM11" s="253">
        <v>0</v>
      </c>
      <c r="CN11" s="257">
        <v>0</v>
      </c>
      <c r="CO11" s="254">
        <v>0</v>
      </c>
      <c r="CP11" s="256">
        <v>0</v>
      </c>
      <c r="CQ11" s="257">
        <v>0</v>
      </c>
      <c r="CR11" s="257">
        <v>0</v>
      </c>
      <c r="CS11" s="257">
        <v>0</v>
      </c>
      <c r="CT11" s="257">
        <v>0</v>
      </c>
      <c r="CU11" s="257">
        <v>0</v>
      </c>
      <c r="CV11" s="254">
        <v>0</v>
      </c>
      <c r="CW11" s="259">
        <v>0</v>
      </c>
      <c r="CX11" s="253">
        <v>0</v>
      </c>
      <c r="CY11" s="257">
        <v>0</v>
      </c>
      <c r="CZ11" s="254">
        <v>0</v>
      </c>
      <c r="DA11" s="256">
        <v>0</v>
      </c>
      <c r="DB11" s="257">
        <v>0</v>
      </c>
      <c r="DC11" s="257">
        <v>0</v>
      </c>
      <c r="DD11" s="257">
        <v>0</v>
      </c>
      <c r="DE11" s="257">
        <v>0</v>
      </c>
      <c r="DF11" s="257">
        <v>0</v>
      </c>
      <c r="DG11" s="254">
        <v>0</v>
      </c>
      <c r="DH11" s="259">
        <v>0</v>
      </c>
    </row>
    <row r="12" spans="2:112" ht="21" customHeight="1" x14ac:dyDescent="0.2">
      <c r="B12" s="437" t="s">
        <v>9</v>
      </c>
      <c r="C12" s="253">
        <v>0</v>
      </c>
      <c r="D12" s="257">
        <v>0</v>
      </c>
      <c r="E12" s="340">
        <v>0</v>
      </c>
      <c r="F12" s="256">
        <v>0</v>
      </c>
      <c r="G12" s="257">
        <v>6690</v>
      </c>
      <c r="H12" s="257">
        <v>8222</v>
      </c>
      <c r="I12" s="257">
        <v>12321</v>
      </c>
      <c r="J12" s="257">
        <v>16027</v>
      </c>
      <c r="K12" s="257">
        <v>15031</v>
      </c>
      <c r="L12" s="258">
        <v>58291</v>
      </c>
      <c r="M12" s="259">
        <v>58291</v>
      </c>
      <c r="N12" s="253">
        <v>0</v>
      </c>
      <c r="O12" s="257">
        <v>0</v>
      </c>
      <c r="P12" s="254">
        <v>0</v>
      </c>
      <c r="Q12" s="256">
        <v>0</v>
      </c>
      <c r="R12" s="257">
        <v>8</v>
      </c>
      <c r="S12" s="257">
        <v>24</v>
      </c>
      <c r="T12" s="257">
        <v>76</v>
      </c>
      <c r="U12" s="257">
        <v>282</v>
      </c>
      <c r="V12" s="257">
        <v>517</v>
      </c>
      <c r="W12" s="254">
        <v>907</v>
      </c>
      <c r="X12" s="259">
        <v>907</v>
      </c>
      <c r="Y12" s="253">
        <v>307</v>
      </c>
      <c r="Z12" s="257">
        <v>594</v>
      </c>
      <c r="AA12" s="254">
        <v>901</v>
      </c>
      <c r="AB12" s="256">
        <v>0</v>
      </c>
      <c r="AC12" s="257">
        <v>3423</v>
      </c>
      <c r="AD12" s="257">
        <v>3288</v>
      </c>
      <c r="AE12" s="257">
        <v>2414</v>
      </c>
      <c r="AF12" s="257">
        <v>2409</v>
      </c>
      <c r="AG12" s="257">
        <v>2389</v>
      </c>
      <c r="AH12" s="254">
        <v>13923</v>
      </c>
      <c r="AI12" s="259">
        <v>14824</v>
      </c>
      <c r="AJ12" s="253">
        <v>44</v>
      </c>
      <c r="AK12" s="257">
        <v>156</v>
      </c>
      <c r="AL12" s="254">
        <v>200</v>
      </c>
      <c r="AM12" s="256">
        <v>0</v>
      </c>
      <c r="AN12" s="257">
        <v>431</v>
      </c>
      <c r="AO12" s="257">
        <v>623</v>
      </c>
      <c r="AP12" s="257">
        <v>453</v>
      </c>
      <c r="AQ12" s="257">
        <v>463</v>
      </c>
      <c r="AR12" s="257">
        <v>298</v>
      </c>
      <c r="AS12" s="254">
        <v>2268</v>
      </c>
      <c r="AT12" s="259">
        <v>2468</v>
      </c>
      <c r="AU12" s="253">
        <v>0</v>
      </c>
      <c r="AV12" s="257">
        <v>0</v>
      </c>
      <c r="AW12" s="254">
        <v>0</v>
      </c>
      <c r="AX12" s="256">
        <v>0</v>
      </c>
      <c r="AY12" s="257">
        <v>4457</v>
      </c>
      <c r="AZ12" s="257">
        <v>3332</v>
      </c>
      <c r="BA12" s="257">
        <v>2529</v>
      </c>
      <c r="BB12" s="257">
        <v>1506</v>
      </c>
      <c r="BC12" s="257">
        <v>507</v>
      </c>
      <c r="BD12" s="258">
        <v>12331</v>
      </c>
      <c r="BE12" s="259">
        <v>12331</v>
      </c>
      <c r="BF12" s="253">
        <v>0</v>
      </c>
      <c r="BG12" s="257">
        <v>0</v>
      </c>
      <c r="BH12" s="254">
        <v>0</v>
      </c>
      <c r="BI12" s="256">
        <v>0</v>
      </c>
      <c r="BJ12" s="257">
        <v>1002</v>
      </c>
      <c r="BK12" s="257">
        <v>895</v>
      </c>
      <c r="BL12" s="257">
        <v>652</v>
      </c>
      <c r="BM12" s="257">
        <v>551</v>
      </c>
      <c r="BN12" s="257">
        <v>162</v>
      </c>
      <c r="BO12" s="254">
        <v>3262</v>
      </c>
      <c r="BP12" s="259">
        <v>3262</v>
      </c>
      <c r="BQ12" s="253">
        <v>3</v>
      </c>
      <c r="BR12" s="257">
        <v>26</v>
      </c>
      <c r="BS12" s="254">
        <v>29</v>
      </c>
      <c r="BT12" s="256">
        <v>0</v>
      </c>
      <c r="BU12" s="257">
        <v>577</v>
      </c>
      <c r="BV12" s="257">
        <v>841</v>
      </c>
      <c r="BW12" s="257">
        <v>1427</v>
      </c>
      <c r="BX12" s="257">
        <v>1057</v>
      </c>
      <c r="BY12" s="257">
        <v>707</v>
      </c>
      <c r="BZ12" s="254">
        <v>4609</v>
      </c>
      <c r="CA12" s="259">
        <v>4638</v>
      </c>
      <c r="CB12" s="253">
        <v>0</v>
      </c>
      <c r="CC12" s="257">
        <v>6</v>
      </c>
      <c r="CD12" s="254">
        <v>6</v>
      </c>
      <c r="CE12" s="256">
        <v>0</v>
      </c>
      <c r="CF12" s="257">
        <v>82</v>
      </c>
      <c r="CG12" s="257">
        <v>83</v>
      </c>
      <c r="CH12" s="257">
        <v>237</v>
      </c>
      <c r="CI12" s="257">
        <v>201</v>
      </c>
      <c r="CJ12" s="257">
        <v>62</v>
      </c>
      <c r="CK12" s="254">
        <v>665</v>
      </c>
      <c r="CL12" s="259">
        <v>671</v>
      </c>
      <c r="CM12" s="253">
        <v>0</v>
      </c>
      <c r="CN12" s="257">
        <v>0</v>
      </c>
      <c r="CO12" s="254">
        <v>0</v>
      </c>
      <c r="CP12" s="256">
        <v>0</v>
      </c>
      <c r="CQ12" s="257">
        <v>0</v>
      </c>
      <c r="CR12" s="257">
        <v>0</v>
      </c>
      <c r="CS12" s="257">
        <v>0</v>
      </c>
      <c r="CT12" s="257">
        <v>0</v>
      </c>
      <c r="CU12" s="257">
        <v>0</v>
      </c>
      <c r="CV12" s="254">
        <v>0</v>
      </c>
      <c r="CW12" s="259">
        <v>0</v>
      </c>
      <c r="CX12" s="253">
        <v>0</v>
      </c>
      <c r="CY12" s="257">
        <v>0</v>
      </c>
      <c r="CZ12" s="254">
        <v>0</v>
      </c>
      <c r="DA12" s="256">
        <v>0</v>
      </c>
      <c r="DB12" s="257">
        <v>0</v>
      </c>
      <c r="DC12" s="257">
        <v>0</v>
      </c>
      <c r="DD12" s="257">
        <v>0</v>
      </c>
      <c r="DE12" s="257">
        <v>0</v>
      </c>
      <c r="DF12" s="257">
        <v>0</v>
      </c>
      <c r="DG12" s="254">
        <v>0</v>
      </c>
      <c r="DH12" s="259">
        <v>0</v>
      </c>
    </row>
    <row r="13" spans="2:112" ht="21" customHeight="1" x14ac:dyDescent="0.2">
      <c r="B13" s="437" t="s">
        <v>10</v>
      </c>
      <c r="C13" s="253">
        <v>0</v>
      </c>
      <c r="D13" s="257">
        <v>0</v>
      </c>
      <c r="E13" s="340">
        <v>0</v>
      </c>
      <c r="F13" s="256">
        <v>0</v>
      </c>
      <c r="G13" s="257">
        <v>16883</v>
      </c>
      <c r="H13" s="257">
        <v>16960</v>
      </c>
      <c r="I13" s="257">
        <v>22408</v>
      </c>
      <c r="J13" s="257">
        <v>28163</v>
      </c>
      <c r="K13" s="257">
        <v>24671</v>
      </c>
      <c r="L13" s="258">
        <v>109085</v>
      </c>
      <c r="M13" s="259">
        <v>109085</v>
      </c>
      <c r="N13" s="253">
        <v>0</v>
      </c>
      <c r="O13" s="257">
        <v>2</v>
      </c>
      <c r="P13" s="254">
        <v>2</v>
      </c>
      <c r="Q13" s="256">
        <v>0</v>
      </c>
      <c r="R13" s="257">
        <v>25</v>
      </c>
      <c r="S13" s="257">
        <v>119</v>
      </c>
      <c r="T13" s="257">
        <v>175</v>
      </c>
      <c r="U13" s="257">
        <v>392</v>
      </c>
      <c r="V13" s="257">
        <v>925</v>
      </c>
      <c r="W13" s="254">
        <v>1636</v>
      </c>
      <c r="X13" s="259">
        <v>1638</v>
      </c>
      <c r="Y13" s="253">
        <v>1072</v>
      </c>
      <c r="Z13" s="257">
        <v>2094</v>
      </c>
      <c r="AA13" s="254">
        <v>3166</v>
      </c>
      <c r="AB13" s="256">
        <v>0</v>
      </c>
      <c r="AC13" s="257">
        <v>8174</v>
      </c>
      <c r="AD13" s="257">
        <v>5790</v>
      </c>
      <c r="AE13" s="257">
        <v>3416</v>
      </c>
      <c r="AF13" s="257">
        <v>3563</v>
      </c>
      <c r="AG13" s="257">
        <v>3419</v>
      </c>
      <c r="AH13" s="254">
        <v>24362</v>
      </c>
      <c r="AI13" s="259">
        <v>27528</v>
      </c>
      <c r="AJ13" s="253">
        <v>248</v>
      </c>
      <c r="AK13" s="257">
        <v>534</v>
      </c>
      <c r="AL13" s="254">
        <v>782</v>
      </c>
      <c r="AM13" s="256">
        <v>0</v>
      </c>
      <c r="AN13" s="257">
        <v>1041</v>
      </c>
      <c r="AO13" s="257">
        <v>1140</v>
      </c>
      <c r="AP13" s="257">
        <v>770</v>
      </c>
      <c r="AQ13" s="257">
        <v>403</v>
      </c>
      <c r="AR13" s="257">
        <v>585</v>
      </c>
      <c r="AS13" s="254">
        <v>3939</v>
      </c>
      <c r="AT13" s="259">
        <v>4721</v>
      </c>
      <c r="AU13" s="253">
        <v>0</v>
      </c>
      <c r="AV13" s="257">
        <v>0</v>
      </c>
      <c r="AW13" s="254">
        <v>0</v>
      </c>
      <c r="AX13" s="256">
        <v>0</v>
      </c>
      <c r="AY13" s="257">
        <v>13626</v>
      </c>
      <c r="AZ13" s="257">
        <v>8583</v>
      </c>
      <c r="BA13" s="257">
        <v>5611</v>
      </c>
      <c r="BB13" s="257">
        <v>3223</v>
      </c>
      <c r="BC13" s="257">
        <v>1379</v>
      </c>
      <c r="BD13" s="258">
        <v>32422</v>
      </c>
      <c r="BE13" s="259">
        <v>32422</v>
      </c>
      <c r="BF13" s="253">
        <v>0</v>
      </c>
      <c r="BG13" s="257">
        <v>0</v>
      </c>
      <c r="BH13" s="254">
        <v>0</v>
      </c>
      <c r="BI13" s="256">
        <v>0</v>
      </c>
      <c r="BJ13" s="257">
        <v>1955</v>
      </c>
      <c r="BK13" s="257">
        <v>1492</v>
      </c>
      <c r="BL13" s="257">
        <v>729</v>
      </c>
      <c r="BM13" s="257">
        <v>483</v>
      </c>
      <c r="BN13" s="257">
        <v>208</v>
      </c>
      <c r="BO13" s="254">
        <v>4867</v>
      </c>
      <c r="BP13" s="259">
        <v>4867</v>
      </c>
      <c r="BQ13" s="253">
        <v>22</v>
      </c>
      <c r="BR13" s="257">
        <v>114</v>
      </c>
      <c r="BS13" s="254">
        <v>136</v>
      </c>
      <c r="BT13" s="256">
        <v>0</v>
      </c>
      <c r="BU13" s="257">
        <v>1426</v>
      </c>
      <c r="BV13" s="257">
        <v>1647</v>
      </c>
      <c r="BW13" s="257">
        <v>2316</v>
      </c>
      <c r="BX13" s="257">
        <v>1929</v>
      </c>
      <c r="BY13" s="257">
        <v>1002</v>
      </c>
      <c r="BZ13" s="254">
        <v>8320</v>
      </c>
      <c r="CA13" s="259">
        <v>8456</v>
      </c>
      <c r="CB13" s="253">
        <v>0</v>
      </c>
      <c r="CC13" s="257">
        <v>13</v>
      </c>
      <c r="CD13" s="254">
        <v>13</v>
      </c>
      <c r="CE13" s="256">
        <v>0</v>
      </c>
      <c r="CF13" s="257">
        <v>63</v>
      </c>
      <c r="CG13" s="257">
        <v>62</v>
      </c>
      <c r="CH13" s="257">
        <v>92</v>
      </c>
      <c r="CI13" s="257">
        <v>88</v>
      </c>
      <c r="CJ13" s="257">
        <v>64</v>
      </c>
      <c r="CK13" s="254">
        <v>369</v>
      </c>
      <c r="CL13" s="259">
        <v>382</v>
      </c>
      <c r="CM13" s="253">
        <v>0</v>
      </c>
      <c r="CN13" s="257">
        <v>0</v>
      </c>
      <c r="CO13" s="254">
        <v>0</v>
      </c>
      <c r="CP13" s="256">
        <v>0</v>
      </c>
      <c r="CQ13" s="257">
        <v>0</v>
      </c>
      <c r="CR13" s="257">
        <v>0</v>
      </c>
      <c r="CS13" s="257">
        <v>0</v>
      </c>
      <c r="CT13" s="257">
        <v>0</v>
      </c>
      <c r="CU13" s="257">
        <v>0</v>
      </c>
      <c r="CV13" s="254">
        <v>0</v>
      </c>
      <c r="CW13" s="259">
        <v>0</v>
      </c>
      <c r="CX13" s="253">
        <v>0</v>
      </c>
      <c r="CY13" s="257">
        <v>0</v>
      </c>
      <c r="CZ13" s="254">
        <v>0</v>
      </c>
      <c r="DA13" s="256">
        <v>0</v>
      </c>
      <c r="DB13" s="257">
        <v>0</v>
      </c>
      <c r="DC13" s="257">
        <v>0</v>
      </c>
      <c r="DD13" s="257">
        <v>0</v>
      </c>
      <c r="DE13" s="257">
        <v>0</v>
      </c>
      <c r="DF13" s="257">
        <v>0</v>
      </c>
      <c r="DG13" s="254">
        <v>0</v>
      </c>
      <c r="DH13" s="259">
        <v>0</v>
      </c>
    </row>
    <row r="14" spans="2:112" ht="21" customHeight="1" x14ac:dyDescent="0.2">
      <c r="B14" s="437" t="s">
        <v>11</v>
      </c>
      <c r="C14" s="253">
        <v>0</v>
      </c>
      <c r="D14" s="257">
        <v>0</v>
      </c>
      <c r="E14" s="340">
        <v>0</v>
      </c>
      <c r="F14" s="256">
        <v>0</v>
      </c>
      <c r="G14" s="257">
        <v>5445</v>
      </c>
      <c r="H14" s="257">
        <v>7266</v>
      </c>
      <c r="I14" s="257">
        <v>8795</v>
      </c>
      <c r="J14" s="257">
        <v>11000</v>
      </c>
      <c r="K14" s="257">
        <v>10787</v>
      </c>
      <c r="L14" s="258">
        <v>43293</v>
      </c>
      <c r="M14" s="259">
        <v>43293</v>
      </c>
      <c r="N14" s="253">
        <v>0</v>
      </c>
      <c r="O14" s="257">
        <v>0</v>
      </c>
      <c r="P14" s="254">
        <v>0</v>
      </c>
      <c r="Q14" s="256">
        <v>0</v>
      </c>
      <c r="R14" s="257">
        <v>16</v>
      </c>
      <c r="S14" s="257">
        <v>34</v>
      </c>
      <c r="T14" s="257">
        <v>108</v>
      </c>
      <c r="U14" s="257">
        <v>335</v>
      </c>
      <c r="V14" s="257">
        <v>339</v>
      </c>
      <c r="W14" s="254">
        <v>832</v>
      </c>
      <c r="X14" s="259">
        <v>832</v>
      </c>
      <c r="Y14" s="253">
        <v>251</v>
      </c>
      <c r="Z14" s="257">
        <v>379</v>
      </c>
      <c r="AA14" s="254">
        <v>630</v>
      </c>
      <c r="AB14" s="256">
        <v>0</v>
      </c>
      <c r="AC14" s="257">
        <v>3046</v>
      </c>
      <c r="AD14" s="257">
        <v>2235</v>
      </c>
      <c r="AE14" s="257">
        <v>2172</v>
      </c>
      <c r="AF14" s="257">
        <v>2539</v>
      </c>
      <c r="AG14" s="257">
        <v>1450</v>
      </c>
      <c r="AH14" s="254">
        <v>11442</v>
      </c>
      <c r="AI14" s="259">
        <v>12072</v>
      </c>
      <c r="AJ14" s="253">
        <v>33</v>
      </c>
      <c r="AK14" s="257">
        <v>70</v>
      </c>
      <c r="AL14" s="254">
        <v>103</v>
      </c>
      <c r="AM14" s="256">
        <v>0</v>
      </c>
      <c r="AN14" s="257">
        <v>374</v>
      </c>
      <c r="AO14" s="257">
        <v>263</v>
      </c>
      <c r="AP14" s="257">
        <v>377</v>
      </c>
      <c r="AQ14" s="257">
        <v>340</v>
      </c>
      <c r="AR14" s="257">
        <v>106</v>
      </c>
      <c r="AS14" s="254">
        <v>1460</v>
      </c>
      <c r="AT14" s="259">
        <v>1563</v>
      </c>
      <c r="AU14" s="253">
        <v>0</v>
      </c>
      <c r="AV14" s="257">
        <v>0</v>
      </c>
      <c r="AW14" s="254">
        <v>0</v>
      </c>
      <c r="AX14" s="256">
        <v>0</v>
      </c>
      <c r="AY14" s="257">
        <v>6141</v>
      </c>
      <c r="AZ14" s="257">
        <v>4129</v>
      </c>
      <c r="BA14" s="257">
        <v>3224</v>
      </c>
      <c r="BB14" s="257">
        <v>2427</v>
      </c>
      <c r="BC14" s="257">
        <v>937</v>
      </c>
      <c r="BD14" s="258">
        <v>16858</v>
      </c>
      <c r="BE14" s="259">
        <v>16858</v>
      </c>
      <c r="BF14" s="253">
        <v>0</v>
      </c>
      <c r="BG14" s="257">
        <v>0</v>
      </c>
      <c r="BH14" s="254">
        <v>0</v>
      </c>
      <c r="BI14" s="256">
        <v>0</v>
      </c>
      <c r="BJ14" s="257">
        <v>1516</v>
      </c>
      <c r="BK14" s="257">
        <v>1114</v>
      </c>
      <c r="BL14" s="257">
        <v>742</v>
      </c>
      <c r="BM14" s="257">
        <v>549</v>
      </c>
      <c r="BN14" s="257">
        <v>162</v>
      </c>
      <c r="BO14" s="254">
        <v>4083</v>
      </c>
      <c r="BP14" s="259">
        <v>4083</v>
      </c>
      <c r="BQ14" s="253">
        <v>28</v>
      </c>
      <c r="BR14" s="257">
        <v>54</v>
      </c>
      <c r="BS14" s="254">
        <v>82</v>
      </c>
      <c r="BT14" s="256">
        <v>0</v>
      </c>
      <c r="BU14" s="257">
        <v>737</v>
      </c>
      <c r="BV14" s="257">
        <v>611</v>
      </c>
      <c r="BW14" s="257">
        <v>1492</v>
      </c>
      <c r="BX14" s="257">
        <v>1083</v>
      </c>
      <c r="BY14" s="257">
        <v>420</v>
      </c>
      <c r="BZ14" s="254">
        <v>4343</v>
      </c>
      <c r="CA14" s="259">
        <v>4425</v>
      </c>
      <c r="CB14" s="253">
        <v>0</v>
      </c>
      <c r="CC14" s="257">
        <v>8</v>
      </c>
      <c r="CD14" s="254">
        <v>8</v>
      </c>
      <c r="CE14" s="256">
        <v>0</v>
      </c>
      <c r="CF14" s="257">
        <v>31</v>
      </c>
      <c r="CG14" s="257">
        <v>67</v>
      </c>
      <c r="CH14" s="257">
        <v>49</v>
      </c>
      <c r="CI14" s="257">
        <v>44</v>
      </c>
      <c r="CJ14" s="257">
        <v>59</v>
      </c>
      <c r="CK14" s="254">
        <v>250</v>
      </c>
      <c r="CL14" s="259">
        <v>258</v>
      </c>
      <c r="CM14" s="253">
        <v>0</v>
      </c>
      <c r="CN14" s="257">
        <v>0</v>
      </c>
      <c r="CO14" s="254">
        <v>0</v>
      </c>
      <c r="CP14" s="256">
        <v>0</v>
      </c>
      <c r="CQ14" s="257">
        <v>0</v>
      </c>
      <c r="CR14" s="257">
        <v>0</v>
      </c>
      <c r="CS14" s="257">
        <v>0</v>
      </c>
      <c r="CT14" s="257">
        <v>0</v>
      </c>
      <c r="CU14" s="257">
        <v>0</v>
      </c>
      <c r="CV14" s="254">
        <v>0</v>
      </c>
      <c r="CW14" s="259">
        <v>0</v>
      </c>
      <c r="CX14" s="253">
        <v>0</v>
      </c>
      <c r="CY14" s="257">
        <v>0</v>
      </c>
      <c r="CZ14" s="254">
        <v>0</v>
      </c>
      <c r="DA14" s="256">
        <v>0</v>
      </c>
      <c r="DB14" s="257">
        <v>0</v>
      </c>
      <c r="DC14" s="257">
        <v>0</v>
      </c>
      <c r="DD14" s="257">
        <v>0</v>
      </c>
      <c r="DE14" s="257">
        <v>0</v>
      </c>
      <c r="DF14" s="257">
        <v>0</v>
      </c>
      <c r="DG14" s="254">
        <v>0</v>
      </c>
      <c r="DH14" s="259">
        <v>0</v>
      </c>
    </row>
    <row r="15" spans="2:112" ht="21" customHeight="1" x14ac:dyDescent="0.2">
      <c r="B15" s="437" t="s">
        <v>12</v>
      </c>
      <c r="C15" s="253">
        <v>0</v>
      </c>
      <c r="D15" s="257">
        <v>0</v>
      </c>
      <c r="E15" s="340">
        <v>0</v>
      </c>
      <c r="F15" s="256">
        <v>0</v>
      </c>
      <c r="G15" s="257">
        <v>6295</v>
      </c>
      <c r="H15" s="257">
        <v>9031</v>
      </c>
      <c r="I15" s="257">
        <v>10672</v>
      </c>
      <c r="J15" s="257">
        <v>14959</v>
      </c>
      <c r="K15" s="257">
        <v>13529</v>
      </c>
      <c r="L15" s="258">
        <v>54486</v>
      </c>
      <c r="M15" s="259">
        <v>54486</v>
      </c>
      <c r="N15" s="253">
        <v>0</v>
      </c>
      <c r="O15" s="257">
        <v>18</v>
      </c>
      <c r="P15" s="254">
        <v>18</v>
      </c>
      <c r="Q15" s="256">
        <v>0</v>
      </c>
      <c r="R15" s="257">
        <v>8</v>
      </c>
      <c r="S15" s="257">
        <v>65</v>
      </c>
      <c r="T15" s="257">
        <v>86</v>
      </c>
      <c r="U15" s="257">
        <v>313</v>
      </c>
      <c r="V15" s="257">
        <v>414</v>
      </c>
      <c r="W15" s="254">
        <v>886</v>
      </c>
      <c r="X15" s="259">
        <v>904</v>
      </c>
      <c r="Y15" s="253">
        <v>633</v>
      </c>
      <c r="Z15" s="257">
        <v>2012</v>
      </c>
      <c r="AA15" s="254">
        <v>2645</v>
      </c>
      <c r="AB15" s="256">
        <v>0</v>
      </c>
      <c r="AC15" s="257">
        <v>2060</v>
      </c>
      <c r="AD15" s="257">
        <v>3322</v>
      </c>
      <c r="AE15" s="257">
        <v>2052</v>
      </c>
      <c r="AF15" s="257">
        <v>1837</v>
      </c>
      <c r="AG15" s="257">
        <v>1896</v>
      </c>
      <c r="AH15" s="254">
        <v>11167</v>
      </c>
      <c r="AI15" s="259">
        <v>13812</v>
      </c>
      <c r="AJ15" s="253">
        <v>47</v>
      </c>
      <c r="AK15" s="257">
        <v>261</v>
      </c>
      <c r="AL15" s="254">
        <v>308</v>
      </c>
      <c r="AM15" s="256">
        <v>0</v>
      </c>
      <c r="AN15" s="257">
        <v>159</v>
      </c>
      <c r="AO15" s="257">
        <v>572</v>
      </c>
      <c r="AP15" s="257">
        <v>323</v>
      </c>
      <c r="AQ15" s="257">
        <v>313</v>
      </c>
      <c r="AR15" s="257">
        <v>117</v>
      </c>
      <c r="AS15" s="254">
        <v>1484</v>
      </c>
      <c r="AT15" s="259">
        <v>1792</v>
      </c>
      <c r="AU15" s="253">
        <v>0</v>
      </c>
      <c r="AV15" s="257">
        <v>0</v>
      </c>
      <c r="AW15" s="254">
        <v>0</v>
      </c>
      <c r="AX15" s="256">
        <v>0</v>
      </c>
      <c r="AY15" s="257">
        <v>5827</v>
      </c>
      <c r="AZ15" s="257">
        <v>4742</v>
      </c>
      <c r="BA15" s="257">
        <v>3454</v>
      </c>
      <c r="BB15" s="257">
        <v>2437</v>
      </c>
      <c r="BC15" s="257">
        <v>1117</v>
      </c>
      <c r="BD15" s="258">
        <v>17577</v>
      </c>
      <c r="BE15" s="259">
        <v>17577</v>
      </c>
      <c r="BF15" s="253">
        <v>0</v>
      </c>
      <c r="BG15" s="257">
        <v>0</v>
      </c>
      <c r="BH15" s="254">
        <v>0</v>
      </c>
      <c r="BI15" s="256">
        <v>0</v>
      </c>
      <c r="BJ15" s="257">
        <v>965</v>
      </c>
      <c r="BK15" s="257">
        <v>1346</v>
      </c>
      <c r="BL15" s="257">
        <v>1036</v>
      </c>
      <c r="BM15" s="257">
        <v>602</v>
      </c>
      <c r="BN15" s="257">
        <v>198</v>
      </c>
      <c r="BO15" s="254">
        <v>4147</v>
      </c>
      <c r="BP15" s="259">
        <v>4147</v>
      </c>
      <c r="BQ15" s="253">
        <v>8</v>
      </c>
      <c r="BR15" s="257">
        <v>59</v>
      </c>
      <c r="BS15" s="254">
        <v>67</v>
      </c>
      <c r="BT15" s="256">
        <v>0</v>
      </c>
      <c r="BU15" s="257">
        <v>723</v>
      </c>
      <c r="BV15" s="257">
        <v>949</v>
      </c>
      <c r="BW15" s="257">
        <v>1365</v>
      </c>
      <c r="BX15" s="257">
        <v>1300</v>
      </c>
      <c r="BY15" s="257">
        <v>737</v>
      </c>
      <c r="BZ15" s="254">
        <v>5074</v>
      </c>
      <c r="CA15" s="259">
        <v>5141</v>
      </c>
      <c r="CB15" s="253">
        <v>0</v>
      </c>
      <c r="CC15" s="257">
        <v>0</v>
      </c>
      <c r="CD15" s="254">
        <v>0</v>
      </c>
      <c r="CE15" s="256">
        <v>0</v>
      </c>
      <c r="CF15" s="257">
        <v>42</v>
      </c>
      <c r="CG15" s="257">
        <v>27</v>
      </c>
      <c r="CH15" s="257">
        <v>46</v>
      </c>
      <c r="CI15" s="257">
        <v>46</v>
      </c>
      <c r="CJ15" s="257">
        <v>26</v>
      </c>
      <c r="CK15" s="254">
        <v>187</v>
      </c>
      <c r="CL15" s="259">
        <v>187</v>
      </c>
      <c r="CM15" s="253">
        <v>0</v>
      </c>
      <c r="CN15" s="257">
        <v>0</v>
      </c>
      <c r="CO15" s="254">
        <v>0</v>
      </c>
      <c r="CP15" s="256">
        <v>0</v>
      </c>
      <c r="CQ15" s="257">
        <v>0</v>
      </c>
      <c r="CR15" s="257">
        <v>0</v>
      </c>
      <c r="CS15" s="257">
        <v>0</v>
      </c>
      <c r="CT15" s="257">
        <v>0</v>
      </c>
      <c r="CU15" s="257">
        <v>0</v>
      </c>
      <c r="CV15" s="254">
        <v>0</v>
      </c>
      <c r="CW15" s="259">
        <v>0</v>
      </c>
      <c r="CX15" s="253">
        <v>0</v>
      </c>
      <c r="CY15" s="257">
        <v>0</v>
      </c>
      <c r="CZ15" s="254">
        <v>0</v>
      </c>
      <c r="DA15" s="256">
        <v>0</v>
      </c>
      <c r="DB15" s="257">
        <v>0</v>
      </c>
      <c r="DC15" s="257">
        <v>0</v>
      </c>
      <c r="DD15" s="257">
        <v>0</v>
      </c>
      <c r="DE15" s="257">
        <v>0</v>
      </c>
      <c r="DF15" s="257">
        <v>0</v>
      </c>
      <c r="DG15" s="254">
        <v>0</v>
      </c>
      <c r="DH15" s="259">
        <v>0</v>
      </c>
    </row>
    <row r="16" spans="2:112" ht="21" customHeight="1" x14ac:dyDescent="0.2">
      <c r="B16" s="437" t="s">
        <v>13</v>
      </c>
      <c r="C16" s="253">
        <v>0</v>
      </c>
      <c r="D16" s="257">
        <v>0</v>
      </c>
      <c r="E16" s="340">
        <v>0</v>
      </c>
      <c r="F16" s="256">
        <v>0</v>
      </c>
      <c r="G16" s="257">
        <v>2374</v>
      </c>
      <c r="H16" s="257">
        <v>4016</v>
      </c>
      <c r="I16" s="257">
        <v>4151</v>
      </c>
      <c r="J16" s="257">
        <v>4414</v>
      </c>
      <c r="K16" s="257">
        <v>7253</v>
      </c>
      <c r="L16" s="258">
        <v>22208</v>
      </c>
      <c r="M16" s="259">
        <v>22208</v>
      </c>
      <c r="N16" s="253">
        <v>0</v>
      </c>
      <c r="O16" s="257">
        <v>0</v>
      </c>
      <c r="P16" s="254">
        <v>0</v>
      </c>
      <c r="Q16" s="256">
        <v>0</v>
      </c>
      <c r="R16" s="257">
        <v>0</v>
      </c>
      <c r="S16" s="257">
        <v>6</v>
      </c>
      <c r="T16" s="257">
        <v>18</v>
      </c>
      <c r="U16" s="257">
        <v>64</v>
      </c>
      <c r="V16" s="257">
        <v>201</v>
      </c>
      <c r="W16" s="254">
        <v>289</v>
      </c>
      <c r="X16" s="259">
        <v>289</v>
      </c>
      <c r="Y16" s="253">
        <v>36</v>
      </c>
      <c r="Z16" s="257">
        <v>189</v>
      </c>
      <c r="AA16" s="254">
        <v>225</v>
      </c>
      <c r="AB16" s="256">
        <v>0</v>
      </c>
      <c r="AC16" s="257">
        <v>965</v>
      </c>
      <c r="AD16" s="257">
        <v>1632</v>
      </c>
      <c r="AE16" s="257">
        <v>915</v>
      </c>
      <c r="AF16" s="257">
        <v>672</v>
      </c>
      <c r="AG16" s="257">
        <v>800</v>
      </c>
      <c r="AH16" s="254">
        <v>4984</v>
      </c>
      <c r="AI16" s="259">
        <v>5209</v>
      </c>
      <c r="AJ16" s="253">
        <v>12</v>
      </c>
      <c r="AK16" s="257">
        <v>36</v>
      </c>
      <c r="AL16" s="254">
        <v>48</v>
      </c>
      <c r="AM16" s="256">
        <v>0</v>
      </c>
      <c r="AN16" s="257">
        <v>181</v>
      </c>
      <c r="AO16" s="257">
        <v>221</v>
      </c>
      <c r="AP16" s="257">
        <v>120</v>
      </c>
      <c r="AQ16" s="257">
        <v>101</v>
      </c>
      <c r="AR16" s="257">
        <v>64</v>
      </c>
      <c r="AS16" s="254">
        <v>687</v>
      </c>
      <c r="AT16" s="259">
        <v>735</v>
      </c>
      <c r="AU16" s="253">
        <v>0</v>
      </c>
      <c r="AV16" s="257">
        <v>0</v>
      </c>
      <c r="AW16" s="254">
        <v>0</v>
      </c>
      <c r="AX16" s="256">
        <v>0</v>
      </c>
      <c r="AY16" s="257">
        <v>1465</v>
      </c>
      <c r="AZ16" s="257">
        <v>1776</v>
      </c>
      <c r="BA16" s="257">
        <v>1065</v>
      </c>
      <c r="BB16" s="257">
        <v>634</v>
      </c>
      <c r="BC16" s="257">
        <v>391</v>
      </c>
      <c r="BD16" s="258">
        <v>5331</v>
      </c>
      <c r="BE16" s="259">
        <v>5331</v>
      </c>
      <c r="BF16" s="253">
        <v>0</v>
      </c>
      <c r="BG16" s="257">
        <v>0</v>
      </c>
      <c r="BH16" s="254">
        <v>0</v>
      </c>
      <c r="BI16" s="256">
        <v>0</v>
      </c>
      <c r="BJ16" s="257">
        <v>256</v>
      </c>
      <c r="BK16" s="257">
        <v>285</v>
      </c>
      <c r="BL16" s="257">
        <v>239</v>
      </c>
      <c r="BM16" s="257">
        <v>227</v>
      </c>
      <c r="BN16" s="257">
        <v>118</v>
      </c>
      <c r="BO16" s="254">
        <v>1125</v>
      </c>
      <c r="BP16" s="259">
        <v>1125</v>
      </c>
      <c r="BQ16" s="253">
        <v>0</v>
      </c>
      <c r="BR16" s="257">
        <v>0</v>
      </c>
      <c r="BS16" s="254">
        <v>0</v>
      </c>
      <c r="BT16" s="256">
        <v>0</v>
      </c>
      <c r="BU16" s="257">
        <v>80</v>
      </c>
      <c r="BV16" s="257">
        <v>220</v>
      </c>
      <c r="BW16" s="257">
        <v>458</v>
      </c>
      <c r="BX16" s="257">
        <v>419</v>
      </c>
      <c r="BY16" s="257">
        <v>156</v>
      </c>
      <c r="BZ16" s="254">
        <v>1333</v>
      </c>
      <c r="CA16" s="259">
        <v>1333</v>
      </c>
      <c r="CB16" s="253">
        <v>0</v>
      </c>
      <c r="CC16" s="257">
        <v>0</v>
      </c>
      <c r="CD16" s="254">
        <v>0</v>
      </c>
      <c r="CE16" s="256">
        <v>0</v>
      </c>
      <c r="CF16" s="257">
        <v>10</v>
      </c>
      <c r="CG16" s="257">
        <v>63</v>
      </c>
      <c r="CH16" s="257">
        <v>25</v>
      </c>
      <c r="CI16" s="257">
        <v>28</v>
      </c>
      <c r="CJ16" s="257">
        <v>32</v>
      </c>
      <c r="CK16" s="254">
        <v>158</v>
      </c>
      <c r="CL16" s="259">
        <v>158</v>
      </c>
      <c r="CM16" s="253">
        <v>0</v>
      </c>
      <c r="CN16" s="257">
        <v>0</v>
      </c>
      <c r="CO16" s="254">
        <v>0</v>
      </c>
      <c r="CP16" s="256">
        <v>0</v>
      </c>
      <c r="CQ16" s="257">
        <v>0</v>
      </c>
      <c r="CR16" s="257">
        <v>0</v>
      </c>
      <c r="CS16" s="257">
        <v>0</v>
      </c>
      <c r="CT16" s="257">
        <v>0</v>
      </c>
      <c r="CU16" s="257">
        <v>0</v>
      </c>
      <c r="CV16" s="254">
        <v>0</v>
      </c>
      <c r="CW16" s="259">
        <v>0</v>
      </c>
      <c r="CX16" s="253">
        <v>0</v>
      </c>
      <c r="CY16" s="257">
        <v>0</v>
      </c>
      <c r="CZ16" s="254">
        <v>0</v>
      </c>
      <c r="DA16" s="256">
        <v>0</v>
      </c>
      <c r="DB16" s="257">
        <v>0</v>
      </c>
      <c r="DC16" s="257">
        <v>0</v>
      </c>
      <c r="DD16" s="257">
        <v>0</v>
      </c>
      <c r="DE16" s="257">
        <v>0</v>
      </c>
      <c r="DF16" s="257">
        <v>0</v>
      </c>
      <c r="DG16" s="254">
        <v>0</v>
      </c>
      <c r="DH16" s="259">
        <v>0</v>
      </c>
    </row>
    <row r="17" spans="2:112" ht="21" customHeight="1" x14ac:dyDescent="0.2">
      <c r="B17" s="437" t="s">
        <v>15</v>
      </c>
      <c r="C17" s="253">
        <v>0</v>
      </c>
      <c r="D17" s="257">
        <v>0</v>
      </c>
      <c r="E17" s="340">
        <v>0</v>
      </c>
      <c r="F17" s="256">
        <v>0</v>
      </c>
      <c r="G17" s="257">
        <v>1088</v>
      </c>
      <c r="H17" s="257">
        <v>2838</v>
      </c>
      <c r="I17" s="257">
        <v>1978</v>
      </c>
      <c r="J17" s="257">
        <v>2634</v>
      </c>
      <c r="K17" s="257">
        <v>2678</v>
      </c>
      <c r="L17" s="258">
        <v>11216</v>
      </c>
      <c r="M17" s="259">
        <v>11216</v>
      </c>
      <c r="N17" s="253">
        <v>0</v>
      </c>
      <c r="O17" s="257">
        <v>0</v>
      </c>
      <c r="P17" s="254">
        <v>0</v>
      </c>
      <c r="Q17" s="256">
        <v>0</v>
      </c>
      <c r="R17" s="257">
        <v>0</v>
      </c>
      <c r="S17" s="257">
        <v>16</v>
      </c>
      <c r="T17" s="257">
        <v>37</v>
      </c>
      <c r="U17" s="257">
        <v>73</v>
      </c>
      <c r="V17" s="257">
        <v>125</v>
      </c>
      <c r="W17" s="254">
        <v>251</v>
      </c>
      <c r="X17" s="259">
        <v>251</v>
      </c>
      <c r="Y17" s="253">
        <v>16</v>
      </c>
      <c r="Z17" s="257">
        <v>151</v>
      </c>
      <c r="AA17" s="254">
        <v>167</v>
      </c>
      <c r="AB17" s="256">
        <v>0</v>
      </c>
      <c r="AC17" s="257">
        <v>359</v>
      </c>
      <c r="AD17" s="257">
        <v>669</v>
      </c>
      <c r="AE17" s="257">
        <v>377</v>
      </c>
      <c r="AF17" s="257">
        <v>327</v>
      </c>
      <c r="AG17" s="257">
        <v>364</v>
      </c>
      <c r="AH17" s="254">
        <v>2096</v>
      </c>
      <c r="AI17" s="259">
        <v>2263</v>
      </c>
      <c r="AJ17" s="253">
        <v>0</v>
      </c>
      <c r="AK17" s="257">
        <v>20</v>
      </c>
      <c r="AL17" s="254">
        <v>20</v>
      </c>
      <c r="AM17" s="256">
        <v>0</v>
      </c>
      <c r="AN17" s="257">
        <v>80</v>
      </c>
      <c r="AO17" s="257">
        <v>175</v>
      </c>
      <c r="AP17" s="257">
        <v>47</v>
      </c>
      <c r="AQ17" s="257">
        <v>42</v>
      </c>
      <c r="AR17" s="257">
        <v>76</v>
      </c>
      <c r="AS17" s="254">
        <v>420</v>
      </c>
      <c r="AT17" s="259">
        <v>440</v>
      </c>
      <c r="AU17" s="253">
        <v>0</v>
      </c>
      <c r="AV17" s="257">
        <v>0</v>
      </c>
      <c r="AW17" s="254">
        <v>0</v>
      </c>
      <c r="AX17" s="256">
        <v>0</v>
      </c>
      <c r="AY17" s="257">
        <v>1035</v>
      </c>
      <c r="AZ17" s="257">
        <v>1224</v>
      </c>
      <c r="BA17" s="257">
        <v>692</v>
      </c>
      <c r="BB17" s="257">
        <v>259</v>
      </c>
      <c r="BC17" s="257">
        <v>100</v>
      </c>
      <c r="BD17" s="258">
        <v>3310</v>
      </c>
      <c r="BE17" s="259">
        <v>3310</v>
      </c>
      <c r="BF17" s="253">
        <v>0</v>
      </c>
      <c r="BG17" s="257">
        <v>0</v>
      </c>
      <c r="BH17" s="254">
        <v>0</v>
      </c>
      <c r="BI17" s="256">
        <v>0</v>
      </c>
      <c r="BJ17" s="257">
        <v>238</v>
      </c>
      <c r="BK17" s="257">
        <v>233</v>
      </c>
      <c r="BL17" s="257">
        <v>171</v>
      </c>
      <c r="BM17" s="257">
        <v>126</v>
      </c>
      <c r="BN17" s="257">
        <v>31</v>
      </c>
      <c r="BO17" s="254">
        <v>799</v>
      </c>
      <c r="BP17" s="259">
        <v>799</v>
      </c>
      <c r="BQ17" s="253">
        <v>0</v>
      </c>
      <c r="BR17" s="257">
        <v>4</v>
      </c>
      <c r="BS17" s="254">
        <v>4</v>
      </c>
      <c r="BT17" s="256">
        <v>0</v>
      </c>
      <c r="BU17" s="257">
        <v>100</v>
      </c>
      <c r="BV17" s="257">
        <v>199</v>
      </c>
      <c r="BW17" s="257">
        <v>827</v>
      </c>
      <c r="BX17" s="257">
        <v>603</v>
      </c>
      <c r="BY17" s="257">
        <v>198</v>
      </c>
      <c r="BZ17" s="254">
        <v>1927</v>
      </c>
      <c r="CA17" s="259">
        <v>1931</v>
      </c>
      <c r="CB17" s="253">
        <v>0</v>
      </c>
      <c r="CC17" s="257">
        <v>0</v>
      </c>
      <c r="CD17" s="254">
        <v>0</v>
      </c>
      <c r="CE17" s="256">
        <v>0</v>
      </c>
      <c r="CF17" s="257">
        <v>46</v>
      </c>
      <c r="CG17" s="257">
        <v>9</v>
      </c>
      <c r="CH17" s="257">
        <v>30</v>
      </c>
      <c r="CI17" s="257">
        <v>65</v>
      </c>
      <c r="CJ17" s="257">
        <v>0</v>
      </c>
      <c r="CK17" s="254">
        <v>150</v>
      </c>
      <c r="CL17" s="259">
        <v>150</v>
      </c>
      <c r="CM17" s="253">
        <v>0</v>
      </c>
      <c r="CN17" s="257">
        <v>0</v>
      </c>
      <c r="CO17" s="254">
        <v>0</v>
      </c>
      <c r="CP17" s="256">
        <v>0</v>
      </c>
      <c r="CQ17" s="257">
        <v>0</v>
      </c>
      <c r="CR17" s="257">
        <v>0</v>
      </c>
      <c r="CS17" s="257">
        <v>0</v>
      </c>
      <c r="CT17" s="257">
        <v>0</v>
      </c>
      <c r="CU17" s="257">
        <v>0</v>
      </c>
      <c r="CV17" s="254">
        <v>0</v>
      </c>
      <c r="CW17" s="259">
        <v>0</v>
      </c>
      <c r="CX17" s="253">
        <v>0</v>
      </c>
      <c r="CY17" s="257">
        <v>0</v>
      </c>
      <c r="CZ17" s="254">
        <v>0</v>
      </c>
      <c r="DA17" s="256">
        <v>0</v>
      </c>
      <c r="DB17" s="257">
        <v>0</v>
      </c>
      <c r="DC17" s="257">
        <v>0</v>
      </c>
      <c r="DD17" s="257">
        <v>0</v>
      </c>
      <c r="DE17" s="257">
        <v>0</v>
      </c>
      <c r="DF17" s="257">
        <v>0</v>
      </c>
      <c r="DG17" s="254">
        <v>0</v>
      </c>
      <c r="DH17" s="259">
        <v>0</v>
      </c>
    </row>
    <row r="18" spans="2:112" ht="21" customHeight="1" x14ac:dyDescent="0.2">
      <c r="B18" s="437" t="s">
        <v>16</v>
      </c>
      <c r="C18" s="253">
        <v>0</v>
      </c>
      <c r="D18" s="257">
        <v>0</v>
      </c>
      <c r="E18" s="340">
        <v>0</v>
      </c>
      <c r="F18" s="256">
        <v>0</v>
      </c>
      <c r="G18" s="257">
        <v>2553</v>
      </c>
      <c r="H18" s="257">
        <v>4499</v>
      </c>
      <c r="I18" s="257">
        <v>4154</v>
      </c>
      <c r="J18" s="257">
        <v>6094</v>
      </c>
      <c r="K18" s="257">
        <v>4602</v>
      </c>
      <c r="L18" s="258">
        <v>21902</v>
      </c>
      <c r="M18" s="259">
        <v>21902</v>
      </c>
      <c r="N18" s="253">
        <v>0</v>
      </c>
      <c r="O18" s="257">
        <v>1</v>
      </c>
      <c r="P18" s="254">
        <v>1</v>
      </c>
      <c r="Q18" s="256">
        <v>0</v>
      </c>
      <c r="R18" s="257">
        <v>6</v>
      </c>
      <c r="S18" s="257">
        <v>29</v>
      </c>
      <c r="T18" s="257">
        <v>36</v>
      </c>
      <c r="U18" s="257">
        <v>127</v>
      </c>
      <c r="V18" s="257">
        <v>244</v>
      </c>
      <c r="W18" s="254">
        <v>442</v>
      </c>
      <c r="X18" s="259">
        <v>443</v>
      </c>
      <c r="Y18" s="253">
        <v>86</v>
      </c>
      <c r="Z18" s="257">
        <v>288</v>
      </c>
      <c r="AA18" s="254">
        <v>374</v>
      </c>
      <c r="AB18" s="256">
        <v>0</v>
      </c>
      <c r="AC18" s="257">
        <v>1200</v>
      </c>
      <c r="AD18" s="257">
        <v>2665</v>
      </c>
      <c r="AE18" s="257">
        <v>1800</v>
      </c>
      <c r="AF18" s="257">
        <v>1415</v>
      </c>
      <c r="AG18" s="257">
        <v>1026</v>
      </c>
      <c r="AH18" s="254">
        <v>8106</v>
      </c>
      <c r="AI18" s="259">
        <v>8480</v>
      </c>
      <c r="AJ18" s="253">
        <v>39</v>
      </c>
      <c r="AK18" s="257">
        <v>126</v>
      </c>
      <c r="AL18" s="254">
        <v>165</v>
      </c>
      <c r="AM18" s="256">
        <v>0</v>
      </c>
      <c r="AN18" s="257">
        <v>82</v>
      </c>
      <c r="AO18" s="257">
        <v>489</v>
      </c>
      <c r="AP18" s="257">
        <v>182</v>
      </c>
      <c r="AQ18" s="257">
        <v>83</v>
      </c>
      <c r="AR18" s="257">
        <v>139</v>
      </c>
      <c r="AS18" s="254">
        <v>975</v>
      </c>
      <c r="AT18" s="259">
        <v>1140</v>
      </c>
      <c r="AU18" s="253">
        <v>0</v>
      </c>
      <c r="AV18" s="257">
        <v>0</v>
      </c>
      <c r="AW18" s="254">
        <v>0</v>
      </c>
      <c r="AX18" s="256">
        <v>0</v>
      </c>
      <c r="AY18" s="257">
        <v>3036</v>
      </c>
      <c r="AZ18" s="257">
        <v>4446</v>
      </c>
      <c r="BA18" s="257">
        <v>3036</v>
      </c>
      <c r="BB18" s="257">
        <v>1974</v>
      </c>
      <c r="BC18" s="257">
        <v>1166</v>
      </c>
      <c r="BD18" s="258">
        <v>13658</v>
      </c>
      <c r="BE18" s="259">
        <v>13658</v>
      </c>
      <c r="BF18" s="253">
        <v>0</v>
      </c>
      <c r="BG18" s="257">
        <v>0</v>
      </c>
      <c r="BH18" s="254">
        <v>0</v>
      </c>
      <c r="BI18" s="256">
        <v>0</v>
      </c>
      <c r="BJ18" s="257">
        <v>1310</v>
      </c>
      <c r="BK18" s="257">
        <v>2112</v>
      </c>
      <c r="BL18" s="257">
        <v>904</v>
      </c>
      <c r="BM18" s="257">
        <v>468</v>
      </c>
      <c r="BN18" s="257">
        <v>140</v>
      </c>
      <c r="BO18" s="254">
        <v>4934</v>
      </c>
      <c r="BP18" s="259">
        <v>4934</v>
      </c>
      <c r="BQ18" s="253">
        <v>7</v>
      </c>
      <c r="BR18" s="257">
        <v>18</v>
      </c>
      <c r="BS18" s="254">
        <v>25</v>
      </c>
      <c r="BT18" s="256">
        <v>0</v>
      </c>
      <c r="BU18" s="257">
        <v>272</v>
      </c>
      <c r="BV18" s="257">
        <v>624</v>
      </c>
      <c r="BW18" s="257">
        <v>780</v>
      </c>
      <c r="BX18" s="257">
        <v>446</v>
      </c>
      <c r="BY18" s="257">
        <v>228</v>
      </c>
      <c r="BZ18" s="254">
        <v>2350</v>
      </c>
      <c r="CA18" s="259">
        <v>2375</v>
      </c>
      <c r="CB18" s="253">
        <v>0</v>
      </c>
      <c r="CC18" s="257">
        <v>0</v>
      </c>
      <c r="CD18" s="254">
        <v>0</v>
      </c>
      <c r="CE18" s="256">
        <v>0</v>
      </c>
      <c r="CF18" s="257">
        <v>9</v>
      </c>
      <c r="CG18" s="257">
        <v>94</v>
      </c>
      <c r="CH18" s="257">
        <v>69</v>
      </c>
      <c r="CI18" s="257">
        <v>88</v>
      </c>
      <c r="CJ18" s="257">
        <v>45</v>
      </c>
      <c r="CK18" s="254">
        <v>305</v>
      </c>
      <c r="CL18" s="259">
        <v>305</v>
      </c>
      <c r="CM18" s="253">
        <v>0</v>
      </c>
      <c r="CN18" s="257">
        <v>0</v>
      </c>
      <c r="CO18" s="254">
        <v>0</v>
      </c>
      <c r="CP18" s="256">
        <v>0</v>
      </c>
      <c r="CQ18" s="257">
        <v>0</v>
      </c>
      <c r="CR18" s="257">
        <v>0</v>
      </c>
      <c r="CS18" s="257">
        <v>0</v>
      </c>
      <c r="CT18" s="257">
        <v>0</v>
      </c>
      <c r="CU18" s="257">
        <v>0</v>
      </c>
      <c r="CV18" s="254">
        <v>0</v>
      </c>
      <c r="CW18" s="259">
        <v>0</v>
      </c>
      <c r="CX18" s="253">
        <v>0</v>
      </c>
      <c r="CY18" s="257">
        <v>0</v>
      </c>
      <c r="CZ18" s="254">
        <v>0</v>
      </c>
      <c r="DA18" s="256">
        <v>0</v>
      </c>
      <c r="DB18" s="257">
        <v>0</v>
      </c>
      <c r="DC18" s="257">
        <v>0</v>
      </c>
      <c r="DD18" s="257">
        <v>0</v>
      </c>
      <c r="DE18" s="257">
        <v>0</v>
      </c>
      <c r="DF18" s="257">
        <v>0</v>
      </c>
      <c r="DG18" s="254">
        <v>0</v>
      </c>
      <c r="DH18" s="259">
        <v>0</v>
      </c>
    </row>
    <row r="19" spans="2:112" ht="21" customHeight="1" x14ac:dyDescent="0.2">
      <c r="B19" s="437" t="s">
        <v>17</v>
      </c>
      <c r="C19" s="253">
        <v>0</v>
      </c>
      <c r="D19" s="257">
        <v>0</v>
      </c>
      <c r="E19" s="340">
        <v>0</v>
      </c>
      <c r="F19" s="256">
        <v>0</v>
      </c>
      <c r="G19" s="257">
        <v>2603</v>
      </c>
      <c r="H19" s="257">
        <v>7291</v>
      </c>
      <c r="I19" s="257">
        <v>10283</v>
      </c>
      <c r="J19" s="257">
        <v>11753</v>
      </c>
      <c r="K19" s="257">
        <v>9840</v>
      </c>
      <c r="L19" s="258">
        <v>41770</v>
      </c>
      <c r="M19" s="259">
        <v>41770</v>
      </c>
      <c r="N19" s="253">
        <v>0</v>
      </c>
      <c r="O19" s="257">
        <v>0</v>
      </c>
      <c r="P19" s="254">
        <v>0</v>
      </c>
      <c r="Q19" s="256">
        <v>0</v>
      </c>
      <c r="R19" s="257">
        <v>9</v>
      </c>
      <c r="S19" s="257">
        <v>24</v>
      </c>
      <c r="T19" s="257">
        <v>74</v>
      </c>
      <c r="U19" s="257">
        <v>214</v>
      </c>
      <c r="V19" s="257">
        <v>399</v>
      </c>
      <c r="W19" s="254">
        <v>720</v>
      </c>
      <c r="X19" s="259">
        <v>720</v>
      </c>
      <c r="Y19" s="253">
        <v>177</v>
      </c>
      <c r="Z19" s="257">
        <v>616</v>
      </c>
      <c r="AA19" s="254">
        <v>793</v>
      </c>
      <c r="AB19" s="256">
        <v>0</v>
      </c>
      <c r="AC19" s="257">
        <v>1305</v>
      </c>
      <c r="AD19" s="257">
        <v>3004</v>
      </c>
      <c r="AE19" s="257">
        <v>1972</v>
      </c>
      <c r="AF19" s="257">
        <v>1821</v>
      </c>
      <c r="AG19" s="257">
        <v>1418</v>
      </c>
      <c r="AH19" s="254">
        <v>9520</v>
      </c>
      <c r="AI19" s="259">
        <v>10313</v>
      </c>
      <c r="AJ19" s="253">
        <v>12</v>
      </c>
      <c r="AK19" s="257">
        <v>109</v>
      </c>
      <c r="AL19" s="254">
        <v>121</v>
      </c>
      <c r="AM19" s="256">
        <v>0</v>
      </c>
      <c r="AN19" s="257">
        <v>118</v>
      </c>
      <c r="AO19" s="257">
        <v>444</v>
      </c>
      <c r="AP19" s="257">
        <v>420</v>
      </c>
      <c r="AQ19" s="257">
        <v>242</v>
      </c>
      <c r="AR19" s="257">
        <v>273</v>
      </c>
      <c r="AS19" s="254">
        <v>1497</v>
      </c>
      <c r="AT19" s="259">
        <v>1618</v>
      </c>
      <c r="AU19" s="253">
        <v>0</v>
      </c>
      <c r="AV19" s="257">
        <v>0</v>
      </c>
      <c r="AW19" s="254">
        <v>0</v>
      </c>
      <c r="AX19" s="256">
        <v>0</v>
      </c>
      <c r="AY19" s="257">
        <v>3246</v>
      </c>
      <c r="AZ19" s="257">
        <v>5591</v>
      </c>
      <c r="BA19" s="257">
        <v>3721</v>
      </c>
      <c r="BB19" s="257">
        <v>2069</v>
      </c>
      <c r="BC19" s="257">
        <v>1171</v>
      </c>
      <c r="BD19" s="258">
        <v>15798</v>
      </c>
      <c r="BE19" s="259">
        <v>15798</v>
      </c>
      <c r="BF19" s="253">
        <v>0</v>
      </c>
      <c r="BG19" s="257">
        <v>0</v>
      </c>
      <c r="BH19" s="254">
        <v>0</v>
      </c>
      <c r="BI19" s="256">
        <v>0</v>
      </c>
      <c r="BJ19" s="257">
        <v>415</v>
      </c>
      <c r="BK19" s="257">
        <v>1511</v>
      </c>
      <c r="BL19" s="257">
        <v>860</v>
      </c>
      <c r="BM19" s="257">
        <v>441</v>
      </c>
      <c r="BN19" s="257">
        <v>172</v>
      </c>
      <c r="BO19" s="254">
        <v>3399</v>
      </c>
      <c r="BP19" s="259">
        <v>3399</v>
      </c>
      <c r="BQ19" s="253">
        <v>10</v>
      </c>
      <c r="BR19" s="257">
        <v>14</v>
      </c>
      <c r="BS19" s="254">
        <v>24</v>
      </c>
      <c r="BT19" s="256">
        <v>0</v>
      </c>
      <c r="BU19" s="257">
        <v>362</v>
      </c>
      <c r="BV19" s="257">
        <v>828</v>
      </c>
      <c r="BW19" s="257">
        <v>1245</v>
      </c>
      <c r="BX19" s="257">
        <v>1530</v>
      </c>
      <c r="BY19" s="257">
        <v>470</v>
      </c>
      <c r="BZ19" s="254">
        <v>4435</v>
      </c>
      <c r="CA19" s="259">
        <v>4459</v>
      </c>
      <c r="CB19" s="253">
        <v>0</v>
      </c>
      <c r="CC19" s="257">
        <v>0</v>
      </c>
      <c r="CD19" s="254">
        <v>0</v>
      </c>
      <c r="CE19" s="256">
        <v>0</v>
      </c>
      <c r="CF19" s="257">
        <v>19</v>
      </c>
      <c r="CG19" s="257">
        <v>144</v>
      </c>
      <c r="CH19" s="257">
        <v>102</v>
      </c>
      <c r="CI19" s="257">
        <v>104</v>
      </c>
      <c r="CJ19" s="257">
        <v>72</v>
      </c>
      <c r="CK19" s="254">
        <v>441</v>
      </c>
      <c r="CL19" s="259">
        <v>441</v>
      </c>
      <c r="CM19" s="253">
        <v>0</v>
      </c>
      <c r="CN19" s="257">
        <v>0</v>
      </c>
      <c r="CO19" s="254">
        <v>0</v>
      </c>
      <c r="CP19" s="256">
        <v>0</v>
      </c>
      <c r="CQ19" s="257">
        <v>0</v>
      </c>
      <c r="CR19" s="257">
        <v>0</v>
      </c>
      <c r="CS19" s="257">
        <v>0</v>
      </c>
      <c r="CT19" s="257">
        <v>0</v>
      </c>
      <c r="CU19" s="257">
        <v>0</v>
      </c>
      <c r="CV19" s="254">
        <v>0</v>
      </c>
      <c r="CW19" s="259">
        <v>0</v>
      </c>
      <c r="CX19" s="253">
        <v>0</v>
      </c>
      <c r="CY19" s="257">
        <v>0</v>
      </c>
      <c r="CZ19" s="254">
        <v>0</v>
      </c>
      <c r="DA19" s="256">
        <v>0</v>
      </c>
      <c r="DB19" s="257">
        <v>0</v>
      </c>
      <c r="DC19" s="257">
        <v>0</v>
      </c>
      <c r="DD19" s="257">
        <v>0</v>
      </c>
      <c r="DE19" s="257">
        <v>0</v>
      </c>
      <c r="DF19" s="257">
        <v>0</v>
      </c>
      <c r="DG19" s="254">
        <v>0</v>
      </c>
      <c r="DH19" s="259">
        <v>0</v>
      </c>
    </row>
    <row r="20" spans="2:112" ht="21" customHeight="1" x14ac:dyDescent="0.2">
      <c r="B20" s="437" t="s">
        <v>18</v>
      </c>
      <c r="C20" s="253">
        <v>0</v>
      </c>
      <c r="D20" s="257">
        <v>0</v>
      </c>
      <c r="E20" s="340">
        <v>0</v>
      </c>
      <c r="F20" s="256">
        <v>0</v>
      </c>
      <c r="G20" s="257">
        <v>5902</v>
      </c>
      <c r="H20" s="257">
        <v>8220</v>
      </c>
      <c r="I20" s="257">
        <v>9756</v>
      </c>
      <c r="J20" s="257">
        <v>15008</v>
      </c>
      <c r="K20" s="257">
        <v>12270</v>
      </c>
      <c r="L20" s="258">
        <v>51156</v>
      </c>
      <c r="M20" s="259">
        <v>51156</v>
      </c>
      <c r="N20" s="253">
        <v>0</v>
      </c>
      <c r="O20" s="257">
        <v>0</v>
      </c>
      <c r="P20" s="254">
        <v>0</v>
      </c>
      <c r="Q20" s="256">
        <v>0</v>
      </c>
      <c r="R20" s="257">
        <v>6</v>
      </c>
      <c r="S20" s="257">
        <v>35</v>
      </c>
      <c r="T20" s="257">
        <v>66</v>
      </c>
      <c r="U20" s="257">
        <v>254</v>
      </c>
      <c r="V20" s="257">
        <v>414</v>
      </c>
      <c r="W20" s="254">
        <v>775</v>
      </c>
      <c r="X20" s="259">
        <v>775</v>
      </c>
      <c r="Y20" s="253">
        <v>356</v>
      </c>
      <c r="Z20" s="257">
        <v>826</v>
      </c>
      <c r="AA20" s="254">
        <v>1182</v>
      </c>
      <c r="AB20" s="256">
        <v>0</v>
      </c>
      <c r="AC20" s="257">
        <v>2920</v>
      </c>
      <c r="AD20" s="257">
        <v>3612</v>
      </c>
      <c r="AE20" s="257">
        <v>2416</v>
      </c>
      <c r="AF20" s="257">
        <v>2052</v>
      </c>
      <c r="AG20" s="257">
        <v>1550</v>
      </c>
      <c r="AH20" s="254">
        <v>12550</v>
      </c>
      <c r="AI20" s="259">
        <v>13732</v>
      </c>
      <c r="AJ20" s="253">
        <v>67</v>
      </c>
      <c r="AK20" s="257">
        <v>152</v>
      </c>
      <c r="AL20" s="254">
        <v>219</v>
      </c>
      <c r="AM20" s="256">
        <v>0</v>
      </c>
      <c r="AN20" s="257">
        <v>540</v>
      </c>
      <c r="AO20" s="257">
        <v>752</v>
      </c>
      <c r="AP20" s="257">
        <v>521</v>
      </c>
      <c r="AQ20" s="257">
        <v>344</v>
      </c>
      <c r="AR20" s="257">
        <v>163</v>
      </c>
      <c r="AS20" s="254">
        <v>2320</v>
      </c>
      <c r="AT20" s="259">
        <v>2539</v>
      </c>
      <c r="AU20" s="253">
        <v>0</v>
      </c>
      <c r="AV20" s="257">
        <v>0</v>
      </c>
      <c r="AW20" s="254">
        <v>0</v>
      </c>
      <c r="AX20" s="256">
        <v>0</v>
      </c>
      <c r="AY20" s="257">
        <v>6310</v>
      </c>
      <c r="AZ20" s="257">
        <v>5782</v>
      </c>
      <c r="BA20" s="257">
        <v>4384</v>
      </c>
      <c r="BB20" s="257">
        <v>2422</v>
      </c>
      <c r="BC20" s="257">
        <v>1051</v>
      </c>
      <c r="BD20" s="258">
        <v>19949</v>
      </c>
      <c r="BE20" s="259">
        <v>19949</v>
      </c>
      <c r="BF20" s="253">
        <v>0</v>
      </c>
      <c r="BG20" s="257">
        <v>0</v>
      </c>
      <c r="BH20" s="254">
        <v>0</v>
      </c>
      <c r="BI20" s="256">
        <v>0</v>
      </c>
      <c r="BJ20" s="257">
        <v>1350</v>
      </c>
      <c r="BK20" s="257">
        <v>1539</v>
      </c>
      <c r="BL20" s="257">
        <v>932</v>
      </c>
      <c r="BM20" s="257">
        <v>502</v>
      </c>
      <c r="BN20" s="257">
        <v>165</v>
      </c>
      <c r="BO20" s="254">
        <v>4488</v>
      </c>
      <c r="BP20" s="259">
        <v>4488</v>
      </c>
      <c r="BQ20" s="253">
        <v>7</v>
      </c>
      <c r="BR20" s="257">
        <v>66</v>
      </c>
      <c r="BS20" s="254">
        <v>73</v>
      </c>
      <c r="BT20" s="256">
        <v>0</v>
      </c>
      <c r="BU20" s="257">
        <v>531</v>
      </c>
      <c r="BV20" s="257">
        <v>921</v>
      </c>
      <c r="BW20" s="257">
        <v>1718</v>
      </c>
      <c r="BX20" s="257">
        <v>1572</v>
      </c>
      <c r="BY20" s="257">
        <v>726</v>
      </c>
      <c r="BZ20" s="254">
        <v>5468</v>
      </c>
      <c r="CA20" s="259">
        <v>5541</v>
      </c>
      <c r="CB20" s="253">
        <v>3</v>
      </c>
      <c r="CC20" s="257">
        <v>0</v>
      </c>
      <c r="CD20" s="254">
        <v>3</v>
      </c>
      <c r="CE20" s="256">
        <v>0</v>
      </c>
      <c r="CF20" s="257">
        <v>4</v>
      </c>
      <c r="CG20" s="257">
        <v>24</v>
      </c>
      <c r="CH20" s="257">
        <v>38</v>
      </c>
      <c r="CI20" s="257">
        <v>27</v>
      </c>
      <c r="CJ20" s="257">
        <v>11</v>
      </c>
      <c r="CK20" s="254">
        <v>104</v>
      </c>
      <c r="CL20" s="259">
        <v>107</v>
      </c>
      <c r="CM20" s="253">
        <v>0</v>
      </c>
      <c r="CN20" s="257">
        <v>0</v>
      </c>
      <c r="CO20" s="254">
        <v>0</v>
      </c>
      <c r="CP20" s="256">
        <v>0</v>
      </c>
      <c r="CQ20" s="257">
        <v>0</v>
      </c>
      <c r="CR20" s="257">
        <v>0</v>
      </c>
      <c r="CS20" s="257">
        <v>0</v>
      </c>
      <c r="CT20" s="257">
        <v>0</v>
      </c>
      <c r="CU20" s="257">
        <v>0</v>
      </c>
      <c r="CV20" s="254">
        <v>0</v>
      </c>
      <c r="CW20" s="259">
        <v>0</v>
      </c>
      <c r="CX20" s="253">
        <v>0</v>
      </c>
      <c r="CY20" s="257">
        <v>0</v>
      </c>
      <c r="CZ20" s="254">
        <v>0</v>
      </c>
      <c r="DA20" s="256">
        <v>0</v>
      </c>
      <c r="DB20" s="257">
        <v>0</v>
      </c>
      <c r="DC20" s="257">
        <v>0</v>
      </c>
      <c r="DD20" s="257">
        <v>0</v>
      </c>
      <c r="DE20" s="257">
        <v>0</v>
      </c>
      <c r="DF20" s="257">
        <v>0</v>
      </c>
      <c r="DG20" s="254">
        <v>0</v>
      </c>
      <c r="DH20" s="259">
        <v>0</v>
      </c>
    </row>
    <row r="21" spans="2:112" ht="21" customHeight="1" x14ac:dyDescent="0.2">
      <c r="B21" s="437" t="s">
        <v>19</v>
      </c>
      <c r="C21" s="253">
        <v>0</v>
      </c>
      <c r="D21" s="257">
        <v>0</v>
      </c>
      <c r="E21" s="340">
        <v>0</v>
      </c>
      <c r="F21" s="256">
        <v>0</v>
      </c>
      <c r="G21" s="257">
        <v>1839</v>
      </c>
      <c r="H21" s="257">
        <v>2323</v>
      </c>
      <c r="I21" s="257">
        <v>2813</v>
      </c>
      <c r="J21" s="257">
        <v>3526</v>
      </c>
      <c r="K21" s="257">
        <v>2878</v>
      </c>
      <c r="L21" s="258">
        <v>13379</v>
      </c>
      <c r="M21" s="259">
        <v>13379</v>
      </c>
      <c r="N21" s="253">
        <v>0</v>
      </c>
      <c r="O21" s="257">
        <v>0</v>
      </c>
      <c r="P21" s="254">
        <v>0</v>
      </c>
      <c r="Q21" s="256">
        <v>0</v>
      </c>
      <c r="R21" s="257">
        <v>20</v>
      </c>
      <c r="S21" s="257">
        <v>22</v>
      </c>
      <c r="T21" s="257">
        <v>40</v>
      </c>
      <c r="U21" s="257">
        <v>81</v>
      </c>
      <c r="V21" s="257">
        <v>134</v>
      </c>
      <c r="W21" s="254">
        <v>297</v>
      </c>
      <c r="X21" s="259">
        <v>297</v>
      </c>
      <c r="Y21" s="253">
        <v>214</v>
      </c>
      <c r="Z21" s="257">
        <v>330</v>
      </c>
      <c r="AA21" s="254">
        <v>544</v>
      </c>
      <c r="AB21" s="256">
        <v>0</v>
      </c>
      <c r="AC21" s="257">
        <v>1542</v>
      </c>
      <c r="AD21" s="257">
        <v>1227</v>
      </c>
      <c r="AE21" s="257">
        <v>1203</v>
      </c>
      <c r="AF21" s="257">
        <v>784</v>
      </c>
      <c r="AG21" s="257">
        <v>715</v>
      </c>
      <c r="AH21" s="254">
        <v>5471</v>
      </c>
      <c r="AI21" s="259">
        <v>6015</v>
      </c>
      <c r="AJ21" s="253">
        <v>24</v>
      </c>
      <c r="AK21" s="257">
        <v>40</v>
      </c>
      <c r="AL21" s="254">
        <v>64</v>
      </c>
      <c r="AM21" s="256">
        <v>0</v>
      </c>
      <c r="AN21" s="257">
        <v>202</v>
      </c>
      <c r="AO21" s="257">
        <v>155</v>
      </c>
      <c r="AP21" s="257">
        <v>102</v>
      </c>
      <c r="AQ21" s="257">
        <v>178</v>
      </c>
      <c r="AR21" s="257">
        <v>18</v>
      </c>
      <c r="AS21" s="254">
        <v>655</v>
      </c>
      <c r="AT21" s="259">
        <v>719</v>
      </c>
      <c r="AU21" s="253">
        <v>0</v>
      </c>
      <c r="AV21" s="257">
        <v>0</v>
      </c>
      <c r="AW21" s="254">
        <v>0</v>
      </c>
      <c r="AX21" s="256">
        <v>0</v>
      </c>
      <c r="AY21" s="257">
        <v>2302</v>
      </c>
      <c r="AZ21" s="257">
        <v>2468</v>
      </c>
      <c r="BA21" s="257">
        <v>1468</v>
      </c>
      <c r="BB21" s="257">
        <v>772</v>
      </c>
      <c r="BC21" s="257">
        <v>419</v>
      </c>
      <c r="BD21" s="258">
        <v>7429</v>
      </c>
      <c r="BE21" s="259">
        <v>7429</v>
      </c>
      <c r="BF21" s="253">
        <v>0</v>
      </c>
      <c r="BG21" s="257">
        <v>0</v>
      </c>
      <c r="BH21" s="254">
        <v>0</v>
      </c>
      <c r="BI21" s="256">
        <v>0</v>
      </c>
      <c r="BJ21" s="257">
        <v>881</v>
      </c>
      <c r="BK21" s="257">
        <v>793</v>
      </c>
      <c r="BL21" s="257">
        <v>500</v>
      </c>
      <c r="BM21" s="257">
        <v>199</v>
      </c>
      <c r="BN21" s="257">
        <v>97</v>
      </c>
      <c r="BO21" s="254">
        <v>2470</v>
      </c>
      <c r="BP21" s="259">
        <v>2470</v>
      </c>
      <c r="BQ21" s="253">
        <v>0</v>
      </c>
      <c r="BR21" s="257">
        <v>12</v>
      </c>
      <c r="BS21" s="254">
        <v>12</v>
      </c>
      <c r="BT21" s="256">
        <v>0</v>
      </c>
      <c r="BU21" s="257">
        <v>138</v>
      </c>
      <c r="BV21" s="257">
        <v>378</v>
      </c>
      <c r="BW21" s="257">
        <v>503</v>
      </c>
      <c r="BX21" s="257">
        <v>377</v>
      </c>
      <c r="BY21" s="257">
        <v>138</v>
      </c>
      <c r="BZ21" s="254">
        <v>1534</v>
      </c>
      <c r="CA21" s="259">
        <v>1546</v>
      </c>
      <c r="CB21" s="253">
        <v>0</v>
      </c>
      <c r="CC21" s="257">
        <v>0</v>
      </c>
      <c r="CD21" s="254">
        <v>0</v>
      </c>
      <c r="CE21" s="256">
        <v>0</v>
      </c>
      <c r="CF21" s="257">
        <v>17</v>
      </c>
      <c r="CG21" s="257">
        <v>72</v>
      </c>
      <c r="CH21" s="257">
        <v>112</v>
      </c>
      <c r="CI21" s="257">
        <v>121</v>
      </c>
      <c r="CJ21" s="257">
        <v>33</v>
      </c>
      <c r="CK21" s="254">
        <v>355</v>
      </c>
      <c r="CL21" s="259">
        <v>355</v>
      </c>
      <c r="CM21" s="253">
        <v>0</v>
      </c>
      <c r="CN21" s="257">
        <v>0</v>
      </c>
      <c r="CO21" s="254">
        <v>0</v>
      </c>
      <c r="CP21" s="256">
        <v>0</v>
      </c>
      <c r="CQ21" s="257">
        <v>0</v>
      </c>
      <c r="CR21" s="257">
        <v>0</v>
      </c>
      <c r="CS21" s="257">
        <v>0</v>
      </c>
      <c r="CT21" s="257">
        <v>0</v>
      </c>
      <c r="CU21" s="257">
        <v>0</v>
      </c>
      <c r="CV21" s="254">
        <v>0</v>
      </c>
      <c r="CW21" s="259">
        <v>0</v>
      </c>
      <c r="CX21" s="253">
        <v>0</v>
      </c>
      <c r="CY21" s="257">
        <v>0</v>
      </c>
      <c r="CZ21" s="254">
        <v>0</v>
      </c>
      <c r="DA21" s="256">
        <v>0</v>
      </c>
      <c r="DB21" s="257">
        <v>0</v>
      </c>
      <c r="DC21" s="257">
        <v>0</v>
      </c>
      <c r="DD21" s="257">
        <v>0</v>
      </c>
      <c r="DE21" s="257">
        <v>0</v>
      </c>
      <c r="DF21" s="257">
        <v>0</v>
      </c>
      <c r="DG21" s="254">
        <v>0</v>
      </c>
      <c r="DH21" s="259">
        <v>0</v>
      </c>
    </row>
    <row r="22" spans="2:112" ht="21" customHeight="1" x14ac:dyDescent="0.2">
      <c r="B22" s="437" t="s">
        <v>20</v>
      </c>
      <c r="C22" s="253">
        <v>0</v>
      </c>
      <c r="D22" s="257">
        <v>0</v>
      </c>
      <c r="E22" s="340">
        <v>0</v>
      </c>
      <c r="F22" s="256">
        <v>0</v>
      </c>
      <c r="G22" s="257">
        <v>3512</v>
      </c>
      <c r="H22" s="257">
        <v>3232</v>
      </c>
      <c r="I22" s="257">
        <v>5773</v>
      </c>
      <c r="J22" s="257">
        <v>6169</v>
      </c>
      <c r="K22" s="257">
        <v>5131</v>
      </c>
      <c r="L22" s="258">
        <v>23817</v>
      </c>
      <c r="M22" s="259">
        <v>23817</v>
      </c>
      <c r="N22" s="253">
        <v>0</v>
      </c>
      <c r="O22" s="257">
        <v>0</v>
      </c>
      <c r="P22" s="254">
        <v>0</v>
      </c>
      <c r="Q22" s="256">
        <v>0</v>
      </c>
      <c r="R22" s="257">
        <v>7</v>
      </c>
      <c r="S22" s="257">
        <v>22</v>
      </c>
      <c r="T22" s="257">
        <v>67</v>
      </c>
      <c r="U22" s="257">
        <v>145</v>
      </c>
      <c r="V22" s="257">
        <v>225</v>
      </c>
      <c r="W22" s="254">
        <v>466</v>
      </c>
      <c r="X22" s="259">
        <v>466</v>
      </c>
      <c r="Y22" s="253">
        <v>319</v>
      </c>
      <c r="Z22" s="257">
        <v>773</v>
      </c>
      <c r="AA22" s="254">
        <v>1092</v>
      </c>
      <c r="AB22" s="256">
        <v>0</v>
      </c>
      <c r="AC22" s="257">
        <v>2366</v>
      </c>
      <c r="AD22" s="257">
        <v>2267</v>
      </c>
      <c r="AE22" s="257">
        <v>1278</v>
      </c>
      <c r="AF22" s="257">
        <v>1186</v>
      </c>
      <c r="AG22" s="257">
        <v>603</v>
      </c>
      <c r="AH22" s="254">
        <v>7700</v>
      </c>
      <c r="AI22" s="259">
        <v>8792</v>
      </c>
      <c r="AJ22" s="253">
        <v>109</v>
      </c>
      <c r="AK22" s="257">
        <v>419</v>
      </c>
      <c r="AL22" s="254">
        <v>528</v>
      </c>
      <c r="AM22" s="256">
        <v>0</v>
      </c>
      <c r="AN22" s="257">
        <v>632</v>
      </c>
      <c r="AO22" s="257">
        <v>723</v>
      </c>
      <c r="AP22" s="257">
        <v>587</v>
      </c>
      <c r="AQ22" s="257">
        <v>425</v>
      </c>
      <c r="AR22" s="257">
        <v>162</v>
      </c>
      <c r="AS22" s="254">
        <v>2529</v>
      </c>
      <c r="AT22" s="259">
        <v>3057</v>
      </c>
      <c r="AU22" s="253">
        <v>0</v>
      </c>
      <c r="AV22" s="257">
        <v>0</v>
      </c>
      <c r="AW22" s="254">
        <v>0</v>
      </c>
      <c r="AX22" s="256">
        <v>0</v>
      </c>
      <c r="AY22" s="257">
        <v>2963</v>
      </c>
      <c r="AZ22" s="257">
        <v>2555</v>
      </c>
      <c r="BA22" s="257">
        <v>1575</v>
      </c>
      <c r="BB22" s="257">
        <v>1010</v>
      </c>
      <c r="BC22" s="257">
        <v>310</v>
      </c>
      <c r="BD22" s="258">
        <v>8413</v>
      </c>
      <c r="BE22" s="259">
        <v>8413</v>
      </c>
      <c r="BF22" s="253">
        <v>0</v>
      </c>
      <c r="BG22" s="257">
        <v>0</v>
      </c>
      <c r="BH22" s="254">
        <v>0</v>
      </c>
      <c r="BI22" s="256">
        <v>0</v>
      </c>
      <c r="BJ22" s="257">
        <v>926</v>
      </c>
      <c r="BK22" s="257">
        <v>792</v>
      </c>
      <c r="BL22" s="257">
        <v>347</v>
      </c>
      <c r="BM22" s="257">
        <v>341</v>
      </c>
      <c r="BN22" s="257">
        <v>93</v>
      </c>
      <c r="BO22" s="254">
        <v>2499</v>
      </c>
      <c r="BP22" s="259">
        <v>2499</v>
      </c>
      <c r="BQ22" s="253">
        <v>0</v>
      </c>
      <c r="BR22" s="257">
        <v>47</v>
      </c>
      <c r="BS22" s="254">
        <v>47</v>
      </c>
      <c r="BT22" s="256">
        <v>0</v>
      </c>
      <c r="BU22" s="257">
        <v>457</v>
      </c>
      <c r="BV22" s="257">
        <v>461</v>
      </c>
      <c r="BW22" s="257">
        <v>1069</v>
      </c>
      <c r="BX22" s="257">
        <v>777</v>
      </c>
      <c r="BY22" s="257">
        <v>309</v>
      </c>
      <c r="BZ22" s="254">
        <v>3073</v>
      </c>
      <c r="CA22" s="259">
        <v>3120</v>
      </c>
      <c r="CB22" s="253">
        <v>0</v>
      </c>
      <c r="CC22" s="257">
        <v>0</v>
      </c>
      <c r="CD22" s="254">
        <v>0</v>
      </c>
      <c r="CE22" s="256">
        <v>0</v>
      </c>
      <c r="CF22" s="257">
        <v>17</v>
      </c>
      <c r="CG22" s="257">
        <v>14</v>
      </c>
      <c r="CH22" s="257">
        <v>44</v>
      </c>
      <c r="CI22" s="257">
        <v>80</v>
      </c>
      <c r="CJ22" s="257">
        <v>22</v>
      </c>
      <c r="CK22" s="254">
        <v>177</v>
      </c>
      <c r="CL22" s="259">
        <v>177</v>
      </c>
      <c r="CM22" s="253">
        <v>0</v>
      </c>
      <c r="CN22" s="257">
        <v>0</v>
      </c>
      <c r="CO22" s="254">
        <v>0</v>
      </c>
      <c r="CP22" s="256">
        <v>0</v>
      </c>
      <c r="CQ22" s="257">
        <v>0</v>
      </c>
      <c r="CR22" s="257">
        <v>0</v>
      </c>
      <c r="CS22" s="257">
        <v>0</v>
      </c>
      <c r="CT22" s="257">
        <v>0</v>
      </c>
      <c r="CU22" s="257">
        <v>0</v>
      </c>
      <c r="CV22" s="254">
        <v>0</v>
      </c>
      <c r="CW22" s="259">
        <v>0</v>
      </c>
      <c r="CX22" s="253">
        <v>0</v>
      </c>
      <c r="CY22" s="257">
        <v>0</v>
      </c>
      <c r="CZ22" s="254">
        <v>0</v>
      </c>
      <c r="DA22" s="256">
        <v>0</v>
      </c>
      <c r="DB22" s="257">
        <v>0</v>
      </c>
      <c r="DC22" s="257">
        <v>0</v>
      </c>
      <c r="DD22" s="257">
        <v>0</v>
      </c>
      <c r="DE22" s="257">
        <v>0</v>
      </c>
      <c r="DF22" s="257">
        <v>0</v>
      </c>
      <c r="DG22" s="254">
        <v>0</v>
      </c>
      <c r="DH22" s="259">
        <v>0</v>
      </c>
    </row>
    <row r="23" spans="2:112" ht="21" customHeight="1" x14ac:dyDescent="0.2">
      <c r="B23" s="437" t="s">
        <v>21</v>
      </c>
      <c r="C23" s="253">
        <v>0</v>
      </c>
      <c r="D23" s="257">
        <v>0</v>
      </c>
      <c r="E23" s="340">
        <v>0</v>
      </c>
      <c r="F23" s="256">
        <v>0</v>
      </c>
      <c r="G23" s="257">
        <v>3111</v>
      </c>
      <c r="H23" s="257">
        <v>5711</v>
      </c>
      <c r="I23" s="257">
        <v>7874</v>
      </c>
      <c r="J23" s="257">
        <v>7095</v>
      </c>
      <c r="K23" s="257">
        <v>7048</v>
      </c>
      <c r="L23" s="258">
        <v>30839</v>
      </c>
      <c r="M23" s="259">
        <v>30839</v>
      </c>
      <c r="N23" s="253">
        <v>0</v>
      </c>
      <c r="O23" s="257">
        <v>0</v>
      </c>
      <c r="P23" s="254">
        <v>0</v>
      </c>
      <c r="Q23" s="256">
        <v>0</v>
      </c>
      <c r="R23" s="257">
        <v>2</v>
      </c>
      <c r="S23" s="257">
        <v>28</v>
      </c>
      <c r="T23" s="257">
        <v>53</v>
      </c>
      <c r="U23" s="257">
        <v>146</v>
      </c>
      <c r="V23" s="257">
        <v>214</v>
      </c>
      <c r="W23" s="254">
        <v>443</v>
      </c>
      <c r="X23" s="259">
        <v>443</v>
      </c>
      <c r="Y23" s="253">
        <v>273</v>
      </c>
      <c r="Z23" s="257">
        <v>775</v>
      </c>
      <c r="AA23" s="254">
        <v>1048</v>
      </c>
      <c r="AB23" s="256">
        <v>0</v>
      </c>
      <c r="AC23" s="257">
        <v>1838</v>
      </c>
      <c r="AD23" s="257">
        <v>2941</v>
      </c>
      <c r="AE23" s="257">
        <v>1800</v>
      </c>
      <c r="AF23" s="257">
        <v>1412</v>
      </c>
      <c r="AG23" s="257">
        <v>1078</v>
      </c>
      <c r="AH23" s="254">
        <v>9069</v>
      </c>
      <c r="AI23" s="259">
        <v>10117</v>
      </c>
      <c r="AJ23" s="253">
        <v>172</v>
      </c>
      <c r="AK23" s="257">
        <v>310</v>
      </c>
      <c r="AL23" s="254">
        <v>482</v>
      </c>
      <c r="AM23" s="256">
        <v>0</v>
      </c>
      <c r="AN23" s="257">
        <v>305</v>
      </c>
      <c r="AO23" s="257">
        <v>477</v>
      </c>
      <c r="AP23" s="257">
        <v>313</v>
      </c>
      <c r="AQ23" s="257">
        <v>202</v>
      </c>
      <c r="AR23" s="257">
        <v>72</v>
      </c>
      <c r="AS23" s="254">
        <v>1369</v>
      </c>
      <c r="AT23" s="259">
        <v>1851</v>
      </c>
      <c r="AU23" s="253">
        <v>0</v>
      </c>
      <c r="AV23" s="257">
        <v>0</v>
      </c>
      <c r="AW23" s="254">
        <v>0</v>
      </c>
      <c r="AX23" s="256">
        <v>0</v>
      </c>
      <c r="AY23" s="257">
        <v>2728</v>
      </c>
      <c r="AZ23" s="257">
        <v>3183</v>
      </c>
      <c r="BA23" s="257">
        <v>2205</v>
      </c>
      <c r="BB23" s="257">
        <v>982</v>
      </c>
      <c r="BC23" s="257">
        <v>339</v>
      </c>
      <c r="BD23" s="258">
        <v>9437</v>
      </c>
      <c r="BE23" s="259">
        <v>9437</v>
      </c>
      <c r="BF23" s="253">
        <v>0</v>
      </c>
      <c r="BG23" s="257">
        <v>0</v>
      </c>
      <c r="BH23" s="254">
        <v>0</v>
      </c>
      <c r="BI23" s="256">
        <v>0</v>
      </c>
      <c r="BJ23" s="257">
        <v>403</v>
      </c>
      <c r="BK23" s="257">
        <v>502</v>
      </c>
      <c r="BL23" s="257">
        <v>298</v>
      </c>
      <c r="BM23" s="257">
        <v>170</v>
      </c>
      <c r="BN23" s="257">
        <v>43</v>
      </c>
      <c r="BO23" s="254">
        <v>1416</v>
      </c>
      <c r="BP23" s="259">
        <v>1416</v>
      </c>
      <c r="BQ23" s="253">
        <v>11</v>
      </c>
      <c r="BR23" s="257">
        <v>12</v>
      </c>
      <c r="BS23" s="254">
        <v>23</v>
      </c>
      <c r="BT23" s="256">
        <v>0</v>
      </c>
      <c r="BU23" s="257">
        <v>251</v>
      </c>
      <c r="BV23" s="257">
        <v>463</v>
      </c>
      <c r="BW23" s="257">
        <v>934</v>
      </c>
      <c r="BX23" s="257">
        <v>971</v>
      </c>
      <c r="BY23" s="257">
        <v>357</v>
      </c>
      <c r="BZ23" s="254">
        <v>2976</v>
      </c>
      <c r="CA23" s="259">
        <v>2999</v>
      </c>
      <c r="CB23" s="253">
        <v>0</v>
      </c>
      <c r="CC23" s="257">
        <v>9</v>
      </c>
      <c r="CD23" s="254">
        <v>9</v>
      </c>
      <c r="CE23" s="256">
        <v>0</v>
      </c>
      <c r="CF23" s="257">
        <v>19</v>
      </c>
      <c r="CG23" s="257">
        <v>56</v>
      </c>
      <c r="CH23" s="257">
        <v>41</v>
      </c>
      <c r="CI23" s="257">
        <v>17</v>
      </c>
      <c r="CJ23" s="257">
        <v>18</v>
      </c>
      <c r="CK23" s="254">
        <v>151</v>
      </c>
      <c r="CL23" s="259">
        <v>160</v>
      </c>
      <c r="CM23" s="253">
        <v>0</v>
      </c>
      <c r="CN23" s="257">
        <v>0</v>
      </c>
      <c r="CO23" s="254">
        <v>0</v>
      </c>
      <c r="CP23" s="256">
        <v>0</v>
      </c>
      <c r="CQ23" s="257">
        <v>0</v>
      </c>
      <c r="CR23" s="257">
        <v>0</v>
      </c>
      <c r="CS23" s="257">
        <v>0</v>
      </c>
      <c r="CT23" s="257">
        <v>0</v>
      </c>
      <c r="CU23" s="257">
        <v>0</v>
      </c>
      <c r="CV23" s="254">
        <v>0</v>
      </c>
      <c r="CW23" s="259">
        <v>0</v>
      </c>
      <c r="CX23" s="253">
        <v>0</v>
      </c>
      <c r="CY23" s="257">
        <v>0</v>
      </c>
      <c r="CZ23" s="254">
        <v>0</v>
      </c>
      <c r="DA23" s="256">
        <v>0</v>
      </c>
      <c r="DB23" s="257">
        <v>0</v>
      </c>
      <c r="DC23" s="257">
        <v>0</v>
      </c>
      <c r="DD23" s="257">
        <v>0</v>
      </c>
      <c r="DE23" s="257">
        <v>0</v>
      </c>
      <c r="DF23" s="257">
        <v>0</v>
      </c>
      <c r="DG23" s="254">
        <v>0</v>
      </c>
      <c r="DH23" s="259">
        <v>0</v>
      </c>
    </row>
    <row r="24" spans="2:112" ht="21" customHeight="1" x14ac:dyDescent="0.2">
      <c r="B24" s="437" t="s">
        <v>22</v>
      </c>
      <c r="C24" s="253">
        <v>0</v>
      </c>
      <c r="D24" s="257">
        <v>0</v>
      </c>
      <c r="E24" s="340">
        <v>0</v>
      </c>
      <c r="F24" s="256">
        <v>0</v>
      </c>
      <c r="G24" s="257">
        <v>1012</v>
      </c>
      <c r="H24" s="257">
        <v>1493</v>
      </c>
      <c r="I24" s="257">
        <v>697</v>
      </c>
      <c r="J24" s="257">
        <v>2217</v>
      </c>
      <c r="K24" s="257">
        <v>1874</v>
      </c>
      <c r="L24" s="258">
        <v>7293</v>
      </c>
      <c r="M24" s="259">
        <v>7293</v>
      </c>
      <c r="N24" s="253">
        <v>0</v>
      </c>
      <c r="O24" s="257">
        <v>0</v>
      </c>
      <c r="P24" s="254">
        <v>0</v>
      </c>
      <c r="Q24" s="256">
        <v>0</v>
      </c>
      <c r="R24" s="257">
        <v>20</v>
      </c>
      <c r="S24" s="257">
        <v>2</v>
      </c>
      <c r="T24" s="257">
        <v>13</v>
      </c>
      <c r="U24" s="257">
        <v>81</v>
      </c>
      <c r="V24" s="257">
        <v>182</v>
      </c>
      <c r="W24" s="254">
        <v>298</v>
      </c>
      <c r="X24" s="259">
        <v>298</v>
      </c>
      <c r="Y24" s="253">
        <v>36</v>
      </c>
      <c r="Z24" s="257">
        <v>81</v>
      </c>
      <c r="AA24" s="254">
        <v>117</v>
      </c>
      <c r="AB24" s="256">
        <v>0</v>
      </c>
      <c r="AC24" s="257">
        <v>485</v>
      </c>
      <c r="AD24" s="257">
        <v>552</v>
      </c>
      <c r="AE24" s="257">
        <v>283</v>
      </c>
      <c r="AF24" s="257">
        <v>597</v>
      </c>
      <c r="AG24" s="257">
        <v>634</v>
      </c>
      <c r="AH24" s="254">
        <v>2551</v>
      </c>
      <c r="AI24" s="259">
        <v>2668</v>
      </c>
      <c r="AJ24" s="253">
        <v>0</v>
      </c>
      <c r="AK24" s="257">
        <v>12</v>
      </c>
      <c r="AL24" s="254">
        <v>12</v>
      </c>
      <c r="AM24" s="256">
        <v>0</v>
      </c>
      <c r="AN24" s="257">
        <v>153</v>
      </c>
      <c r="AO24" s="257">
        <v>135</v>
      </c>
      <c r="AP24" s="257">
        <v>39</v>
      </c>
      <c r="AQ24" s="257">
        <v>103</v>
      </c>
      <c r="AR24" s="257">
        <v>56</v>
      </c>
      <c r="AS24" s="254">
        <v>486</v>
      </c>
      <c r="AT24" s="259">
        <v>498</v>
      </c>
      <c r="AU24" s="253">
        <v>0</v>
      </c>
      <c r="AV24" s="257">
        <v>0</v>
      </c>
      <c r="AW24" s="254">
        <v>0</v>
      </c>
      <c r="AX24" s="256">
        <v>0</v>
      </c>
      <c r="AY24" s="257">
        <v>1061</v>
      </c>
      <c r="AZ24" s="257">
        <v>1455</v>
      </c>
      <c r="BA24" s="257">
        <v>986</v>
      </c>
      <c r="BB24" s="257">
        <v>515</v>
      </c>
      <c r="BC24" s="257">
        <v>275</v>
      </c>
      <c r="BD24" s="258">
        <v>4292</v>
      </c>
      <c r="BE24" s="259">
        <v>4292</v>
      </c>
      <c r="BF24" s="253">
        <v>0</v>
      </c>
      <c r="BG24" s="257">
        <v>0</v>
      </c>
      <c r="BH24" s="254">
        <v>0</v>
      </c>
      <c r="BI24" s="256">
        <v>0</v>
      </c>
      <c r="BJ24" s="257">
        <v>228</v>
      </c>
      <c r="BK24" s="257">
        <v>352</v>
      </c>
      <c r="BL24" s="257">
        <v>166</v>
      </c>
      <c r="BM24" s="257">
        <v>145</v>
      </c>
      <c r="BN24" s="257">
        <v>35</v>
      </c>
      <c r="BO24" s="254">
        <v>926</v>
      </c>
      <c r="BP24" s="259">
        <v>926</v>
      </c>
      <c r="BQ24" s="253">
        <v>0</v>
      </c>
      <c r="BR24" s="257">
        <v>17</v>
      </c>
      <c r="BS24" s="254">
        <v>17</v>
      </c>
      <c r="BT24" s="256">
        <v>0</v>
      </c>
      <c r="BU24" s="257">
        <v>101</v>
      </c>
      <c r="BV24" s="257">
        <v>177</v>
      </c>
      <c r="BW24" s="257">
        <v>389</v>
      </c>
      <c r="BX24" s="257">
        <v>266</v>
      </c>
      <c r="BY24" s="257">
        <v>174</v>
      </c>
      <c r="BZ24" s="254">
        <v>1107</v>
      </c>
      <c r="CA24" s="259">
        <v>1124</v>
      </c>
      <c r="CB24" s="253">
        <v>0</v>
      </c>
      <c r="CC24" s="257">
        <v>0</v>
      </c>
      <c r="CD24" s="254">
        <v>0</v>
      </c>
      <c r="CE24" s="256">
        <v>0</v>
      </c>
      <c r="CF24" s="257">
        <v>10</v>
      </c>
      <c r="CG24" s="257">
        <v>0</v>
      </c>
      <c r="CH24" s="257">
        <v>18</v>
      </c>
      <c r="CI24" s="257">
        <v>75</v>
      </c>
      <c r="CJ24" s="257">
        <v>26</v>
      </c>
      <c r="CK24" s="254">
        <v>129</v>
      </c>
      <c r="CL24" s="259">
        <v>129</v>
      </c>
      <c r="CM24" s="253">
        <v>0</v>
      </c>
      <c r="CN24" s="257">
        <v>0</v>
      </c>
      <c r="CO24" s="254">
        <v>0</v>
      </c>
      <c r="CP24" s="256">
        <v>0</v>
      </c>
      <c r="CQ24" s="257">
        <v>0</v>
      </c>
      <c r="CR24" s="257">
        <v>0</v>
      </c>
      <c r="CS24" s="257">
        <v>0</v>
      </c>
      <c r="CT24" s="257">
        <v>0</v>
      </c>
      <c r="CU24" s="257">
        <v>0</v>
      </c>
      <c r="CV24" s="254">
        <v>0</v>
      </c>
      <c r="CW24" s="259">
        <v>0</v>
      </c>
      <c r="CX24" s="253">
        <v>0</v>
      </c>
      <c r="CY24" s="257">
        <v>0</v>
      </c>
      <c r="CZ24" s="254">
        <v>0</v>
      </c>
      <c r="DA24" s="256">
        <v>0</v>
      </c>
      <c r="DB24" s="257">
        <v>0</v>
      </c>
      <c r="DC24" s="257">
        <v>0</v>
      </c>
      <c r="DD24" s="257">
        <v>0</v>
      </c>
      <c r="DE24" s="257">
        <v>0</v>
      </c>
      <c r="DF24" s="257">
        <v>0</v>
      </c>
      <c r="DG24" s="254">
        <v>0</v>
      </c>
      <c r="DH24" s="259">
        <v>0</v>
      </c>
    </row>
    <row r="25" spans="2:112" ht="21" customHeight="1" x14ac:dyDescent="0.2">
      <c r="B25" s="437" t="s">
        <v>23</v>
      </c>
      <c r="C25" s="253">
        <v>0</v>
      </c>
      <c r="D25" s="257">
        <v>0</v>
      </c>
      <c r="E25" s="340">
        <v>0</v>
      </c>
      <c r="F25" s="256">
        <v>0</v>
      </c>
      <c r="G25" s="257">
        <v>1912</v>
      </c>
      <c r="H25" s="257">
        <v>2547</v>
      </c>
      <c r="I25" s="257">
        <v>2889</v>
      </c>
      <c r="J25" s="257">
        <v>4576</v>
      </c>
      <c r="K25" s="257">
        <v>2372</v>
      </c>
      <c r="L25" s="258">
        <v>14296</v>
      </c>
      <c r="M25" s="259">
        <v>14296</v>
      </c>
      <c r="N25" s="253">
        <v>0</v>
      </c>
      <c r="O25" s="257">
        <v>0</v>
      </c>
      <c r="P25" s="254">
        <v>0</v>
      </c>
      <c r="Q25" s="256">
        <v>0</v>
      </c>
      <c r="R25" s="257">
        <v>0</v>
      </c>
      <c r="S25" s="257">
        <v>23</v>
      </c>
      <c r="T25" s="257">
        <v>23</v>
      </c>
      <c r="U25" s="257">
        <v>105</v>
      </c>
      <c r="V25" s="257">
        <v>136</v>
      </c>
      <c r="W25" s="254">
        <v>287</v>
      </c>
      <c r="X25" s="259">
        <v>287</v>
      </c>
      <c r="Y25" s="253">
        <v>220</v>
      </c>
      <c r="Z25" s="257">
        <v>522</v>
      </c>
      <c r="AA25" s="254">
        <v>742</v>
      </c>
      <c r="AB25" s="256">
        <v>0</v>
      </c>
      <c r="AC25" s="257">
        <v>993</v>
      </c>
      <c r="AD25" s="257">
        <v>1916</v>
      </c>
      <c r="AE25" s="257">
        <v>966</v>
      </c>
      <c r="AF25" s="257">
        <v>798</v>
      </c>
      <c r="AG25" s="257">
        <v>535</v>
      </c>
      <c r="AH25" s="254">
        <v>5208</v>
      </c>
      <c r="AI25" s="259">
        <v>5950</v>
      </c>
      <c r="AJ25" s="253">
        <v>54</v>
      </c>
      <c r="AK25" s="257">
        <v>141</v>
      </c>
      <c r="AL25" s="254">
        <v>195</v>
      </c>
      <c r="AM25" s="256">
        <v>0</v>
      </c>
      <c r="AN25" s="257">
        <v>150</v>
      </c>
      <c r="AO25" s="257">
        <v>243</v>
      </c>
      <c r="AP25" s="257">
        <v>123</v>
      </c>
      <c r="AQ25" s="257">
        <v>99</v>
      </c>
      <c r="AR25" s="257">
        <v>60</v>
      </c>
      <c r="AS25" s="254">
        <v>675</v>
      </c>
      <c r="AT25" s="259">
        <v>870</v>
      </c>
      <c r="AU25" s="253">
        <v>0</v>
      </c>
      <c r="AV25" s="257">
        <v>0</v>
      </c>
      <c r="AW25" s="254">
        <v>0</v>
      </c>
      <c r="AX25" s="256">
        <v>0</v>
      </c>
      <c r="AY25" s="257">
        <v>2486</v>
      </c>
      <c r="AZ25" s="257">
        <v>2411</v>
      </c>
      <c r="BA25" s="257">
        <v>1658</v>
      </c>
      <c r="BB25" s="257">
        <v>989</v>
      </c>
      <c r="BC25" s="257">
        <v>311</v>
      </c>
      <c r="BD25" s="258">
        <v>7855</v>
      </c>
      <c r="BE25" s="259">
        <v>7855</v>
      </c>
      <c r="BF25" s="253">
        <v>0</v>
      </c>
      <c r="BG25" s="257">
        <v>0</v>
      </c>
      <c r="BH25" s="254">
        <v>0</v>
      </c>
      <c r="BI25" s="256">
        <v>0</v>
      </c>
      <c r="BJ25" s="257">
        <v>289</v>
      </c>
      <c r="BK25" s="257">
        <v>405</v>
      </c>
      <c r="BL25" s="257">
        <v>327</v>
      </c>
      <c r="BM25" s="257">
        <v>192</v>
      </c>
      <c r="BN25" s="257">
        <v>65</v>
      </c>
      <c r="BO25" s="254">
        <v>1278</v>
      </c>
      <c r="BP25" s="259">
        <v>1278</v>
      </c>
      <c r="BQ25" s="253">
        <v>13</v>
      </c>
      <c r="BR25" s="257">
        <v>18</v>
      </c>
      <c r="BS25" s="254">
        <v>31</v>
      </c>
      <c r="BT25" s="256">
        <v>0</v>
      </c>
      <c r="BU25" s="257">
        <v>157</v>
      </c>
      <c r="BV25" s="257">
        <v>323</v>
      </c>
      <c r="BW25" s="257">
        <v>587</v>
      </c>
      <c r="BX25" s="257">
        <v>440</v>
      </c>
      <c r="BY25" s="257">
        <v>212</v>
      </c>
      <c r="BZ25" s="254">
        <v>1719</v>
      </c>
      <c r="CA25" s="259">
        <v>1750</v>
      </c>
      <c r="CB25" s="253">
        <v>3</v>
      </c>
      <c r="CC25" s="257">
        <v>0</v>
      </c>
      <c r="CD25" s="254">
        <v>3</v>
      </c>
      <c r="CE25" s="256">
        <v>0</v>
      </c>
      <c r="CF25" s="257">
        <v>3</v>
      </c>
      <c r="CG25" s="257">
        <v>8</v>
      </c>
      <c r="CH25" s="257">
        <v>15</v>
      </c>
      <c r="CI25" s="257">
        <v>18</v>
      </c>
      <c r="CJ25" s="257">
        <v>22</v>
      </c>
      <c r="CK25" s="254">
        <v>66</v>
      </c>
      <c r="CL25" s="259">
        <v>69</v>
      </c>
      <c r="CM25" s="253">
        <v>0</v>
      </c>
      <c r="CN25" s="257">
        <v>0</v>
      </c>
      <c r="CO25" s="254">
        <v>0</v>
      </c>
      <c r="CP25" s="256">
        <v>0</v>
      </c>
      <c r="CQ25" s="257">
        <v>0</v>
      </c>
      <c r="CR25" s="257">
        <v>0</v>
      </c>
      <c r="CS25" s="257">
        <v>0</v>
      </c>
      <c r="CT25" s="257">
        <v>0</v>
      </c>
      <c r="CU25" s="257">
        <v>0</v>
      </c>
      <c r="CV25" s="254">
        <v>0</v>
      </c>
      <c r="CW25" s="259">
        <v>0</v>
      </c>
      <c r="CX25" s="253">
        <v>0</v>
      </c>
      <c r="CY25" s="257">
        <v>0</v>
      </c>
      <c r="CZ25" s="254">
        <v>0</v>
      </c>
      <c r="DA25" s="256">
        <v>0</v>
      </c>
      <c r="DB25" s="257">
        <v>0</v>
      </c>
      <c r="DC25" s="257">
        <v>0</v>
      </c>
      <c r="DD25" s="257">
        <v>0</v>
      </c>
      <c r="DE25" s="257">
        <v>0</v>
      </c>
      <c r="DF25" s="257">
        <v>0</v>
      </c>
      <c r="DG25" s="254">
        <v>0</v>
      </c>
      <c r="DH25" s="259">
        <v>0</v>
      </c>
    </row>
    <row r="26" spans="2:112" ht="21" customHeight="1" x14ac:dyDescent="0.2">
      <c r="B26" s="437" t="s">
        <v>24</v>
      </c>
      <c r="C26" s="253">
        <v>0</v>
      </c>
      <c r="D26" s="257">
        <v>0</v>
      </c>
      <c r="E26" s="340">
        <v>0</v>
      </c>
      <c r="F26" s="256">
        <v>0</v>
      </c>
      <c r="G26" s="257">
        <v>846</v>
      </c>
      <c r="H26" s="257">
        <v>1134</v>
      </c>
      <c r="I26" s="257">
        <v>1772</v>
      </c>
      <c r="J26" s="257">
        <v>1716</v>
      </c>
      <c r="K26" s="257">
        <v>1850</v>
      </c>
      <c r="L26" s="258">
        <v>7318</v>
      </c>
      <c r="M26" s="259">
        <v>7318</v>
      </c>
      <c r="N26" s="253">
        <v>0</v>
      </c>
      <c r="O26" s="257">
        <v>0</v>
      </c>
      <c r="P26" s="254">
        <v>0</v>
      </c>
      <c r="Q26" s="256">
        <v>0</v>
      </c>
      <c r="R26" s="257">
        <v>5</v>
      </c>
      <c r="S26" s="257">
        <v>8</v>
      </c>
      <c r="T26" s="257">
        <v>12</v>
      </c>
      <c r="U26" s="257">
        <v>51</v>
      </c>
      <c r="V26" s="257">
        <v>129</v>
      </c>
      <c r="W26" s="254">
        <v>205</v>
      </c>
      <c r="X26" s="259">
        <v>205</v>
      </c>
      <c r="Y26" s="253">
        <v>84</v>
      </c>
      <c r="Z26" s="257">
        <v>195</v>
      </c>
      <c r="AA26" s="254">
        <v>279</v>
      </c>
      <c r="AB26" s="256">
        <v>0</v>
      </c>
      <c r="AC26" s="257">
        <v>565</v>
      </c>
      <c r="AD26" s="257">
        <v>570</v>
      </c>
      <c r="AE26" s="257">
        <v>298</v>
      </c>
      <c r="AF26" s="257">
        <v>440</v>
      </c>
      <c r="AG26" s="257">
        <v>372</v>
      </c>
      <c r="AH26" s="254">
        <v>2245</v>
      </c>
      <c r="AI26" s="259">
        <v>2524</v>
      </c>
      <c r="AJ26" s="253">
        <v>0</v>
      </c>
      <c r="AK26" s="257">
        <v>8</v>
      </c>
      <c r="AL26" s="254">
        <v>8</v>
      </c>
      <c r="AM26" s="256">
        <v>0</v>
      </c>
      <c r="AN26" s="257">
        <v>31</v>
      </c>
      <c r="AO26" s="257">
        <v>72</v>
      </c>
      <c r="AP26" s="257">
        <v>41</v>
      </c>
      <c r="AQ26" s="257">
        <v>32</v>
      </c>
      <c r="AR26" s="257">
        <v>42</v>
      </c>
      <c r="AS26" s="254">
        <v>218</v>
      </c>
      <c r="AT26" s="259">
        <v>226</v>
      </c>
      <c r="AU26" s="253">
        <v>0</v>
      </c>
      <c r="AV26" s="257">
        <v>0</v>
      </c>
      <c r="AW26" s="254">
        <v>0</v>
      </c>
      <c r="AX26" s="256">
        <v>0</v>
      </c>
      <c r="AY26" s="257">
        <v>953</v>
      </c>
      <c r="AZ26" s="257">
        <v>820</v>
      </c>
      <c r="BA26" s="257">
        <v>378</v>
      </c>
      <c r="BB26" s="257">
        <v>203</v>
      </c>
      <c r="BC26" s="257">
        <v>78</v>
      </c>
      <c r="BD26" s="258">
        <v>2432</v>
      </c>
      <c r="BE26" s="259">
        <v>2432</v>
      </c>
      <c r="BF26" s="253">
        <v>0</v>
      </c>
      <c r="BG26" s="257">
        <v>0</v>
      </c>
      <c r="BH26" s="254">
        <v>0</v>
      </c>
      <c r="BI26" s="256">
        <v>0</v>
      </c>
      <c r="BJ26" s="257">
        <v>361</v>
      </c>
      <c r="BK26" s="257">
        <v>284</v>
      </c>
      <c r="BL26" s="257">
        <v>218</v>
      </c>
      <c r="BM26" s="257">
        <v>121</v>
      </c>
      <c r="BN26" s="257">
        <v>98</v>
      </c>
      <c r="BO26" s="254">
        <v>1082</v>
      </c>
      <c r="BP26" s="259">
        <v>1082</v>
      </c>
      <c r="BQ26" s="253">
        <v>10</v>
      </c>
      <c r="BR26" s="257">
        <v>3</v>
      </c>
      <c r="BS26" s="254">
        <v>13</v>
      </c>
      <c r="BT26" s="256">
        <v>0</v>
      </c>
      <c r="BU26" s="257">
        <v>131</v>
      </c>
      <c r="BV26" s="257">
        <v>108</v>
      </c>
      <c r="BW26" s="257">
        <v>289</v>
      </c>
      <c r="BX26" s="257">
        <v>223</v>
      </c>
      <c r="BY26" s="257">
        <v>120</v>
      </c>
      <c r="BZ26" s="254">
        <v>871</v>
      </c>
      <c r="CA26" s="259">
        <v>884</v>
      </c>
      <c r="CB26" s="253">
        <v>0</v>
      </c>
      <c r="CC26" s="257">
        <v>0</v>
      </c>
      <c r="CD26" s="254">
        <v>0</v>
      </c>
      <c r="CE26" s="256">
        <v>0</v>
      </c>
      <c r="CF26" s="257">
        <v>8</v>
      </c>
      <c r="CG26" s="257">
        <v>3</v>
      </c>
      <c r="CH26" s="257">
        <v>16</v>
      </c>
      <c r="CI26" s="257">
        <v>6</v>
      </c>
      <c r="CJ26" s="257">
        <v>17</v>
      </c>
      <c r="CK26" s="254">
        <v>50</v>
      </c>
      <c r="CL26" s="259">
        <v>50</v>
      </c>
      <c r="CM26" s="253">
        <v>0</v>
      </c>
      <c r="CN26" s="257">
        <v>0</v>
      </c>
      <c r="CO26" s="254">
        <v>0</v>
      </c>
      <c r="CP26" s="256">
        <v>0</v>
      </c>
      <c r="CQ26" s="257">
        <v>0</v>
      </c>
      <c r="CR26" s="257">
        <v>0</v>
      </c>
      <c r="CS26" s="257">
        <v>0</v>
      </c>
      <c r="CT26" s="257">
        <v>0</v>
      </c>
      <c r="CU26" s="257">
        <v>0</v>
      </c>
      <c r="CV26" s="254">
        <v>0</v>
      </c>
      <c r="CW26" s="259">
        <v>0</v>
      </c>
      <c r="CX26" s="253">
        <v>0</v>
      </c>
      <c r="CY26" s="257">
        <v>0</v>
      </c>
      <c r="CZ26" s="254">
        <v>0</v>
      </c>
      <c r="DA26" s="256">
        <v>0</v>
      </c>
      <c r="DB26" s="257">
        <v>0</v>
      </c>
      <c r="DC26" s="257">
        <v>0</v>
      </c>
      <c r="DD26" s="257">
        <v>0</v>
      </c>
      <c r="DE26" s="257">
        <v>0</v>
      </c>
      <c r="DF26" s="257">
        <v>0</v>
      </c>
      <c r="DG26" s="254">
        <v>0</v>
      </c>
      <c r="DH26" s="259">
        <v>0</v>
      </c>
    </row>
    <row r="27" spans="2:112" ht="21" customHeight="1" x14ac:dyDescent="0.2">
      <c r="B27" s="437" t="s">
        <v>25</v>
      </c>
      <c r="C27" s="253">
        <v>0</v>
      </c>
      <c r="D27" s="257">
        <v>0</v>
      </c>
      <c r="E27" s="340">
        <v>0</v>
      </c>
      <c r="F27" s="256">
        <v>0</v>
      </c>
      <c r="G27" s="257">
        <v>1463</v>
      </c>
      <c r="H27" s="257">
        <v>1834</v>
      </c>
      <c r="I27" s="257">
        <v>1855</v>
      </c>
      <c r="J27" s="257">
        <v>2377</v>
      </c>
      <c r="K27" s="257">
        <v>2351</v>
      </c>
      <c r="L27" s="258">
        <v>9880</v>
      </c>
      <c r="M27" s="259">
        <v>9880</v>
      </c>
      <c r="N27" s="253">
        <v>0</v>
      </c>
      <c r="O27" s="257">
        <v>0</v>
      </c>
      <c r="P27" s="254">
        <v>0</v>
      </c>
      <c r="Q27" s="256">
        <v>0</v>
      </c>
      <c r="R27" s="257">
        <v>11</v>
      </c>
      <c r="S27" s="257">
        <v>41</v>
      </c>
      <c r="T27" s="257">
        <v>46</v>
      </c>
      <c r="U27" s="257">
        <v>72</v>
      </c>
      <c r="V27" s="257">
        <v>88</v>
      </c>
      <c r="W27" s="254">
        <v>258</v>
      </c>
      <c r="X27" s="259">
        <v>258</v>
      </c>
      <c r="Y27" s="253">
        <v>85</v>
      </c>
      <c r="Z27" s="257">
        <v>322</v>
      </c>
      <c r="AA27" s="254">
        <v>407</v>
      </c>
      <c r="AB27" s="256">
        <v>0</v>
      </c>
      <c r="AC27" s="257">
        <v>628</v>
      </c>
      <c r="AD27" s="257">
        <v>791</v>
      </c>
      <c r="AE27" s="257">
        <v>496</v>
      </c>
      <c r="AF27" s="257">
        <v>375</v>
      </c>
      <c r="AG27" s="257">
        <v>264</v>
      </c>
      <c r="AH27" s="254">
        <v>2554</v>
      </c>
      <c r="AI27" s="259">
        <v>2961</v>
      </c>
      <c r="AJ27" s="253">
        <v>8</v>
      </c>
      <c r="AK27" s="257">
        <v>62</v>
      </c>
      <c r="AL27" s="254">
        <v>70</v>
      </c>
      <c r="AM27" s="256">
        <v>0</v>
      </c>
      <c r="AN27" s="257">
        <v>12</v>
      </c>
      <c r="AO27" s="257">
        <v>169</v>
      </c>
      <c r="AP27" s="257">
        <v>42</v>
      </c>
      <c r="AQ27" s="257">
        <v>49</v>
      </c>
      <c r="AR27" s="257">
        <v>65</v>
      </c>
      <c r="AS27" s="254">
        <v>337</v>
      </c>
      <c r="AT27" s="259">
        <v>407</v>
      </c>
      <c r="AU27" s="253">
        <v>0</v>
      </c>
      <c r="AV27" s="257">
        <v>0</v>
      </c>
      <c r="AW27" s="254">
        <v>0</v>
      </c>
      <c r="AX27" s="256">
        <v>0</v>
      </c>
      <c r="AY27" s="257">
        <v>1295</v>
      </c>
      <c r="AZ27" s="257">
        <v>1007</v>
      </c>
      <c r="BA27" s="257">
        <v>759</v>
      </c>
      <c r="BB27" s="257">
        <v>429</v>
      </c>
      <c r="BC27" s="257">
        <v>146</v>
      </c>
      <c r="BD27" s="258">
        <v>3636</v>
      </c>
      <c r="BE27" s="259">
        <v>3636</v>
      </c>
      <c r="BF27" s="253">
        <v>0</v>
      </c>
      <c r="BG27" s="257">
        <v>0</v>
      </c>
      <c r="BH27" s="254">
        <v>0</v>
      </c>
      <c r="BI27" s="256">
        <v>0</v>
      </c>
      <c r="BJ27" s="257">
        <v>287</v>
      </c>
      <c r="BK27" s="257">
        <v>447</v>
      </c>
      <c r="BL27" s="257">
        <v>227</v>
      </c>
      <c r="BM27" s="257">
        <v>140</v>
      </c>
      <c r="BN27" s="257">
        <v>23</v>
      </c>
      <c r="BO27" s="254">
        <v>1124</v>
      </c>
      <c r="BP27" s="259">
        <v>1124</v>
      </c>
      <c r="BQ27" s="253">
        <v>0</v>
      </c>
      <c r="BR27" s="257">
        <v>15</v>
      </c>
      <c r="BS27" s="254">
        <v>15</v>
      </c>
      <c r="BT27" s="256">
        <v>0</v>
      </c>
      <c r="BU27" s="257">
        <v>144</v>
      </c>
      <c r="BV27" s="257">
        <v>178</v>
      </c>
      <c r="BW27" s="257">
        <v>270</v>
      </c>
      <c r="BX27" s="257">
        <v>184</v>
      </c>
      <c r="BY27" s="257">
        <v>72</v>
      </c>
      <c r="BZ27" s="254">
        <v>848</v>
      </c>
      <c r="CA27" s="259">
        <v>863</v>
      </c>
      <c r="CB27" s="253">
        <v>0</v>
      </c>
      <c r="CC27" s="257">
        <v>0</v>
      </c>
      <c r="CD27" s="254">
        <v>0</v>
      </c>
      <c r="CE27" s="256">
        <v>0</v>
      </c>
      <c r="CF27" s="257">
        <v>0</v>
      </c>
      <c r="CG27" s="257">
        <v>34</v>
      </c>
      <c r="CH27" s="257">
        <v>30</v>
      </c>
      <c r="CI27" s="257">
        <v>47</v>
      </c>
      <c r="CJ27" s="257">
        <v>21</v>
      </c>
      <c r="CK27" s="254">
        <v>132</v>
      </c>
      <c r="CL27" s="259">
        <v>132</v>
      </c>
      <c r="CM27" s="253">
        <v>0</v>
      </c>
      <c r="CN27" s="257">
        <v>0</v>
      </c>
      <c r="CO27" s="254">
        <v>0</v>
      </c>
      <c r="CP27" s="256">
        <v>0</v>
      </c>
      <c r="CQ27" s="257">
        <v>0</v>
      </c>
      <c r="CR27" s="257">
        <v>0</v>
      </c>
      <c r="CS27" s="257">
        <v>0</v>
      </c>
      <c r="CT27" s="257">
        <v>0</v>
      </c>
      <c r="CU27" s="257">
        <v>0</v>
      </c>
      <c r="CV27" s="254">
        <v>0</v>
      </c>
      <c r="CW27" s="259">
        <v>0</v>
      </c>
      <c r="CX27" s="253">
        <v>0</v>
      </c>
      <c r="CY27" s="257">
        <v>0</v>
      </c>
      <c r="CZ27" s="254">
        <v>0</v>
      </c>
      <c r="DA27" s="256">
        <v>0</v>
      </c>
      <c r="DB27" s="257">
        <v>0</v>
      </c>
      <c r="DC27" s="257">
        <v>0</v>
      </c>
      <c r="DD27" s="257">
        <v>0</v>
      </c>
      <c r="DE27" s="257">
        <v>0</v>
      </c>
      <c r="DF27" s="257">
        <v>0</v>
      </c>
      <c r="DG27" s="254">
        <v>0</v>
      </c>
      <c r="DH27" s="259">
        <v>0</v>
      </c>
    </row>
    <row r="28" spans="2:112" ht="21" customHeight="1" x14ac:dyDescent="0.2">
      <c r="B28" s="437" t="s">
        <v>26</v>
      </c>
      <c r="C28" s="253">
        <v>0</v>
      </c>
      <c r="D28" s="257">
        <v>0</v>
      </c>
      <c r="E28" s="340">
        <v>0</v>
      </c>
      <c r="F28" s="256">
        <v>0</v>
      </c>
      <c r="G28" s="257">
        <v>975</v>
      </c>
      <c r="H28" s="257">
        <v>1444</v>
      </c>
      <c r="I28" s="257">
        <v>1723</v>
      </c>
      <c r="J28" s="257">
        <v>1442</v>
      </c>
      <c r="K28" s="257">
        <v>2465</v>
      </c>
      <c r="L28" s="258">
        <v>8049</v>
      </c>
      <c r="M28" s="259">
        <v>8049</v>
      </c>
      <c r="N28" s="253">
        <v>0</v>
      </c>
      <c r="O28" s="257">
        <v>0</v>
      </c>
      <c r="P28" s="254">
        <v>0</v>
      </c>
      <c r="Q28" s="256">
        <v>0</v>
      </c>
      <c r="R28" s="257">
        <v>0</v>
      </c>
      <c r="S28" s="257">
        <v>6</v>
      </c>
      <c r="T28" s="257">
        <v>16</v>
      </c>
      <c r="U28" s="257">
        <v>45</v>
      </c>
      <c r="V28" s="257">
        <v>91</v>
      </c>
      <c r="W28" s="254">
        <v>158</v>
      </c>
      <c r="X28" s="259">
        <v>158</v>
      </c>
      <c r="Y28" s="253">
        <v>77</v>
      </c>
      <c r="Z28" s="257">
        <v>83</v>
      </c>
      <c r="AA28" s="254">
        <v>160</v>
      </c>
      <c r="AB28" s="256">
        <v>0</v>
      </c>
      <c r="AC28" s="257">
        <v>481</v>
      </c>
      <c r="AD28" s="257">
        <v>508</v>
      </c>
      <c r="AE28" s="257">
        <v>345</v>
      </c>
      <c r="AF28" s="257">
        <v>273</v>
      </c>
      <c r="AG28" s="257">
        <v>459</v>
      </c>
      <c r="AH28" s="254">
        <v>2066</v>
      </c>
      <c r="AI28" s="259">
        <v>2226</v>
      </c>
      <c r="AJ28" s="253">
        <v>0</v>
      </c>
      <c r="AK28" s="257">
        <v>24</v>
      </c>
      <c r="AL28" s="254">
        <v>24</v>
      </c>
      <c r="AM28" s="256">
        <v>0</v>
      </c>
      <c r="AN28" s="257">
        <v>0</v>
      </c>
      <c r="AO28" s="257">
        <v>33</v>
      </c>
      <c r="AP28" s="257">
        <v>93</v>
      </c>
      <c r="AQ28" s="257">
        <v>35</v>
      </c>
      <c r="AR28" s="257">
        <v>56</v>
      </c>
      <c r="AS28" s="254">
        <v>217</v>
      </c>
      <c r="AT28" s="259">
        <v>241</v>
      </c>
      <c r="AU28" s="253">
        <v>0</v>
      </c>
      <c r="AV28" s="257">
        <v>0</v>
      </c>
      <c r="AW28" s="254">
        <v>0</v>
      </c>
      <c r="AX28" s="256">
        <v>0</v>
      </c>
      <c r="AY28" s="257">
        <v>957</v>
      </c>
      <c r="AZ28" s="257">
        <v>886</v>
      </c>
      <c r="BA28" s="257">
        <v>524</v>
      </c>
      <c r="BB28" s="257">
        <v>210</v>
      </c>
      <c r="BC28" s="257">
        <v>157</v>
      </c>
      <c r="BD28" s="258">
        <v>2734</v>
      </c>
      <c r="BE28" s="259">
        <v>2734</v>
      </c>
      <c r="BF28" s="253">
        <v>0</v>
      </c>
      <c r="BG28" s="257">
        <v>0</v>
      </c>
      <c r="BH28" s="254">
        <v>0</v>
      </c>
      <c r="BI28" s="256">
        <v>0</v>
      </c>
      <c r="BJ28" s="257">
        <v>168</v>
      </c>
      <c r="BK28" s="257">
        <v>163</v>
      </c>
      <c r="BL28" s="257">
        <v>143</v>
      </c>
      <c r="BM28" s="257">
        <v>80</v>
      </c>
      <c r="BN28" s="257">
        <v>39</v>
      </c>
      <c r="BO28" s="254">
        <v>593</v>
      </c>
      <c r="BP28" s="259">
        <v>593</v>
      </c>
      <c r="BQ28" s="253">
        <v>0</v>
      </c>
      <c r="BR28" s="257">
        <v>1</v>
      </c>
      <c r="BS28" s="254">
        <v>1</v>
      </c>
      <c r="BT28" s="256">
        <v>0</v>
      </c>
      <c r="BU28" s="257">
        <v>108</v>
      </c>
      <c r="BV28" s="257">
        <v>137</v>
      </c>
      <c r="BW28" s="257">
        <v>382</v>
      </c>
      <c r="BX28" s="257">
        <v>236</v>
      </c>
      <c r="BY28" s="257">
        <v>247</v>
      </c>
      <c r="BZ28" s="254">
        <v>1110</v>
      </c>
      <c r="CA28" s="259">
        <v>1111</v>
      </c>
      <c r="CB28" s="253">
        <v>0</v>
      </c>
      <c r="CC28" s="257">
        <v>0</v>
      </c>
      <c r="CD28" s="254">
        <v>0</v>
      </c>
      <c r="CE28" s="256">
        <v>0</v>
      </c>
      <c r="CF28" s="257">
        <v>39</v>
      </c>
      <c r="CG28" s="257">
        <v>18</v>
      </c>
      <c r="CH28" s="257">
        <v>14</v>
      </c>
      <c r="CI28" s="257">
        <v>33</v>
      </c>
      <c r="CJ28" s="257">
        <v>26</v>
      </c>
      <c r="CK28" s="254">
        <v>130</v>
      </c>
      <c r="CL28" s="259">
        <v>130</v>
      </c>
      <c r="CM28" s="253">
        <v>0</v>
      </c>
      <c r="CN28" s="257">
        <v>0</v>
      </c>
      <c r="CO28" s="254">
        <v>0</v>
      </c>
      <c r="CP28" s="256">
        <v>0</v>
      </c>
      <c r="CQ28" s="257">
        <v>0</v>
      </c>
      <c r="CR28" s="257">
        <v>0</v>
      </c>
      <c r="CS28" s="257">
        <v>0</v>
      </c>
      <c r="CT28" s="257">
        <v>0</v>
      </c>
      <c r="CU28" s="257">
        <v>0</v>
      </c>
      <c r="CV28" s="254">
        <v>0</v>
      </c>
      <c r="CW28" s="259">
        <v>0</v>
      </c>
      <c r="CX28" s="253">
        <v>0</v>
      </c>
      <c r="CY28" s="257">
        <v>0</v>
      </c>
      <c r="CZ28" s="254">
        <v>0</v>
      </c>
      <c r="DA28" s="256">
        <v>0</v>
      </c>
      <c r="DB28" s="257">
        <v>0</v>
      </c>
      <c r="DC28" s="257">
        <v>0</v>
      </c>
      <c r="DD28" s="257">
        <v>0</v>
      </c>
      <c r="DE28" s="257">
        <v>0</v>
      </c>
      <c r="DF28" s="257">
        <v>0</v>
      </c>
      <c r="DG28" s="254">
        <v>0</v>
      </c>
      <c r="DH28" s="259">
        <v>0</v>
      </c>
    </row>
    <row r="29" spans="2:112" ht="21" customHeight="1" x14ac:dyDescent="0.2">
      <c r="B29" s="437" t="s">
        <v>27</v>
      </c>
      <c r="C29" s="253">
        <v>0</v>
      </c>
      <c r="D29" s="257">
        <v>0</v>
      </c>
      <c r="E29" s="340">
        <v>0</v>
      </c>
      <c r="F29" s="256">
        <v>0</v>
      </c>
      <c r="G29" s="257">
        <v>704</v>
      </c>
      <c r="H29" s="257">
        <v>936</v>
      </c>
      <c r="I29" s="257">
        <v>1401</v>
      </c>
      <c r="J29" s="257">
        <v>753</v>
      </c>
      <c r="K29" s="257">
        <v>1420</v>
      </c>
      <c r="L29" s="258">
        <v>5214</v>
      </c>
      <c r="M29" s="259">
        <v>5214</v>
      </c>
      <c r="N29" s="253">
        <v>0</v>
      </c>
      <c r="O29" s="257">
        <v>0</v>
      </c>
      <c r="P29" s="254">
        <v>0</v>
      </c>
      <c r="Q29" s="256">
        <v>0</v>
      </c>
      <c r="R29" s="257">
        <v>6</v>
      </c>
      <c r="S29" s="257">
        <v>23</v>
      </c>
      <c r="T29" s="257">
        <v>19</v>
      </c>
      <c r="U29" s="257">
        <v>37</v>
      </c>
      <c r="V29" s="257">
        <v>96</v>
      </c>
      <c r="W29" s="254">
        <v>181</v>
      </c>
      <c r="X29" s="259">
        <v>181</v>
      </c>
      <c r="Y29" s="253">
        <v>101</v>
      </c>
      <c r="Z29" s="257">
        <v>257</v>
      </c>
      <c r="AA29" s="254">
        <v>358</v>
      </c>
      <c r="AB29" s="256">
        <v>0</v>
      </c>
      <c r="AC29" s="257">
        <v>280</v>
      </c>
      <c r="AD29" s="257">
        <v>487</v>
      </c>
      <c r="AE29" s="257">
        <v>304</v>
      </c>
      <c r="AF29" s="257">
        <v>236</v>
      </c>
      <c r="AG29" s="257">
        <v>319</v>
      </c>
      <c r="AH29" s="254">
        <v>1626</v>
      </c>
      <c r="AI29" s="259">
        <v>1984</v>
      </c>
      <c r="AJ29" s="253">
        <v>0</v>
      </c>
      <c r="AK29" s="257">
        <v>25</v>
      </c>
      <c r="AL29" s="254">
        <v>25</v>
      </c>
      <c r="AM29" s="256">
        <v>0</v>
      </c>
      <c r="AN29" s="257">
        <v>15</v>
      </c>
      <c r="AO29" s="257">
        <v>24</v>
      </c>
      <c r="AP29" s="257">
        <v>15</v>
      </c>
      <c r="AQ29" s="257">
        <v>0</v>
      </c>
      <c r="AR29" s="257">
        <v>4</v>
      </c>
      <c r="AS29" s="254">
        <v>58</v>
      </c>
      <c r="AT29" s="259">
        <v>83</v>
      </c>
      <c r="AU29" s="253">
        <v>0</v>
      </c>
      <c r="AV29" s="257">
        <v>0</v>
      </c>
      <c r="AW29" s="254">
        <v>0</v>
      </c>
      <c r="AX29" s="256">
        <v>0</v>
      </c>
      <c r="AY29" s="257">
        <v>1040</v>
      </c>
      <c r="AZ29" s="257">
        <v>548</v>
      </c>
      <c r="BA29" s="257">
        <v>332</v>
      </c>
      <c r="BB29" s="257">
        <v>298</v>
      </c>
      <c r="BC29" s="257">
        <v>149</v>
      </c>
      <c r="BD29" s="258">
        <v>2367</v>
      </c>
      <c r="BE29" s="259">
        <v>2367</v>
      </c>
      <c r="BF29" s="253">
        <v>0</v>
      </c>
      <c r="BG29" s="257">
        <v>0</v>
      </c>
      <c r="BH29" s="254">
        <v>0</v>
      </c>
      <c r="BI29" s="256">
        <v>0</v>
      </c>
      <c r="BJ29" s="257">
        <v>165</v>
      </c>
      <c r="BK29" s="257">
        <v>199</v>
      </c>
      <c r="BL29" s="257">
        <v>96</v>
      </c>
      <c r="BM29" s="257">
        <v>28</v>
      </c>
      <c r="BN29" s="257">
        <v>59</v>
      </c>
      <c r="BO29" s="254">
        <v>547</v>
      </c>
      <c r="BP29" s="259">
        <v>547</v>
      </c>
      <c r="BQ29" s="253">
        <v>0</v>
      </c>
      <c r="BR29" s="257">
        <v>6</v>
      </c>
      <c r="BS29" s="254">
        <v>6</v>
      </c>
      <c r="BT29" s="256">
        <v>0</v>
      </c>
      <c r="BU29" s="257">
        <v>57</v>
      </c>
      <c r="BV29" s="257">
        <v>119</v>
      </c>
      <c r="BW29" s="257">
        <v>146</v>
      </c>
      <c r="BX29" s="257">
        <v>181</v>
      </c>
      <c r="BY29" s="257">
        <v>41</v>
      </c>
      <c r="BZ29" s="254">
        <v>544</v>
      </c>
      <c r="CA29" s="259">
        <v>550</v>
      </c>
      <c r="CB29" s="253">
        <v>4</v>
      </c>
      <c r="CC29" s="257">
        <v>0</v>
      </c>
      <c r="CD29" s="254">
        <v>4</v>
      </c>
      <c r="CE29" s="256">
        <v>0</v>
      </c>
      <c r="CF29" s="257">
        <v>0</v>
      </c>
      <c r="CG29" s="257">
        <v>11</v>
      </c>
      <c r="CH29" s="257">
        <v>0</v>
      </c>
      <c r="CI29" s="257">
        <v>5</v>
      </c>
      <c r="CJ29" s="257">
        <v>0</v>
      </c>
      <c r="CK29" s="254">
        <v>16</v>
      </c>
      <c r="CL29" s="259">
        <v>20</v>
      </c>
      <c r="CM29" s="253">
        <v>0</v>
      </c>
      <c r="CN29" s="257">
        <v>0</v>
      </c>
      <c r="CO29" s="254">
        <v>0</v>
      </c>
      <c r="CP29" s="256">
        <v>0</v>
      </c>
      <c r="CQ29" s="257">
        <v>0</v>
      </c>
      <c r="CR29" s="257">
        <v>0</v>
      </c>
      <c r="CS29" s="257">
        <v>0</v>
      </c>
      <c r="CT29" s="257">
        <v>0</v>
      </c>
      <c r="CU29" s="257">
        <v>0</v>
      </c>
      <c r="CV29" s="254">
        <v>0</v>
      </c>
      <c r="CW29" s="259">
        <v>0</v>
      </c>
      <c r="CX29" s="253">
        <v>0</v>
      </c>
      <c r="CY29" s="257">
        <v>0</v>
      </c>
      <c r="CZ29" s="254">
        <v>0</v>
      </c>
      <c r="DA29" s="256">
        <v>0</v>
      </c>
      <c r="DB29" s="257">
        <v>0</v>
      </c>
      <c r="DC29" s="257">
        <v>0</v>
      </c>
      <c r="DD29" s="257">
        <v>0</v>
      </c>
      <c r="DE29" s="257">
        <v>0</v>
      </c>
      <c r="DF29" s="257">
        <v>0</v>
      </c>
      <c r="DG29" s="254">
        <v>0</v>
      </c>
      <c r="DH29" s="259">
        <v>0</v>
      </c>
    </row>
    <row r="30" spans="2:112" ht="21" customHeight="1" x14ac:dyDescent="0.2">
      <c r="B30" s="437" t="s">
        <v>28</v>
      </c>
      <c r="C30" s="253">
        <v>0</v>
      </c>
      <c r="D30" s="257">
        <v>0</v>
      </c>
      <c r="E30" s="340">
        <v>0</v>
      </c>
      <c r="F30" s="256">
        <v>0</v>
      </c>
      <c r="G30" s="257">
        <v>84</v>
      </c>
      <c r="H30" s="257">
        <v>226</v>
      </c>
      <c r="I30" s="257">
        <v>219</v>
      </c>
      <c r="J30" s="257">
        <v>264</v>
      </c>
      <c r="K30" s="257">
        <v>287</v>
      </c>
      <c r="L30" s="258">
        <v>1080</v>
      </c>
      <c r="M30" s="259">
        <v>1080</v>
      </c>
      <c r="N30" s="253">
        <v>0</v>
      </c>
      <c r="O30" s="257">
        <v>0</v>
      </c>
      <c r="P30" s="254">
        <v>0</v>
      </c>
      <c r="Q30" s="256">
        <v>0</v>
      </c>
      <c r="R30" s="257">
        <v>0</v>
      </c>
      <c r="S30" s="257">
        <v>0</v>
      </c>
      <c r="T30" s="257">
        <v>14</v>
      </c>
      <c r="U30" s="257">
        <v>8</v>
      </c>
      <c r="V30" s="257">
        <v>17</v>
      </c>
      <c r="W30" s="254">
        <v>39</v>
      </c>
      <c r="X30" s="259">
        <v>39</v>
      </c>
      <c r="Y30" s="253">
        <v>5</v>
      </c>
      <c r="Z30" s="257">
        <v>16</v>
      </c>
      <c r="AA30" s="254">
        <v>21</v>
      </c>
      <c r="AB30" s="256">
        <v>0</v>
      </c>
      <c r="AC30" s="257">
        <v>66</v>
      </c>
      <c r="AD30" s="257">
        <v>106</v>
      </c>
      <c r="AE30" s="257">
        <v>64</v>
      </c>
      <c r="AF30" s="257">
        <v>75</v>
      </c>
      <c r="AG30" s="257">
        <v>44</v>
      </c>
      <c r="AH30" s="254">
        <v>355</v>
      </c>
      <c r="AI30" s="259">
        <v>376</v>
      </c>
      <c r="AJ30" s="253">
        <v>0</v>
      </c>
      <c r="AK30" s="257">
        <v>0</v>
      </c>
      <c r="AL30" s="254">
        <v>0</v>
      </c>
      <c r="AM30" s="256">
        <v>0</v>
      </c>
      <c r="AN30" s="257">
        <v>8</v>
      </c>
      <c r="AO30" s="257">
        <v>24</v>
      </c>
      <c r="AP30" s="257">
        <v>0</v>
      </c>
      <c r="AQ30" s="257">
        <v>15</v>
      </c>
      <c r="AR30" s="257">
        <v>17</v>
      </c>
      <c r="AS30" s="254">
        <v>64</v>
      </c>
      <c r="AT30" s="259">
        <v>64</v>
      </c>
      <c r="AU30" s="253">
        <v>0</v>
      </c>
      <c r="AV30" s="257">
        <v>0</v>
      </c>
      <c r="AW30" s="254">
        <v>0</v>
      </c>
      <c r="AX30" s="256">
        <v>0</v>
      </c>
      <c r="AY30" s="257">
        <v>220</v>
      </c>
      <c r="AZ30" s="257">
        <v>352</v>
      </c>
      <c r="BA30" s="257">
        <v>197</v>
      </c>
      <c r="BB30" s="257">
        <v>148</v>
      </c>
      <c r="BC30" s="257">
        <v>62</v>
      </c>
      <c r="BD30" s="258">
        <v>979</v>
      </c>
      <c r="BE30" s="259">
        <v>979</v>
      </c>
      <c r="BF30" s="253">
        <v>0</v>
      </c>
      <c r="BG30" s="257">
        <v>0</v>
      </c>
      <c r="BH30" s="254">
        <v>0</v>
      </c>
      <c r="BI30" s="256">
        <v>0</v>
      </c>
      <c r="BJ30" s="257">
        <v>70</v>
      </c>
      <c r="BK30" s="257">
        <v>98</v>
      </c>
      <c r="BL30" s="257">
        <v>62</v>
      </c>
      <c r="BM30" s="257">
        <v>55</v>
      </c>
      <c r="BN30" s="257">
        <v>31</v>
      </c>
      <c r="BO30" s="254">
        <v>316</v>
      </c>
      <c r="BP30" s="259">
        <v>316</v>
      </c>
      <c r="BQ30" s="253">
        <v>0</v>
      </c>
      <c r="BR30" s="257">
        <v>4</v>
      </c>
      <c r="BS30" s="254">
        <v>4</v>
      </c>
      <c r="BT30" s="256">
        <v>0</v>
      </c>
      <c r="BU30" s="257">
        <v>5</v>
      </c>
      <c r="BV30" s="257">
        <v>27</v>
      </c>
      <c r="BW30" s="257">
        <v>35</v>
      </c>
      <c r="BX30" s="257">
        <v>38</v>
      </c>
      <c r="BY30" s="257">
        <v>60</v>
      </c>
      <c r="BZ30" s="254">
        <v>165</v>
      </c>
      <c r="CA30" s="259">
        <v>169</v>
      </c>
      <c r="CB30" s="253">
        <v>0</v>
      </c>
      <c r="CC30" s="257">
        <v>0</v>
      </c>
      <c r="CD30" s="254">
        <v>0</v>
      </c>
      <c r="CE30" s="256">
        <v>0</v>
      </c>
      <c r="CF30" s="257">
        <v>6</v>
      </c>
      <c r="CG30" s="257">
        <v>7</v>
      </c>
      <c r="CH30" s="257">
        <v>25</v>
      </c>
      <c r="CI30" s="257">
        <v>12</v>
      </c>
      <c r="CJ30" s="257">
        <v>0</v>
      </c>
      <c r="CK30" s="254">
        <v>50</v>
      </c>
      <c r="CL30" s="259">
        <v>50</v>
      </c>
      <c r="CM30" s="253">
        <v>0</v>
      </c>
      <c r="CN30" s="257">
        <v>0</v>
      </c>
      <c r="CO30" s="254">
        <v>0</v>
      </c>
      <c r="CP30" s="256">
        <v>0</v>
      </c>
      <c r="CQ30" s="257">
        <v>0</v>
      </c>
      <c r="CR30" s="257">
        <v>0</v>
      </c>
      <c r="CS30" s="257">
        <v>0</v>
      </c>
      <c r="CT30" s="257">
        <v>0</v>
      </c>
      <c r="CU30" s="257">
        <v>0</v>
      </c>
      <c r="CV30" s="254">
        <v>0</v>
      </c>
      <c r="CW30" s="259">
        <v>0</v>
      </c>
      <c r="CX30" s="253">
        <v>0</v>
      </c>
      <c r="CY30" s="257">
        <v>0</v>
      </c>
      <c r="CZ30" s="254">
        <v>0</v>
      </c>
      <c r="DA30" s="256">
        <v>0</v>
      </c>
      <c r="DB30" s="257">
        <v>0</v>
      </c>
      <c r="DC30" s="257">
        <v>0</v>
      </c>
      <c r="DD30" s="257">
        <v>0</v>
      </c>
      <c r="DE30" s="257">
        <v>0</v>
      </c>
      <c r="DF30" s="257">
        <v>0</v>
      </c>
      <c r="DG30" s="254">
        <v>0</v>
      </c>
      <c r="DH30" s="259">
        <v>0</v>
      </c>
    </row>
    <row r="31" spans="2:112" ht="21" customHeight="1" x14ac:dyDescent="0.2">
      <c r="B31" s="437" t="s">
        <v>29</v>
      </c>
      <c r="C31" s="253">
        <v>0</v>
      </c>
      <c r="D31" s="257">
        <v>0</v>
      </c>
      <c r="E31" s="340">
        <v>0</v>
      </c>
      <c r="F31" s="256">
        <v>0</v>
      </c>
      <c r="G31" s="257">
        <v>271</v>
      </c>
      <c r="H31" s="257">
        <v>296</v>
      </c>
      <c r="I31" s="257">
        <v>713</v>
      </c>
      <c r="J31" s="257">
        <v>935</v>
      </c>
      <c r="K31" s="257">
        <v>830</v>
      </c>
      <c r="L31" s="258">
        <v>3045</v>
      </c>
      <c r="M31" s="259">
        <v>3045</v>
      </c>
      <c r="N31" s="253">
        <v>0</v>
      </c>
      <c r="O31" s="257">
        <v>0</v>
      </c>
      <c r="P31" s="254">
        <v>0</v>
      </c>
      <c r="Q31" s="256">
        <v>0</v>
      </c>
      <c r="R31" s="257">
        <v>0</v>
      </c>
      <c r="S31" s="257">
        <v>0</v>
      </c>
      <c r="T31" s="257">
        <v>2</v>
      </c>
      <c r="U31" s="257">
        <v>14</v>
      </c>
      <c r="V31" s="257">
        <v>44</v>
      </c>
      <c r="W31" s="254">
        <v>60</v>
      </c>
      <c r="X31" s="259">
        <v>60</v>
      </c>
      <c r="Y31" s="253">
        <v>4</v>
      </c>
      <c r="Z31" s="257">
        <v>37</v>
      </c>
      <c r="AA31" s="254">
        <v>41</v>
      </c>
      <c r="AB31" s="256">
        <v>0</v>
      </c>
      <c r="AC31" s="257">
        <v>192</v>
      </c>
      <c r="AD31" s="257">
        <v>177</v>
      </c>
      <c r="AE31" s="257">
        <v>138</v>
      </c>
      <c r="AF31" s="257">
        <v>108</v>
      </c>
      <c r="AG31" s="257">
        <v>117</v>
      </c>
      <c r="AH31" s="254">
        <v>732</v>
      </c>
      <c r="AI31" s="259">
        <v>773</v>
      </c>
      <c r="AJ31" s="253">
        <v>0</v>
      </c>
      <c r="AK31" s="257">
        <v>12</v>
      </c>
      <c r="AL31" s="254">
        <v>12</v>
      </c>
      <c r="AM31" s="256">
        <v>0</v>
      </c>
      <c r="AN31" s="257">
        <v>21</v>
      </c>
      <c r="AO31" s="257">
        <v>12</v>
      </c>
      <c r="AP31" s="257">
        <v>24</v>
      </c>
      <c r="AQ31" s="257">
        <v>20</v>
      </c>
      <c r="AR31" s="257">
        <v>0</v>
      </c>
      <c r="AS31" s="254">
        <v>77</v>
      </c>
      <c r="AT31" s="259">
        <v>89</v>
      </c>
      <c r="AU31" s="253">
        <v>0</v>
      </c>
      <c r="AV31" s="257">
        <v>0</v>
      </c>
      <c r="AW31" s="254">
        <v>0</v>
      </c>
      <c r="AX31" s="256">
        <v>0</v>
      </c>
      <c r="AY31" s="257">
        <v>301</v>
      </c>
      <c r="AZ31" s="257">
        <v>397</v>
      </c>
      <c r="BA31" s="257">
        <v>315</v>
      </c>
      <c r="BB31" s="257">
        <v>163</v>
      </c>
      <c r="BC31" s="257">
        <v>82</v>
      </c>
      <c r="BD31" s="258">
        <v>1258</v>
      </c>
      <c r="BE31" s="259">
        <v>1258</v>
      </c>
      <c r="BF31" s="253">
        <v>0</v>
      </c>
      <c r="BG31" s="257">
        <v>0</v>
      </c>
      <c r="BH31" s="254">
        <v>0</v>
      </c>
      <c r="BI31" s="256">
        <v>0</v>
      </c>
      <c r="BJ31" s="257">
        <v>100</v>
      </c>
      <c r="BK31" s="257">
        <v>60</v>
      </c>
      <c r="BL31" s="257">
        <v>96</v>
      </c>
      <c r="BM31" s="257">
        <v>14</v>
      </c>
      <c r="BN31" s="257">
        <v>24</v>
      </c>
      <c r="BO31" s="254">
        <v>294</v>
      </c>
      <c r="BP31" s="259">
        <v>294</v>
      </c>
      <c r="BQ31" s="253">
        <v>0</v>
      </c>
      <c r="BR31" s="257">
        <v>0</v>
      </c>
      <c r="BS31" s="254">
        <v>0</v>
      </c>
      <c r="BT31" s="256">
        <v>0</v>
      </c>
      <c r="BU31" s="257">
        <v>56</v>
      </c>
      <c r="BV31" s="257">
        <v>59</v>
      </c>
      <c r="BW31" s="257">
        <v>149</v>
      </c>
      <c r="BX31" s="257">
        <v>139</v>
      </c>
      <c r="BY31" s="257">
        <v>87</v>
      </c>
      <c r="BZ31" s="254">
        <v>490</v>
      </c>
      <c r="CA31" s="259">
        <v>490</v>
      </c>
      <c r="CB31" s="253">
        <v>0</v>
      </c>
      <c r="CC31" s="257">
        <v>0</v>
      </c>
      <c r="CD31" s="254">
        <v>0</v>
      </c>
      <c r="CE31" s="256">
        <v>0</v>
      </c>
      <c r="CF31" s="257">
        <v>6</v>
      </c>
      <c r="CG31" s="257">
        <v>8</v>
      </c>
      <c r="CH31" s="257">
        <v>4</v>
      </c>
      <c r="CI31" s="257">
        <v>20</v>
      </c>
      <c r="CJ31" s="257">
        <v>0</v>
      </c>
      <c r="CK31" s="254">
        <v>38</v>
      </c>
      <c r="CL31" s="259">
        <v>38</v>
      </c>
      <c r="CM31" s="253">
        <v>0</v>
      </c>
      <c r="CN31" s="257">
        <v>0</v>
      </c>
      <c r="CO31" s="254">
        <v>0</v>
      </c>
      <c r="CP31" s="256">
        <v>0</v>
      </c>
      <c r="CQ31" s="257">
        <v>0</v>
      </c>
      <c r="CR31" s="257">
        <v>0</v>
      </c>
      <c r="CS31" s="257">
        <v>0</v>
      </c>
      <c r="CT31" s="257">
        <v>0</v>
      </c>
      <c r="CU31" s="257">
        <v>0</v>
      </c>
      <c r="CV31" s="254">
        <v>0</v>
      </c>
      <c r="CW31" s="259">
        <v>0</v>
      </c>
      <c r="CX31" s="253">
        <v>0</v>
      </c>
      <c r="CY31" s="257">
        <v>0</v>
      </c>
      <c r="CZ31" s="254">
        <v>0</v>
      </c>
      <c r="DA31" s="256">
        <v>0</v>
      </c>
      <c r="DB31" s="257">
        <v>0</v>
      </c>
      <c r="DC31" s="257">
        <v>0</v>
      </c>
      <c r="DD31" s="257">
        <v>0</v>
      </c>
      <c r="DE31" s="257">
        <v>0</v>
      </c>
      <c r="DF31" s="257">
        <v>0</v>
      </c>
      <c r="DG31" s="254">
        <v>0</v>
      </c>
      <c r="DH31" s="259">
        <v>0</v>
      </c>
    </row>
    <row r="32" spans="2:112" ht="21" customHeight="1" x14ac:dyDescent="0.2">
      <c r="B32" s="437" t="s">
        <v>30</v>
      </c>
      <c r="C32" s="253">
        <v>0</v>
      </c>
      <c r="D32" s="257">
        <v>0</v>
      </c>
      <c r="E32" s="340">
        <v>0</v>
      </c>
      <c r="F32" s="256">
        <v>0</v>
      </c>
      <c r="G32" s="257">
        <v>130</v>
      </c>
      <c r="H32" s="257">
        <v>283</v>
      </c>
      <c r="I32" s="257">
        <v>523</v>
      </c>
      <c r="J32" s="257">
        <v>987</v>
      </c>
      <c r="K32" s="257">
        <v>372</v>
      </c>
      <c r="L32" s="258">
        <v>2295</v>
      </c>
      <c r="M32" s="259">
        <v>2295</v>
      </c>
      <c r="N32" s="253">
        <v>0</v>
      </c>
      <c r="O32" s="257">
        <v>0</v>
      </c>
      <c r="P32" s="254">
        <v>0</v>
      </c>
      <c r="Q32" s="256">
        <v>0</v>
      </c>
      <c r="R32" s="257">
        <v>11</v>
      </c>
      <c r="S32" s="257">
        <v>0</v>
      </c>
      <c r="T32" s="257">
        <v>16</v>
      </c>
      <c r="U32" s="257">
        <v>34</v>
      </c>
      <c r="V32" s="257">
        <v>15</v>
      </c>
      <c r="W32" s="254">
        <v>76</v>
      </c>
      <c r="X32" s="259">
        <v>76</v>
      </c>
      <c r="Y32" s="253">
        <v>15</v>
      </c>
      <c r="Z32" s="257">
        <v>50</v>
      </c>
      <c r="AA32" s="254">
        <v>65</v>
      </c>
      <c r="AB32" s="256">
        <v>0</v>
      </c>
      <c r="AC32" s="257">
        <v>263</v>
      </c>
      <c r="AD32" s="257">
        <v>192</v>
      </c>
      <c r="AE32" s="257">
        <v>153</v>
      </c>
      <c r="AF32" s="257">
        <v>126</v>
      </c>
      <c r="AG32" s="257">
        <v>28</v>
      </c>
      <c r="AH32" s="254">
        <v>762</v>
      </c>
      <c r="AI32" s="259">
        <v>827</v>
      </c>
      <c r="AJ32" s="253">
        <v>0</v>
      </c>
      <c r="AK32" s="257">
        <v>0</v>
      </c>
      <c r="AL32" s="254">
        <v>0</v>
      </c>
      <c r="AM32" s="256">
        <v>0</v>
      </c>
      <c r="AN32" s="257">
        <v>41</v>
      </c>
      <c r="AO32" s="257">
        <v>30</v>
      </c>
      <c r="AP32" s="257">
        <v>38</v>
      </c>
      <c r="AQ32" s="257">
        <v>24</v>
      </c>
      <c r="AR32" s="257">
        <v>0</v>
      </c>
      <c r="AS32" s="254">
        <v>133</v>
      </c>
      <c r="AT32" s="259">
        <v>133</v>
      </c>
      <c r="AU32" s="253">
        <v>0</v>
      </c>
      <c r="AV32" s="257">
        <v>0</v>
      </c>
      <c r="AW32" s="254">
        <v>0</v>
      </c>
      <c r="AX32" s="256">
        <v>0</v>
      </c>
      <c r="AY32" s="257">
        <v>318</v>
      </c>
      <c r="AZ32" s="257">
        <v>210</v>
      </c>
      <c r="BA32" s="257">
        <v>176</v>
      </c>
      <c r="BB32" s="257">
        <v>119</v>
      </c>
      <c r="BC32" s="257">
        <v>15</v>
      </c>
      <c r="BD32" s="258">
        <v>838</v>
      </c>
      <c r="BE32" s="259">
        <v>838</v>
      </c>
      <c r="BF32" s="253">
        <v>0</v>
      </c>
      <c r="BG32" s="257">
        <v>0</v>
      </c>
      <c r="BH32" s="254">
        <v>0</v>
      </c>
      <c r="BI32" s="256">
        <v>0</v>
      </c>
      <c r="BJ32" s="257">
        <v>54</v>
      </c>
      <c r="BK32" s="257">
        <v>45</v>
      </c>
      <c r="BL32" s="257">
        <v>30</v>
      </c>
      <c r="BM32" s="257">
        <v>30</v>
      </c>
      <c r="BN32" s="257">
        <v>8</v>
      </c>
      <c r="BO32" s="254">
        <v>167</v>
      </c>
      <c r="BP32" s="259">
        <v>167</v>
      </c>
      <c r="BQ32" s="253">
        <v>0</v>
      </c>
      <c r="BR32" s="257">
        <v>3</v>
      </c>
      <c r="BS32" s="254">
        <v>3</v>
      </c>
      <c r="BT32" s="256">
        <v>0</v>
      </c>
      <c r="BU32" s="257">
        <v>59</v>
      </c>
      <c r="BV32" s="257">
        <v>58</v>
      </c>
      <c r="BW32" s="257">
        <v>71</v>
      </c>
      <c r="BX32" s="257">
        <v>108</v>
      </c>
      <c r="BY32" s="257">
        <v>7</v>
      </c>
      <c r="BZ32" s="254">
        <v>303</v>
      </c>
      <c r="CA32" s="259">
        <v>306</v>
      </c>
      <c r="CB32" s="253">
        <v>0</v>
      </c>
      <c r="CC32" s="257">
        <v>0</v>
      </c>
      <c r="CD32" s="254">
        <v>0</v>
      </c>
      <c r="CE32" s="256">
        <v>0</v>
      </c>
      <c r="CF32" s="257">
        <v>0</v>
      </c>
      <c r="CG32" s="257">
        <v>7</v>
      </c>
      <c r="CH32" s="257">
        <v>0</v>
      </c>
      <c r="CI32" s="257">
        <v>0</v>
      </c>
      <c r="CJ32" s="257">
        <v>4</v>
      </c>
      <c r="CK32" s="254">
        <v>11</v>
      </c>
      <c r="CL32" s="259">
        <v>11</v>
      </c>
      <c r="CM32" s="253">
        <v>0</v>
      </c>
      <c r="CN32" s="257">
        <v>0</v>
      </c>
      <c r="CO32" s="254">
        <v>0</v>
      </c>
      <c r="CP32" s="256">
        <v>0</v>
      </c>
      <c r="CQ32" s="257">
        <v>0</v>
      </c>
      <c r="CR32" s="257">
        <v>0</v>
      </c>
      <c r="CS32" s="257">
        <v>0</v>
      </c>
      <c r="CT32" s="257">
        <v>0</v>
      </c>
      <c r="CU32" s="257">
        <v>0</v>
      </c>
      <c r="CV32" s="254">
        <v>0</v>
      </c>
      <c r="CW32" s="259">
        <v>0</v>
      </c>
      <c r="CX32" s="253">
        <v>0</v>
      </c>
      <c r="CY32" s="257">
        <v>0</v>
      </c>
      <c r="CZ32" s="254">
        <v>0</v>
      </c>
      <c r="DA32" s="256">
        <v>0</v>
      </c>
      <c r="DB32" s="257">
        <v>0</v>
      </c>
      <c r="DC32" s="257">
        <v>0</v>
      </c>
      <c r="DD32" s="257">
        <v>0</v>
      </c>
      <c r="DE32" s="257">
        <v>0</v>
      </c>
      <c r="DF32" s="257">
        <v>0</v>
      </c>
      <c r="DG32" s="254">
        <v>0</v>
      </c>
      <c r="DH32" s="259">
        <v>0</v>
      </c>
    </row>
    <row r="33" spans="2:112" ht="21" customHeight="1" x14ac:dyDescent="0.2">
      <c r="B33" s="437" t="s">
        <v>31</v>
      </c>
      <c r="C33" s="253">
        <v>0</v>
      </c>
      <c r="D33" s="257">
        <v>0</v>
      </c>
      <c r="E33" s="340">
        <v>0</v>
      </c>
      <c r="F33" s="256">
        <v>0</v>
      </c>
      <c r="G33" s="257">
        <v>254</v>
      </c>
      <c r="H33" s="257">
        <v>224</v>
      </c>
      <c r="I33" s="257">
        <v>326</v>
      </c>
      <c r="J33" s="257">
        <v>298</v>
      </c>
      <c r="K33" s="257">
        <v>274</v>
      </c>
      <c r="L33" s="258">
        <v>1376</v>
      </c>
      <c r="M33" s="259">
        <v>1376</v>
      </c>
      <c r="N33" s="253">
        <v>0</v>
      </c>
      <c r="O33" s="257">
        <v>0</v>
      </c>
      <c r="P33" s="254">
        <v>0</v>
      </c>
      <c r="Q33" s="256">
        <v>0</v>
      </c>
      <c r="R33" s="257">
        <v>6</v>
      </c>
      <c r="S33" s="257">
        <v>9</v>
      </c>
      <c r="T33" s="257">
        <v>35</v>
      </c>
      <c r="U33" s="257">
        <v>43</v>
      </c>
      <c r="V33" s="257">
        <v>8</v>
      </c>
      <c r="W33" s="254">
        <v>101</v>
      </c>
      <c r="X33" s="259">
        <v>101</v>
      </c>
      <c r="Y33" s="253">
        <v>17</v>
      </c>
      <c r="Z33" s="257">
        <v>25</v>
      </c>
      <c r="AA33" s="254">
        <v>42</v>
      </c>
      <c r="AB33" s="256">
        <v>0</v>
      </c>
      <c r="AC33" s="257">
        <v>140</v>
      </c>
      <c r="AD33" s="257">
        <v>152</v>
      </c>
      <c r="AE33" s="257">
        <v>152</v>
      </c>
      <c r="AF33" s="257">
        <v>145</v>
      </c>
      <c r="AG33" s="257">
        <v>46</v>
      </c>
      <c r="AH33" s="254">
        <v>635</v>
      </c>
      <c r="AI33" s="259">
        <v>677</v>
      </c>
      <c r="AJ33" s="253">
        <v>9</v>
      </c>
      <c r="AK33" s="257">
        <v>12</v>
      </c>
      <c r="AL33" s="254">
        <v>21</v>
      </c>
      <c r="AM33" s="256">
        <v>0</v>
      </c>
      <c r="AN33" s="257">
        <v>24</v>
      </c>
      <c r="AO33" s="257">
        <v>12</v>
      </c>
      <c r="AP33" s="257">
        <v>18</v>
      </c>
      <c r="AQ33" s="257">
        <v>57</v>
      </c>
      <c r="AR33" s="257">
        <v>0</v>
      </c>
      <c r="AS33" s="254">
        <v>111</v>
      </c>
      <c r="AT33" s="259">
        <v>132</v>
      </c>
      <c r="AU33" s="253">
        <v>0</v>
      </c>
      <c r="AV33" s="257">
        <v>0</v>
      </c>
      <c r="AW33" s="254">
        <v>0</v>
      </c>
      <c r="AX33" s="256">
        <v>0</v>
      </c>
      <c r="AY33" s="257">
        <v>373</v>
      </c>
      <c r="AZ33" s="257">
        <v>533</v>
      </c>
      <c r="BA33" s="257">
        <v>214</v>
      </c>
      <c r="BB33" s="257">
        <v>176</v>
      </c>
      <c r="BC33" s="257">
        <v>116</v>
      </c>
      <c r="BD33" s="258">
        <v>1412</v>
      </c>
      <c r="BE33" s="259">
        <v>1412</v>
      </c>
      <c r="BF33" s="253">
        <v>0</v>
      </c>
      <c r="BG33" s="257">
        <v>0</v>
      </c>
      <c r="BH33" s="254">
        <v>0</v>
      </c>
      <c r="BI33" s="256">
        <v>0</v>
      </c>
      <c r="BJ33" s="257">
        <v>63</v>
      </c>
      <c r="BK33" s="257">
        <v>83</v>
      </c>
      <c r="BL33" s="257">
        <v>74</v>
      </c>
      <c r="BM33" s="257">
        <v>29</v>
      </c>
      <c r="BN33" s="257">
        <v>8</v>
      </c>
      <c r="BO33" s="254">
        <v>257</v>
      </c>
      <c r="BP33" s="259">
        <v>257</v>
      </c>
      <c r="BQ33" s="253">
        <v>0</v>
      </c>
      <c r="BR33" s="257">
        <v>6</v>
      </c>
      <c r="BS33" s="254">
        <v>6</v>
      </c>
      <c r="BT33" s="256">
        <v>0</v>
      </c>
      <c r="BU33" s="257">
        <v>62</v>
      </c>
      <c r="BV33" s="257">
        <v>93</v>
      </c>
      <c r="BW33" s="257">
        <v>143</v>
      </c>
      <c r="BX33" s="257">
        <v>137</v>
      </c>
      <c r="BY33" s="257">
        <v>71</v>
      </c>
      <c r="BZ33" s="254">
        <v>506</v>
      </c>
      <c r="CA33" s="259">
        <v>512</v>
      </c>
      <c r="CB33" s="253">
        <v>0</v>
      </c>
      <c r="CC33" s="257">
        <v>0</v>
      </c>
      <c r="CD33" s="254">
        <v>0</v>
      </c>
      <c r="CE33" s="256">
        <v>0</v>
      </c>
      <c r="CF33" s="257">
        <v>15</v>
      </c>
      <c r="CG33" s="257">
        <v>10</v>
      </c>
      <c r="CH33" s="257">
        <v>49</v>
      </c>
      <c r="CI33" s="257">
        <v>0</v>
      </c>
      <c r="CJ33" s="257">
        <v>8</v>
      </c>
      <c r="CK33" s="254">
        <v>82</v>
      </c>
      <c r="CL33" s="259">
        <v>82</v>
      </c>
      <c r="CM33" s="253">
        <v>0</v>
      </c>
      <c r="CN33" s="257">
        <v>0</v>
      </c>
      <c r="CO33" s="254">
        <v>0</v>
      </c>
      <c r="CP33" s="256">
        <v>0</v>
      </c>
      <c r="CQ33" s="257">
        <v>0</v>
      </c>
      <c r="CR33" s="257">
        <v>0</v>
      </c>
      <c r="CS33" s="257">
        <v>0</v>
      </c>
      <c r="CT33" s="257">
        <v>0</v>
      </c>
      <c r="CU33" s="257">
        <v>0</v>
      </c>
      <c r="CV33" s="254">
        <v>0</v>
      </c>
      <c r="CW33" s="259">
        <v>0</v>
      </c>
      <c r="CX33" s="253">
        <v>0</v>
      </c>
      <c r="CY33" s="257">
        <v>0</v>
      </c>
      <c r="CZ33" s="254">
        <v>0</v>
      </c>
      <c r="DA33" s="256">
        <v>0</v>
      </c>
      <c r="DB33" s="257">
        <v>0</v>
      </c>
      <c r="DC33" s="257">
        <v>0</v>
      </c>
      <c r="DD33" s="257">
        <v>0</v>
      </c>
      <c r="DE33" s="257">
        <v>0</v>
      </c>
      <c r="DF33" s="257">
        <v>0</v>
      </c>
      <c r="DG33" s="254">
        <v>0</v>
      </c>
      <c r="DH33" s="259">
        <v>0</v>
      </c>
    </row>
    <row r="34" spans="2:112" ht="21" customHeight="1" x14ac:dyDescent="0.2">
      <c r="B34" s="437" t="s">
        <v>32</v>
      </c>
      <c r="C34" s="253">
        <v>0</v>
      </c>
      <c r="D34" s="257">
        <v>0</v>
      </c>
      <c r="E34" s="340">
        <v>0</v>
      </c>
      <c r="F34" s="256">
        <v>0</v>
      </c>
      <c r="G34" s="257">
        <v>401</v>
      </c>
      <c r="H34" s="257">
        <v>273</v>
      </c>
      <c r="I34" s="257">
        <v>658</v>
      </c>
      <c r="J34" s="257">
        <v>225</v>
      </c>
      <c r="K34" s="257">
        <v>438</v>
      </c>
      <c r="L34" s="258">
        <v>1995</v>
      </c>
      <c r="M34" s="259">
        <v>1995</v>
      </c>
      <c r="N34" s="253">
        <v>0</v>
      </c>
      <c r="O34" s="257">
        <v>0</v>
      </c>
      <c r="P34" s="254">
        <v>0</v>
      </c>
      <c r="Q34" s="256">
        <v>0</v>
      </c>
      <c r="R34" s="257">
        <v>0</v>
      </c>
      <c r="S34" s="257">
        <v>4</v>
      </c>
      <c r="T34" s="257">
        <v>4</v>
      </c>
      <c r="U34" s="257">
        <v>17</v>
      </c>
      <c r="V34" s="257">
        <v>35</v>
      </c>
      <c r="W34" s="254">
        <v>60</v>
      </c>
      <c r="X34" s="259">
        <v>60</v>
      </c>
      <c r="Y34" s="253">
        <v>11</v>
      </c>
      <c r="Z34" s="257">
        <v>34</v>
      </c>
      <c r="AA34" s="254">
        <v>45</v>
      </c>
      <c r="AB34" s="256">
        <v>0</v>
      </c>
      <c r="AC34" s="257">
        <v>331</v>
      </c>
      <c r="AD34" s="257">
        <v>232</v>
      </c>
      <c r="AE34" s="257">
        <v>107</v>
      </c>
      <c r="AF34" s="257">
        <v>89</v>
      </c>
      <c r="AG34" s="257">
        <v>48</v>
      </c>
      <c r="AH34" s="254">
        <v>807</v>
      </c>
      <c r="AI34" s="259">
        <v>852</v>
      </c>
      <c r="AJ34" s="253">
        <v>0</v>
      </c>
      <c r="AK34" s="257">
        <v>12</v>
      </c>
      <c r="AL34" s="254">
        <v>12</v>
      </c>
      <c r="AM34" s="256">
        <v>0</v>
      </c>
      <c r="AN34" s="257">
        <v>39</v>
      </c>
      <c r="AO34" s="257">
        <v>24</v>
      </c>
      <c r="AP34" s="257">
        <v>0</v>
      </c>
      <c r="AQ34" s="257">
        <v>27</v>
      </c>
      <c r="AR34" s="257">
        <v>24</v>
      </c>
      <c r="AS34" s="254">
        <v>114</v>
      </c>
      <c r="AT34" s="259">
        <v>126</v>
      </c>
      <c r="AU34" s="253">
        <v>0</v>
      </c>
      <c r="AV34" s="257">
        <v>0</v>
      </c>
      <c r="AW34" s="254">
        <v>0</v>
      </c>
      <c r="AX34" s="256">
        <v>0</v>
      </c>
      <c r="AY34" s="257">
        <v>569</v>
      </c>
      <c r="AZ34" s="257">
        <v>518</v>
      </c>
      <c r="BA34" s="257">
        <v>264</v>
      </c>
      <c r="BB34" s="257">
        <v>185</v>
      </c>
      <c r="BC34" s="257">
        <v>43</v>
      </c>
      <c r="BD34" s="258">
        <v>1579</v>
      </c>
      <c r="BE34" s="259">
        <v>1579</v>
      </c>
      <c r="BF34" s="253">
        <v>0</v>
      </c>
      <c r="BG34" s="257">
        <v>0</v>
      </c>
      <c r="BH34" s="254">
        <v>0</v>
      </c>
      <c r="BI34" s="256">
        <v>0</v>
      </c>
      <c r="BJ34" s="257">
        <v>90</v>
      </c>
      <c r="BK34" s="257">
        <v>113</v>
      </c>
      <c r="BL34" s="257">
        <v>27</v>
      </c>
      <c r="BM34" s="257">
        <v>60</v>
      </c>
      <c r="BN34" s="257">
        <v>14</v>
      </c>
      <c r="BO34" s="254">
        <v>304</v>
      </c>
      <c r="BP34" s="259">
        <v>304</v>
      </c>
      <c r="BQ34" s="253">
        <v>0</v>
      </c>
      <c r="BR34" s="257">
        <v>3</v>
      </c>
      <c r="BS34" s="254">
        <v>3</v>
      </c>
      <c r="BT34" s="256">
        <v>0</v>
      </c>
      <c r="BU34" s="257">
        <v>19</v>
      </c>
      <c r="BV34" s="257">
        <v>47</v>
      </c>
      <c r="BW34" s="257">
        <v>271</v>
      </c>
      <c r="BX34" s="257">
        <v>7</v>
      </c>
      <c r="BY34" s="257">
        <v>68</v>
      </c>
      <c r="BZ34" s="254">
        <v>412</v>
      </c>
      <c r="CA34" s="259">
        <v>415</v>
      </c>
      <c r="CB34" s="253">
        <v>0</v>
      </c>
      <c r="CC34" s="257">
        <v>0</v>
      </c>
      <c r="CD34" s="254">
        <v>0</v>
      </c>
      <c r="CE34" s="256">
        <v>0</v>
      </c>
      <c r="CF34" s="257">
        <v>0</v>
      </c>
      <c r="CG34" s="257">
        <v>21</v>
      </c>
      <c r="CH34" s="257">
        <v>0</v>
      </c>
      <c r="CI34" s="257">
        <v>42</v>
      </c>
      <c r="CJ34" s="257">
        <v>18</v>
      </c>
      <c r="CK34" s="254">
        <v>81</v>
      </c>
      <c r="CL34" s="259">
        <v>81</v>
      </c>
      <c r="CM34" s="253">
        <v>0</v>
      </c>
      <c r="CN34" s="257">
        <v>0</v>
      </c>
      <c r="CO34" s="254">
        <v>0</v>
      </c>
      <c r="CP34" s="256">
        <v>0</v>
      </c>
      <c r="CQ34" s="257">
        <v>0</v>
      </c>
      <c r="CR34" s="257">
        <v>0</v>
      </c>
      <c r="CS34" s="257">
        <v>0</v>
      </c>
      <c r="CT34" s="257">
        <v>0</v>
      </c>
      <c r="CU34" s="257">
        <v>0</v>
      </c>
      <c r="CV34" s="254">
        <v>0</v>
      </c>
      <c r="CW34" s="259">
        <v>0</v>
      </c>
      <c r="CX34" s="253">
        <v>0</v>
      </c>
      <c r="CY34" s="257">
        <v>0</v>
      </c>
      <c r="CZ34" s="254">
        <v>0</v>
      </c>
      <c r="DA34" s="256">
        <v>0</v>
      </c>
      <c r="DB34" s="257">
        <v>0</v>
      </c>
      <c r="DC34" s="257">
        <v>0</v>
      </c>
      <c r="DD34" s="257">
        <v>0</v>
      </c>
      <c r="DE34" s="257">
        <v>0</v>
      </c>
      <c r="DF34" s="257">
        <v>0</v>
      </c>
      <c r="DG34" s="254">
        <v>0</v>
      </c>
      <c r="DH34" s="259">
        <v>0</v>
      </c>
    </row>
    <row r="35" spans="2:112" ht="21" customHeight="1" x14ac:dyDescent="0.2">
      <c r="B35" s="437" t="s">
        <v>33</v>
      </c>
      <c r="C35" s="253">
        <v>0</v>
      </c>
      <c r="D35" s="257">
        <v>0</v>
      </c>
      <c r="E35" s="340">
        <v>0</v>
      </c>
      <c r="F35" s="256">
        <v>0</v>
      </c>
      <c r="G35" s="257">
        <v>211</v>
      </c>
      <c r="H35" s="257">
        <v>259</v>
      </c>
      <c r="I35" s="257">
        <v>451</v>
      </c>
      <c r="J35" s="257">
        <v>309</v>
      </c>
      <c r="K35" s="257">
        <v>554</v>
      </c>
      <c r="L35" s="258">
        <v>1784</v>
      </c>
      <c r="M35" s="259">
        <v>1784</v>
      </c>
      <c r="N35" s="253">
        <v>0</v>
      </c>
      <c r="O35" s="257">
        <v>0</v>
      </c>
      <c r="P35" s="254">
        <v>0</v>
      </c>
      <c r="Q35" s="256">
        <v>0</v>
      </c>
      <c r="R35" s="257">
        <v>0</v>
      </c>
      <c r="S35" s="257">
        <v>2</v>
      </c>
      <c r="T35" s="257">
        <v>4</v>
      </c>
      <c r="U35" s="257">
        <v>8</v>
      </c>
      <c r="V35" s="257">
        <v>8</v>
      </c>
      <c r="W35" s="254">
        <v>22</v>
      </c>
      <c r="X35" s="259">
        <v>22</v>
      </c>
      <c r="Y35" s="253">
        <v>0</v>
      </c>
      <c r="Z35" s="257">
        <v>19</v>
      </c>
      <c r="AA35" s="254">
        <v>19</v>
      </c>
      <c r="AB35" s="256">
        <v>0</v>
      </c>
      <c r="AC35" s="257">
        <v>133</v>
      </c>
      <c r="AD35" s="257">
        <v>32</v>
      </c>
      <c r="AE35" s="257">
        <v>11</v>
      </c>
      <c r="AF35" s="257">
        <v>25</v>
      </c>
      <c r="AG35" s="257">
        <v>13</v>
      </c>
      <c r="AH35" s="254">
        <v>214</v>
      </c>
      <c r="AI35" s="259">
        <v>233</v>
      </c>
      <c r="AJ35" s="253">
        <v>127</v>
      </c>
      <c r="AK35" s="257">
        <v>212</v>
      </c>
      <c r="AL35" s="254">
        <v>339</v>
      </c>
      <c r="AM35" s="256">
        <v>0</v>
      </c>
      <c r="AN35" s="257">
        <v>208</v>
      </c>
      <c r="AO35" s="257">
        <v>39</v>
      </c>
      <c r="AP35" s="257">
        <v>63</v>
      </c>
      <c r="AQ35" s="257">
        <v>0</v>
      </c>
      <c r="AR35" s="257">
        <v>0</v>
      </c>
      <c r="AS35" s="254">
        <v>310</v>
      </c>
      <c r="AT35" s="259">
        <v>649</v>
      </c>
      <c r="AU35" s="253">
        <v>0</v>
      </c>
      <c r="AV35" s="257">
        <v>0</v>
      </c>
      <c r="AW35" s="254">
        <v>0</v>
      </c>
      <c r="AX35" s="256">
        <v>0</v>
      </c>
      <c r="AY35" s="257">
        <v>52</v>
      </c>
      <c r="AZ35" s="257">
        <v>77</v>
      </c>
      <c r="BA35" s="257">
        <v>58</v>
      </c>
      <c r="BB35" s="257">
        <v>16</v>
      </c>
      <c r="BC35" s="257">
        <v>65</v>
      </c>
      <c r="BD35" s="258">
        <v>268</v>
      </c>
      <c r="BE35" s="259">
        <v>268</v>
      </c>
      <c r="BF35" s="253">
        <v>0</v>
      </c>
      <c r="BG35" s="257">
        <v>0</v>
      </c>
      <c r="BH35" s="254">
        <v>0</v>
      </c>
      <c r="BI35" s="256">
        <v>0</v>
      </c>
      <c r="BJ35" s="257">
        <v>115</v>
      </c>
      <c r="BK35" s="257">
        <v>33</v>
      </c>
      <c r="BL35" s="257">
        <v>2</v>
      </c>
      <c r="BM35" s="257">
        <v>11</v>
      </c>
      <c r="BN35" s="257">
        <v>8</v>
      </c>
      <c r="BO35" s="254">
        <v>169</v>
      </c>
      <c r="BP35" s="259">
        <v>169</v>
      </c>
      <c r="BQ35" s="253">
        <v>0</v>
      </c>
      <c r="BR35" s="257">
        <v>0</v>
      </c>
      <c r="BS35" s="254">
        <v>0</v>
      </c>
      <c r="BT35" s="256">
        <v>0</v>
      </c>
      <c r="BU35" s="257">
        <v>6</v>
      </c>
      <c r="BV35" s="257">
        <v>21</v>
      </c>
      <c r="BW35" s="257">
        <v>80</v>
      </c>
      <c r="BX35" s="257">
        <v>2</v>
      </c>
      <c r="BY35" s="257">
        <v>12</v>
      </c>
      <c r="BZ35" s="254">
        <v>121</v>
      </c>
      <c r="CA35" s="259">
        <v>121</v>
      </c>
      <c r="CB35" s="253">
        <v>0</v>
      </c>
      <c r="CC35" s="257">
        <v>0</v>
      </c>
      <c r="CD35" s="254">
        <v>0</v>
      </c>
      <c r="CE35" s="256">
        <v>0</v>
      </c>
      <c r="CF35" s="257">
        <v>0</v>
      </c>
      <c r="CG35" s="257">
        <v>0</v>
      </c>
      <c r="CH35" s="257">
        <v>0</v>
      </c>
      <c r="CI35" s="257">
        <v>16</v>
      </c>
      <c r="CJ35" s="257">
        <v>5</v>
      </c>
      <c r="CK35" s="254">
        <v>21</v>
      </c>
      <c r="CL35" s="259">
        <v>21</v>
      </c>
      <c r="CM35" s="253">
        <v>0</v>
      </c>
      <c r="CN35" s="257">
        <v>0</v>
      </c>
      <c r="CO35" s="254">
        <v>0</v>
      </c>
      <c r="CP35" s="256">
        <v>0</v>
      </c>
      <c r="CQ35" s="257">
        <v>0</v>
      </c>
      <c r="CR35" s="257">
        <v>0</v>
      </c>
      <c r="CS35" s="257">
        <v>0</v>
      </c>
      <c r="CT35" s="257">
        <v>0</v>
      </c>
      <c r="CU35" s="257">
        <v>0</v>
      </c>
      <c r="CV35" s="254">
        <v>0</v>
      </c>
      <c r="CW35" s="259">
        <v>0</v>
      </c>
      <c r="CX35" s="253">
        <v>0</v>
      </c>
      <c r="CY35" s="257">
        <v>0</v>
      </c>
      <c r="CZ35" s="254">
        <v>0</v>
      </c>
      <c r="DA35" s="256">
        <v>0</v>
      </c>
      <c r="DB35" s="257">
        <v>0</v>
      </c>
      <c r="DC35" s="257">
        <v>0</v>
      </c>
      <c r="DD35" s="257">
        <v>0</v>
      </c>
      <c r="DE35" s="257">
        <v>0</v>
      </c>
      <c r="DF35" s="257">
        <v>0</v>
      </c>
      <c r="DG35" s="254">
        <v>0</v>
      </c>
      <c r="DH35" s="259">
        <v>0</v>
      </c>
    </row>
    <row r="36" spans="2:112" ht="21" customHeight="1" x14ac:dyDescent="0.2">
      <c r="B36" s="437" t="s">
        <v>34</v>
      </c>
      <c r="C36" s="253">
        <v>0</v>
      </c>
      <c r="D36" s="257">
        <v>0</v>
      </c>
      <c r="E36" s="340">
        <v>0</v>
      </c>
      <c r="F36" s="256">
        <v>0</v>
      </c>
      <c r="G36" s="257">
        <v>208</v>
      </c>
      <c r="H36" s="257">
        <v>267</v>
      </c>
      <c r="I36" s="257">
        <v>114</v>
      </c>
      <c r="J36" s="257">
        <v>201</v>
      </c>
      <c r="K36" s="257">
        <v>174</v>
      </c>
      <c r="L36" s="258">
        <v>964</v>
      </c>
      <c r="M36" s="259">
        <v>964</v>
      </c>
      <c r="N36" s="253">
        <v>0</v>
      </c>
      <c r="O36" s="257">
        <v>0</v>
      </c>
      <c r="P36" s="254">
        <v>0</v>
      </c>
      <c r="Q36" s="256">
        <v>0</v>
      </c>
      <c r="R36" s="257">
        <v>1</v>
      </c>
      <c r="S36" s="257">
        <v>4</v>
      </c>
      <c r="T36" s="257">
        <v>4</v>
      </c>
      <c r="U36" s="257">
        <v>4</v>
      </c>
      <c r="V36" s="257">
        <v>33</v>
      </c>
      <c r="W36" s="254">
        <v>46</v>
      </c>
      <c r="X36" s="259">
        <v>46</v>
      </c>
      <c r="Y36" s="253">
        <v>0</v>
      </c>
      <c r="Z36" s="257">
        <v>89</v>
      </c>
      <c r="AA36" s="254">
        <v>89</v>
      </c>
      <c r="AB36" s="256">
        <v>0</v>
      </c>
      <c r="AC36" s="257">
        <v>128</v>
      </c>
      <c r="AD36" s="257">
        <v>124</v>
      </c>
      <c r="AE36" s="257">
        <v>32</v>
      </c>
      <c r="AF36" s="257">
        <v>50</v>
      </c>
      <c r="AG36" s="257">
        <v>99</v>
      </c>
      <c r="AH36" s="254">
        <v>433</v>
      </c>
      <c r="AI36" s="259">
        <v>522</v>
      </c>
      <c r="AJ36" s="253">
        <v>0</v>
      </c>
      <c r="AK36" s="257">
        <v>12</v>
      </c>
      <c r="AL36" s="254">
        <v>12</v>
      </c>
      <c r="AM36" s="256">
        <v>0</v>
      </c>
      <c r="AN36" s="257">
        <v>81</v>
      </c>
      <c r="AO36" s="257">
        <v>30</v>
      </c>
      <c r="AP36" s="257">
        <v>32</v>
      </c>
      <c r="AQ36" s="257">
        <v>12</v>
      </c>
      <c r="AR36" s="257">
        <v>16</v>
      </c>
      <c r="AS36" s="254">
        <v>171</v>
      </c>
      <c r="AT36" s="259">
        <v>183</v>
      </c>
      <c r="AU36" s="253">
        <v>0</v>
      </c>
      <c r="AV36" s="257">
        <v>0</v>
      </c>
      <c r="AW36" s="254">
        <v>0</v>
      </c>
      <c r="AX36" s="256">
        <v>0</v>
      </c>
      <c r="AY36" s="257">
        <v>275</v>
      </c>
      <c r="AZ36" s="257">
        <v>212</v>
      </c>
      <c r="BA36" s="257">
        <v>242</v>
      </c>
      <c r="BB36" s="257">
        <v>118</v>
      </c>
      <c r="BC36" s="257">
        <v>0</v>
      </c>
      <c r="BD36" s="258">
        <v>847</v>
      </c>
      <c r="BE36" s="259">
        <v>847</v>
      </c>
      <c r="BF36" s="253">
        <v>0</v>
      </c>
      <c r="BG36" s="257">
        <v>0</v>
      </c>
      <c r="BH36" s="254">
        <v>0</v>
      </c>
      <c r="BI36" s="256">
        <v>0</v>
      </c>
      <c r="BJ36" s="257">
        <v>55</v>
      </c>
      <c r="BK36" s="257">
        <v>14</v>
      </c>
      <c r="BL36" s="257">
        <v>15</v>
      </c>
      <c r="BM36" s="257">
        <v>23</v>
      </c>
      <c r="BN36" s="257">
        <v>0</v>
      </c>
      <c r="BO36" s="254">
        <v>107</v>
      </c>
      <c r="BP36" s="259">
        <v>107</v>
      </c>
      <c r="BQ36" s="253">
        <v>0</v>
      </c>
      <c r="BR36" s="257">
        <v>0</v>
      </c>
      <c r="BS36" s="254">
        <v>0</v>
      </c>
      <c r="BT36" s="256">
        <v>0</v>
      </c>
      <c r="BU36" s="257">
        <v>14</v>
      </c>
      <c r="BV36" s="257">
        <v>10</v>
      </c>
      <c r="BW36" s="257">
        <v>49</v>
      </c>
      <c r="BX36" s="257">
        <v>64</v>
      </c>
      <c r="BY36" s="257">
        <v>27</v>
      </c>
      <c r="BZ36" s="254">
        <v>164</v>
      </c>
      <c r="CA36" s="259">
        <v>164</v>
      </c>
      <c r="CB36" s="253">
        <v>0</v>
      </c>
      <c r="CC36" s="257">
        <v>0</v>
      </c>
      <c r="CD36" s="254">
        <v>0</v>
      </c>
      <c r="CE36" s="256">
        <v>0</v>
      </c>
      <c r="CF36" s="257">
        <v>0</v>
      </c>
      <c r="CG36" s="257">
        <v>8</v>
      </c>
      <c r="CH36" s="257">
        <v>0</v>
      </c>
      <c r="CI36" s="257">
        <v>0</v>
      </c>
      <c r="CJ36" s="257">
        <v>4</v>
      </c>
      <c r="CK36" s="254">
        <v>12</v>
      </c>
      <c r="CL36" s="259">
        <v>12</v>
      </c>
      <c r="CM36" s="253">
        <v>0</v>
      </c>
      <c r="CN36" s="257">
        <v>0</v>
      </c>
      <c r="CO36" s="254">
        <v>0</v>
      </c>
      <c r="CP36" s="256">
        <v>0</v>
      </c>
      <c r="CQ36" s="257">
        <v>0</v>
      </c>
      <c r="CR36" s="257">
        <v>0</v>
      </c>
      <c r="CS36" s="257">
        <v>0</v>
      </c>
      <c r="CT36" s="257">
        <v>0</v>
      </c>
      <c r="CU36" s="257">
        <v>0</v>
      </c>
      <c r="CV36" s="254">
        <v>0</v>
      </c>
      <c r="CW36" s="259">
        <v>0</v>
      </c>
      <c r="CX36" s="253">
        <v>0</v>
      </c>
      <c r="CY36" s="257">
        <v>0</v>
      </c>
      <c r="CZ36" s="254">
        <v>0</v>
      </c>
      <c r="DA36" s="256">
        <v>0</v>
      </c>
      <c r="DB36" s="257">
        <v>0</v>
      </c>
      <c r="DC36" s="257">
        <v>0</v>
      </c>
      <c r="DD36" s="257">
        <v>0</v>
      </c>
      <c r="DE36" s="257">
        <v>0</v>
      </c>
      <c r="DF36" s="257">
        <v>0</v>
      </c>
      <c r="DG36" s="254">
        <v>0</v>
      </c>
      <c r="DH36" s="259">
        <v>0</v>
      </c>
    </row>
    <row r="37" spans="2:112" ht="21" customHeight="1" x14ac:dyDescent="0.2">
      <c r="B37" s="437" t="s">
        <v>35</v>
      </c>
      <c r="C37" s="253">
        <v>0</v>
      </c>
      <c r="D37" s="257">
        <v>0</v>
      </c>
      <c r="E37" s="340">
        <v>0</v>
      </c>
      <c r="F37" s="256">
        <v>0</v>
      </c>
      <c r="G37" s="257">
        <v>1117</v>
      </c>
      <c r="H37" s="257">
        <v>875</v>
      </c>
      <c r="I37" s="257">
        <v>1871</v>
      </c>
      <c r="J37" s="257">
        <v>1396</v>
      </c>
      <c r="K37" s="257">
        <v>808</v>
      </c>
      <c r="L37" s="258">
        <v>6067</v>
      </c>
      <c r="M37" s="259">
        <v>6067</v>
      </c>
      <c r="N37" s="253">
        <v>0</v>
      </c>
      <c r="O37" s="257">
        <v>0</v>
      </c>
      <c r="P37" s="254">
        <v>0</v>
      </c>
      <c r="Q37" s="256">
        <v>0</v>
      </c>
      <c r="R37" s="257">
        <v>0</v>
      </c>
      <c r="S37" s="257">
        <v>20</v>
      </c>
      <c r="T37" s="257">
        <v>21</v>
      </c>
      <c r="U37" s="257">
        <v>71</v>
      </c>
      <c r="V37" s="257">
        <v>43</v>
      </c>
      <c r="W37" s="254">
        <v>155</v>
      </c>
      <c r="X37" s="259">
        <v>155</v>
      </c>
      <c r="Y37" s="253">
        <v>14</v>
      </c>
      <c r="Z37" s="257">
        <v>55</v>
      </c>
      <c r="AA37" s="254">
        <v>69</v>
      </c>
      <c r="AB37" s="256">
        <v>0</v>
      </c>
      <c r="AC37" s="257">
        <v>459</v>
      </c>
      <c r="AD37" s="257">
        <v>268</v>
      </c>
      <c r="AE37" s="257">
        <v>275</v>
      </c>
      <c r="AF37" s="257">
        <v>220</v>
      </c>
      <c r="AG37" s="257">
        <v>204</v>
      </c>
      <c r="AH37" s="254">
        <v>1426</v>
      </c>
      <c r="AI37" s="259">
        <v>1495</v>
      </c>
      <c r="AJ37" s="253">
        <v>42</v>
      </c>
      <c r="AK37" s="257">
        <v>90</v>
      </c>
      <c r="AL37" s="254">
        <v>132</v>
      </c>
      <c r="AM37" s="256">
        <v>0</v>
      </c>
      <c r="AN37" s="257">
        <v>267</v>
      </c>
      <c r="AO37" s="257">
        <v>179</v>
      </c>
      <c r="AP37" s="257">
        <v>99</v>
      </c>
      <c r="AQ37" s="257">
        <v>166</v>
      </c>
      <c r="AR37" s="257">
        <v>38</v>
      </c>
      <c r="AS37" s="254">
        <v>749</v>
      </c>
      <c r="AT37" s="259">
        <v>881</v>
      </c>
      <c r="AU37" s="253">
        <v>0</v>
      </c>
      <c r="AV37" s="257">
        <v>0</v>
      </c>
      <c r="AW37" s="254">
        <v>0</v>
      </c>
      <c r="AX37" s="256">
        <v>0</v>
      </c>
      <c r="AY37" s="257">
        <v>1238</v>
      </c>
      <c r="AZ37" s="257">
        <v>810</v>
      </c>
      <c r="BA37" s="257">
        <v>731</v>
      </c>
      <c r="BB37" s="257">
        <v>409</v>
      </c>
      <c r="BC37" s="257">
        <v>255</v>
      </c>
      <c r="BD37" s="258">
        <v>3443</v>
      </c>
      <c r="BE37" s="259">
        <v>3443</v>
      </c>
      <c r="BF37" s="253">
        <v>0</v>
      </c>
      <c r="BG37" s="257">
        <v>0</v>
      </c>
      <c r="BH37" s="254">
        <v>0</v>
      </c>
      <c r="BI37" s="256">
        <v>0</v>
      </c>
      <c r="BJ37" s="257">
        <v>457</v>
      </c>
      <c r="BK37" s="257">
        <v>225</v>
      </c>
      <c r="BL37" s="257">
        <v>83</v>
      </c>
      <c r="BM37" s="257">
        <v>114</v>
      </c>
      <c r="BN37" s="257">
        <v>5</v>
      </c>
      <c r="BO37" s="254">
        <v>884</v>
      </c>
      <c r="BP37" s="259">
        <v>884</v>
      </c>
      <c r="BQ37" s="253">
        <v>3</v>
      </c>
      <c r="BR37" s="257">
        <v>0</v>
      </c>
      <c r="BS37" s="254">
        <v>3</v>
      </c>
      <c r="BT37" s="256">
        <v>0</v>
      </c>
      <c r="BU37" s="257">
        <v>75</v>
      </c>
      <c r="BV37" s="257">
        <v>51</v>
      </c>
      <c r="BW37" s="257">
        <v>104</v>
      </c>
      <c r="BX37" s="257">
        <v>108</v>
      </c>
      <c r="BY37" s="257">
        <v>16</v>
      </c>
      <c r="BZ37" s="254">
        <v>354</v>
      </c>
      <c r="CA37" s="259">
        <v>357</v>
      </c>
      <c r="CB37" s="253">
        <v>0</v>
      </c>
      <c r="CC37" s="257">
        <v>0</v>
      </c>
      <c r="CD37" s="254">
        <v>0</v>
      </c>
      <c r="CE37" s="256">
        <v>0</v>
      </c>
      <c r="CF37" s="257">
        <v>3</v>
      </c>
      <c r="CG37" s="257">
        <v>10</v>
      </c>
      <c r="CH37" s="257">
        <v>4</v>
      </c>
      <c r="CI37" s="257">
        <v>12</v>
      </c>
      <c r="CJ37" s="257">
        <v>9</v>
      </c>
      <c r="CK37" s="254">
        <v>38</v>
      </c>
      <c r="CL37" s="259">
        <v>38</v>
      </c>
      <c r="CM37" s="253">
        <v>0</v>
      </c>
      <c r="CN37" s="257">
        <v>0</v>
      </c>
      <c r="CO37" s="254">
        <v>0</v>
      </c>
      <c r="CP37" s="256">
        <v>0</v>
      </c>
      <c r="CQ37" s="257">
        <v>0</v>
      </c>
      <c r="CR37" s="257">
        <v>0</v>
      </c>
      <c r="CS37" s="257">
        <v>0</v>
      </c>
      <c r="CT37" s="257">
        <v>0</v>
      </c>
      <c r="CU37" s="257">
        <v>0</v>
      </c>
      <c r="CV37" s="254">
        <v>0</v>
      </c>
      <c r="CW37" s="259">
        <v>0</v>
      </c>
      <c r="CX37" s="253">
        <v>0</v>
      </c>
      <c r="CY37" s="257">
        <v>0</v>
      </c>
      <c r="CZ37" s="254">
        <v>0</v>
      </c>
      <c r="DA37" s="256">
        <v>0</v>
      </c>
      <c r="DB37" s="257">
        <v>0</v>
      </c>
      <c r="DC37" s="257">
        <v>0</v>
      </c>
      <c r="DD37" s="257">
        <v>0</v>
      </c>
      <c r="DE37" s="257">
        <v>0</v>
      </c>
      <c r="DF37" s="257">
        <v>0</v>
      </c>
      <c r="DG37" s="254">
        <v>0</v>
      </c>
      <c r="DH37" s="259">
        <v>0</v>
      </c>
    </row>
    <row r="38" spans="2:112" ht="21" customHeight="1" x14ac:dyDescent="0.2">
      <c r="B38" s="437" t="s">
        <v>36</v>
      </c>
      <c r="C38" s="253">
        <v>0</v>
      </c>
      <c r="D38" s="257">
        <v>0</v>
      </c>
      <c r="E38" s="340">
        <v>0</v>
      </c>
      <c r="F38" s="256">
        <v>0</v>
      </c>
      <c r="G38" s="257">
        <v>594</v>
      </c>
      <c r="H38" s="257">
        <v>1336</v>
      </c>
      <c r="I38" s="257">
        <v>1491</v>
      </c>
      <c r="J38" s="257">
        <v>1336</v>
      </c>
      <c r="K38" s="257">
        <v>2325</v>
      </c>
      <c r="L38" s="258">
        <v>7082</v>
      </c>
      <c r="M38" s="259">
        <v>7082</v>
      </c>
      <c r="N38" s="253">
        <v>0</v>
      </c>
      <c r="O38" s="257">
        <v>5</v>
      </c>
      <c r="P38" s="254">
        <v>5</v>
      </c>
      <c r="Q38" s="256">
        <v>0</v>
      </c>
      <c r="R38" s="257">
        <v>8</v>
      </c>
      <c r="S38" s="257">
        <v>21</v>
      </c>
      <c r="T38" s="257">
        <v>58</v>
      </c>
      <c r="U38" s="257">
        <v>49</v>
      </c>
      <c r="V38" s="257">
        <v>45</v>
      </c>
      <c r="W38" s="254">
        <v>181</v>
      </c>
      <c r="X38" s="259">
        <v>186</v>
      </c>
      <c r="Y38" s="253">
        <v>70</v>
      </c>
      <c r="Z38" s="257">
        <v>172</v>
      </c>
      <c r="AA38" s="254">
        <v>242</v>
      </c>
      <c r="AB38" s="256">
        <v>0</v>
      </c>
      <c r="AC38" s="257">
        <v>494</v>
      </c>
      <c r="AD38" s="257">
        <v>546</v>
      </c>
      <c r="AE38" s="257">
        <v>379</v>
      </c>
      <c r="AF38" s="257">
        <v>349</v>
      </c>
      <c r="AG38" s="257">
        <v>345</v>
      </c>
      <c r="AH38" s="254">
        <v>2113</v>
      </c>
      <c r="AI38" s="259">
        <v>2355</v>
      </c>
      <c r="AJ38" s="253">
        <v>16</v>
      </c>
      <c r="AK38" s="257">
        <v>128</v>
      </c>
      <c r="AL38" s="254">
        <v>144</v>
      </c>
      <c r="AM38" s="256">
        <v>0</v>
      </c>
      <c r="AN38" s="257">
        <v>223</v>
      </c>
      <c r="AO38" s="257">
        <v>194</v>
      </c>
      <c r="AP38" s="257">
        <v>42</v>
      </c>
      <c r="AQ38" s="257">
        <v>89</v>
      </c>
      <c r="AR38" s="257">
        <v>50</v>
      </c>
      <c r="AS38" s="254">
        <v>598</v>
      </c>
      <c r="AT38" s="259">
        <v>742</v>
      </c>
      <c r="AU38" s="253">
        <v>0</v>
      </c>
      <c r="AV38" s="257">
        <v>0</v>
      </c>
      <c r="AW38" s="254">
        <v>0</v>
      </c>
      <c r="AX38" s="256">
        <v>0</v>
      </c>
      <c r="AY38" s="257">
        <v>709</v>
      </c>
      <c r="AZ38" s="257">
        <v>1042</v>
      </c>
      <c r="BA38" s="257">
        <v>531</v>
      </c>
      <c r="BB38" s="257">
        <v>305</v>
      </c>
      <c r="BC38" s="257">
        <v>276</v>
      </c>
      <c r="BD38" s="258">
        <v>2863</v>
      </c>
      <c r="BE38" s="259">
        <v>2863</v>
      </c>
      <c r="BF38" s="253">
        <v>0</v>
      </c>
      <c r="BG38" s="257">
        <v>0</v>
      </c>
      <c r="BH38" s="254">
        <v>0</v>
      </c>
      <c r="BI38" s="256">
        <v>0</v>
      </c>
      <c r="BJ38" s="257">
        <v>174</v>
      </c>
      <c r="BK38" s="257">
        <v>279</v>
      </c>
      <c r="BL38" s="257">
        <v>151</v>
      </c>
      <c r="BM38" s="257">
        <v>41</v>
      </c>
      <c r="BN38" s="257">
        <v>25</v>
      </c>
      <c r="BO38" s="254">
        <v>670</v>
      </c>
      <c r="BP38" s="259">
        <v>670</v>
      </c>
      <c r="BQ38" s="253">
        <v>0</v>
      </c>
      <c r="BR38" s="257">
        <v>0</v>
      </c>
      <c r="BS38" s="254">
        <v>0</v>
      </c>
      <c r="BT38" s="256">
        <v>0</v>
      </c>
      <c r="BU38" s="257">
        <v>129</v>
      </c>
      <c r="BV38" s="257">
        <v>179</v>
      </c>
      <c r="BW38" s="257">
        <v>340</v>
      </c>
      <c r="BX38" s="257">
        <v>327</v>
      </c>
      <c r="BY38" s="257">
        <v>180</v>
      </c>
      <c r="BZ38" s="254">
        <v>1155</v>
      </c>
      <c r="CA38" s="259">
        <v>1155</v>
      </c>
      <c r="CB38" s="253">
        <v>0</v>
      </c>
      <c r="CC38" s="257">
        <v>0</v>
      </c>
      <c r="CD38" s="254">
        <v>0</v>
      </c>
      <c r="CE38" s="256">
        <v>0</v>
      </c>
      <c r="CF38" s="257">
        <v>10</v>
      </c>
      <c r="CG38" s="257">
        <v>2</v>
      </c>
      <c r="CH38" s="257">
        <v>0</v>
      </c>
      <c r="CI38" s="257">
        <v>3</v>
      </c>
      <c r="CJ38" s="257">
        <v>0</v>
      </c>
      <c r="CK38" s="254">
        <v>15</v>
      </c>
      <c r="CL38" s="259">
        <v>15</v>
      </c>
      <c r="CM38" s="253">
        <v>0</v>
      </c>
      <c r="CN38" s="257">
        <v>0</v>
      </c>
      <c r="CO38" s="254">
        <v>0</v>
      </c>
      <c r="CP38" s="256">
        <v>0</v>
      </c>
      <c r="CQ38" s="257">
        <v>0</v>
      </c>
      <c r="CR38" s="257">
        <v>0</v>
      </c>
      <c r="CS38" s="257">
        <v>0</v>
      </c>
      <c r="CT38" s="257">
        <v>0</v>
      </c>
      <c r="CU38" s="257">
        <v>0</v>
      </c>
      <c r="CV38" s="254">
        <v>0</v>
      </c>
      <c r="CW38" s="259">
        <v>0</v>
      </c>
      <c r="CX38" s="253">
        <v>0</v>
      </c>
      <c r="CY38" s="257">
        <v>0</v>
      </c>
      <c r="CZ38" s="254">
        <v>0</v>
      </c>
      <c r="DA38" s="256">
        <v>0</v>
      </c>
      <c r="DB38" s="257">
        <v>0</v>
      </c>
      <c r="DC38" s="257">
        <v>0</v>
      </c>
      <c r="DD38" s="257">
        <v>0</v>
      </c>
      <c r="DE38" s="257">
        <v>0</v>
      </c>
      <c r="DF38" s="257">
        <v>0</v>
      </c>
      <c r="DG38" s="254">
        <v>0</v>
      </c>
      <c r="DH38" s="259">
        <v>0</v>
      </c>
    </row>
    <row r="39" spans="2:112" ht="21" customHeight="1" thickBot="1" x14ac:dyDescent="0.25">
      <c r="B39" s="438" t="s">
        <v>37</v>
      </c>
      <c r="C39" s="260">
        <v>0</v>
      </c>
      <c r="D39" s="264">
        <v>0</v>
      </c>
      <c r="E39" s="341">
        <v>0</v>
      </c>
      <c r="F39" s="263">
        <v>0</v>
      </c>
      <c r="G39" s="264">
        <v>45</v>
      </c>
      <c r="H39" s="264">
        <v>46</v>
      </c>
      <c r="I39" s="264">
        <v>107</v>
      </c>
      <c r="J39" s="264">
        <v>72</v>
      </c>
      <c r="K39" s="264">
        <v>135</v>
      </c>
      <c r="L39" s="265">
        <v>405</v>
      </c>
      <c r="M39" s="266">
        <v>405</v>
      </c>
      <c r="N39" s="260">
        <v>0</v>
      </c>
      <c r="O39" s="264">
        <v>0</v>
      </c>
      <c r="P39" s="261">
        <v>0</v>
      </c>
      <c r="Q39" s="263">
        <v>0</v>
      </c>
      <c r="R39" s="264">
        <v>0</v>
      </c>
      <c r="S39" s="264">
        <v>0</v>
      </c>
      <c r="T39" s="264">
        <v>0</v>
      </c>
      <c r="U39" s="264">
        <v>0</v>
      </c>
      <c r="V39" s="264">
        <v>0</v>
      </c>
      <c r="W39" s="261">
        <v>0</v>
      </c>
      <c r="X39" s="266">
        <v>0</v>
      </c>
      <c r="Y39" s="260">
        <v>8</v>
      </c>
      <c r="Z39" s="264">
        <v>0</v>
      </c>
      <c r="AA39" s="261">
        <v>8</v>
      </c>
      <c r="AB39" s="263">
        <v>0</v>
      </c>
      <c r="AC39" s="264">
        <v>22</v>
      </c>
      <c r="AD39" s="264">
        <v>29</v>
      </c>
      <c r="AE39" s="264">
        <v>4</v>
      </c>
      <c r="AF39" s="264">
        <v>59</v>
      </c>
      <c r="AG39" s="264">
        <v>35</v>
      </c>
      <c r="AH39" s="261">
        <v>149</v>
      </c>
      <c r="AI39" s="266">
        <v>157</v>
      </c>
      <c r="AJ39" s="260">
        <v>0</v>
      </c>
      <c r="AK39" s="264">
        <v>0</v>
      </c>
      <c r="AL39" s="261">
        <v>0</v>
      </c>
      <c r="AM39" s="263">
        <v>0</v>
      </c>
      <c r="AN39" s="264">
        <v>0</v>
      </c>
      <c r="AO39" s="264">
        <v>10</v>
      </c>
      <c r="AP39" s="264">
        <v>0</v>
      </c>
      <c r="AQ39" s="264">
        <v>12</v>
      </c>
      <c r="AR39" s="264">
        <v>8</v>
      </c>
      <c r="AS39" s="261">
        <v>30</v>
      </c>
      <c r="AT39" s="266">
        <v>30</v>
      </c>
      <c r="AU39" s="260">
        <v>0</v>
      </c>
      <c r="AV39" s="264">
        <v>0</v>
      </c>
      <c r="AW39" s="261">
        <v>0</v>
      </c>
      <c r="AX39" s="263">
        <v>0</v>
      </c>
      <c r="AY39" s="264">
        <v>49</v>
      </c>
      <c r="AZ39" s="264">
        <v>56</v>
      </c>
      <c r="BA39" s="264">
        <v>83</v>
      </c>
      <c r="BB39" s="264">
        <v>46</v>
      </c>
      <c r="BC39" s="264">
        <v>8</v>
      </c>
      <c r="BD39" s="265">
        <v>242</v>
      </c>
      <c r="BE39" s="266">
        <v>242</v>
      </c>
      <c r="BF39" s="260">
        <v>0</v>
      </c>
      <c r="BG39" s="264">
        <v>0</v>
      </c>
      <c r="BH39" s="261">
        <v>0</v>
      </c>
      <c r="BI39" s="263">
        <v>0</v>
      </c>
      <c r="BJ39" s="264">
        <v>44</v>
      </c>
      <c r="BK39" s="264">
        <v>52</v>
      </c>
      <c r="BL39" s="264">
        <v>4</v>
      </c>
      <c r="BM39" s="264">
        <v>21</v>
      </c>
      <c r="BN39" s="264">
        <v>15</v>
      </c>
      <c r="BO39" s="261">
        <v>136</v>
      </c>
      <c r="BP39" s="266">
        <v>136</v>
      </c>
      <c r="BQ39" s="260">
        <v>0</v>
      </c>
      <c r="BR39" s="264">
        <v>0</v>
      </c>
      <c r="BS39" s="261">
        <v>0</v>
      </c>
      <c r="BT39" s="263">
        <v>0</v>
      </c>
      <c r="BU39" s="264">
        <v>0</v>
      </c>
      <c r="BV39" s="264">
        <v>9</v>
      </c>
      <c r="BW39" s="264">
        <v>22</v>
      </c>
      <c r="BX39" s="264">
        <v>14</v>
      </c>
      <c r="BY39" s="264">
        <v>0</v>
      </c>
      <c r="BZ39" s="261">
        <v>45</v>
      </c>
      <c r="CA39" s="266">
        <v>45</v>
      </c>
      <c r="CB39" s="260">
        <v>0</v>
      </c>
      <c r="CC39" s="264">
        <v>0</v>
      </c>
      <c r="CD39" s="261">
        <v>0</v>
      </c>
      <c r="CE39" s="263">
        <v>0</v>
      </c>
      <c r="CF39" s="264">
        <v>0</v>
      </c>
      <c r="CG39" s="264">
        <v>0</v>
      </c>
      <c r="CH39" s="264">
        <v>0</v>
      </c>
      <c r="CI39" s="264">
        <v>3</v>
      </c>
      <c r="CJ39" s="264">
        <v>4</v>
      </c>
      <c r="CK39" s="261">
        <v>7</v>
      </c>
      <c r="CL39" s="266">
        <v>7</v>
      </c>
      <c r="CM39" s="260">
        <v>0</v>
      </c>
      <c r="CN39" s="264">
        <v>0</v>
      </c>
      <c r="CO39" s="261">
        <v>0</v>
      </c>
      <c r="CP39" s="263">
        <v>0</v>
      </c>
      <c r="CQ39" s="264">
        <v>0</v>
      </c>
      <c r="CR39" s="264">
        <v>0</v>
      </c>
      <c r="CS39" s="264">
        <v>0</v>
      </c>
      <c r="CT39" s="264">
        <v>0</v>
      </c>
      <c r="CU39" s="264">
        <v>0</v>
      </c>
      <c r="CV39" s="261">
        <v>0</v>
      </c>
      <c r="CW39" s="266">
        <v>0</v>
      </c>
      <c r="CX39" s="260">
        <v>0</v>
      </c>
      <c r="CY39" s="264">
        <v>0</v>
      </c>
      <c r="CZ39" s="261">
        <v>0</v>
      </c>
      <c r="DA39" s="263">
        <v>0</v>
      </c>
      <c r="DB39" s="264">
        <v>0</v>
      </c>
      <c r="DC39" s="264">
        <v>0</v>
      </c>
      <c r="DD39" s="264">
        <v>0</v>
      </c>
      <c r="DE39" s="264">
        <v>0</v>
      </c>
      <c r="DF39" s="264">
        <v>0</v>
      </c>
      <c r="DG39" s="261">
        <v>0</v>
      </c>
      <c r="DH39" s="266">
        <v>0</v>
      </c>
    </row>
    <row r="40" spans="2:112" ht="27" customHeight="1" x14ac:dyDescent="0.2"/>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4-05-16T06:16:40Z</dcterms:modified>
</cp:coreProperties>
</file>